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notesSlides/notesSlide25.xml" ContentType="application/vnd.openxmlformats-officedocument.presentationml.notesSlide+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diagrams/data10.xml" ContentType="application/vnd.openxmlformats-officedocument.drawingml.diagramData+xml"/>
  <Override PartName="/ppt/diagrams/layout10.xml" ContentType="application/vnd.openxmlformats-officedocument.drawingml.diagramLayout+xml"/>
  <Override PartName="/ppt/diagrams/quickStyle10.xml" ContentType="application/vnd.openxmlformats-officedocument.drawingml.diagramStyle+xml"/>
  <Override PartName="/ppt/diagrams/colors10.xml" ContentType="application/vnd.openxmlformats-officedocument.drawingml.diagramColors+xml"/>
  <Override PartName="/ppt/diagrams/drawing10.xml" ContentType="application/vnd.ms-office.drawingml.diagramDrawing+xml"/>
  <Override PartName="/ppt/diagrams/data11.xml" ContentType="application/vnd.openxmlformats-officedocument.drawingml.diagramData+xml"/>
  <Override PartName="/ppt/diagrams/layout11.xml" ContentType="application/vnd.openxmlformats-officedocument.drawingml.diagramLayout+xml"/>
  <Override PartName="/ppt/diagrams/quickStyle11.xml" ContentType="application/vnd.openxmlformats-officedocument.drawingml.diagramStyle+xml"/>
  <Override PartName="/ppt/diagrams/colors11.xml" ContentType="application/vnd.openxmlformats-officedocument.drawingml.diagramColors+xml"/>
  <Override PartName="/ppt/diagrams/drawing11.xml" ContentType="application/vnd.ms-office.drawingml.diagramDrawing+xml"/>
  <Override PartName="/ppt/diagrams/data12.xml" ContentType="application/vnd.openxmlformats-officedocument.drawingml.diagramData+xml"/>
  <Override PartName="/ppt/diagrams/layout12.xml" ContentType="application/vnd.openxmlformats-officedocument.drawingml.diagramLayout+xml"/>
  <Override PartName="/ppt/diagrams/quickStyle12.xml" ContentType="application/vnd.openxmlformats-officedocument.drawingml.diagramStyle+xml"/>
  <Override PartName="/ppt/diagrams/colors12.xml" ContentType="application/vnd.openxmlformats-officedocument.drawingml.diagramColors+xml"/>
  <Override PartName="/ppt/diagrams/drawing12.xml" ContentType="application/vnd.ms-office.drawingml.diagramDrawing+xml"/>
  <Override PartName="/ppt/diagrams/data13.xml" ContentType="application/vnd.openxmlformats-officedocument.drawingml.diagramData+xml"/>
  <Override PartName="/ppt/diagrams/layout13.xml" ContentType="application/vnd.openxmlformats-officedocument.drawingml.diagramLayout+xml"/>
  <Override PartName="/ppt/diagrams/quickStyle13.xml" ContentType="application/vnd.openxmlformats-officedocument.drawingml.diagramStyle+xml"/>
  <Override PartName="/ppt/diagrams/colors13.xml" ContentType="application/vnd.openxmlformats-officedocument.drawingml.diagramColors+xml"/>
  <Override PartName="/ppt/diagrams/drawing13.xml" ContentType="application/vnd.ms-office.drawingml.diagramDrawing+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diagrams/data14.xml" ContentType="application/vnd.openxmlformats-officedocument.drawingml.diagramData+xml"/>
  <Override PartName="/ppt/diagrams/layout14.xml" ContentType="application/vnd.openxmlformats-officedocument.drawingml.diagramLayout+xml"/>
  <Override PartName="/ppt/diagrams/quickStyle14.xml" ContentType="application/vnd.openxmlformats-officedocument.drawingml.diagramStyle+xml"/>
  <Override PartName="/ppt/diagrams/colors14.xml" ContentType="application/vnd.openxmlformats-officedocument.drawingml.diagramColors+xml"/>
  <Override PartName="/ppt/diagrams/drawing14.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925" r:id="rId57"/>
  </p:sldMasterIdLst>
  <p:notesMasterIdLst>
    <p:notesMasterId r:id="rId116"/>
  </p:notesMasterIdLst>
  <p:handoutMasterIdLst>
    <p:handoutMasterId r:id="rId117"/>
  </p:handoutMasterIdLst>
  <p:sldIdLst>
    <p:sldId id="257" r:id="rId58"/>
    <p:sldId id="2147373979" r:id="rId59"/>
    <p:sldId id="2147373989" r:id="rId60"/>
    <p:sldId id="1169" r:id="rId61"/>
    <p:sldId id="2141412076" r:id="rId62"/>
    <p:sldId id="1170" r:id="rId63"/>
    <p:sldId id="2258" r:id="rId64"/>
    <p:sldId id="2147373975" r:id="rId65"/>
    <p:sldId id="2147373976" r:id="rId66"/>
    <p:sldId id="1174" r:id="rId67"/>
    <p:sldId id="1175" r:id="rId68"/>
    <p:sldId id="331" r:id="rId69"/>
    <p:sldId id="341" r:id="rId70"/>
    <p:sldId id="2141412057" r:id="rId71"/>
    <p:sldId id="256" r:id="rId72"/>
    <p:sldId id="2141412085" r:id="rId73"/>
    <p:sldId id="781" r:id="rId74"/>
    <p:sldId id="2141412078" r:id="rId75"/>
    <p:sldId id="2141412079" r:id="rId76"/>
    <p:sldId id="2147373980" r:id="rId77"/>
    <p:sldId id="2141412080" r:id="rId78"/>
    <p:sldId id="2141412081" r:id="rId79"/>
    <p:sldId id="2141412058" r:id="rId80"/>
    <p:sldId id="2147373983" r:id="rId81"/>
    <p:sldId id="2147373984" r:id="rId82"/>
    <p:sldId id="2147373985" r:id="rId83"/>
    <p:sldId id="2147373986" r:id="rId84"/>
    <p:sldId id="2147373987" r:id="rId85"/>
    <p:sldId id="2141412067" r:id="rId86"/>
    <p:sldId id="293" r:id="rId87"/>
    <p:sldId id="295" r:id="rId88"/>
    <p:sldId id="404" r:id="rId89"/>
    <p:sldId id="296" r:id="rId90"/>
    <p:sldId id="2147373977" r:id="rId91"/>
    <p:sldId id="298" r:id="rId92"/>
    <p:sldId id="299" r:id="rId93"/>
    <p:sldId id="2141412073" r:id="rId94"/>
    <p:sldId id="2147373978" r:id="rId95"/>
    <p:sldId id="302" r:id="rId96"/>
    <p:sldId id="303" r:id="rId97"/>
    <p:sldId id="2147373982" r:id="rId98"/>
    <p:sldId id="304" r:id="rId99"/>
    <p:sldId id="263" r:id="rId100"/>
    <p:sldId id="284" r:id="rId101"/>
    <p:sldId id="283" r:id="rId102"/>
    <p:sldId id="269" r:id="rId103"/>
    <p:sldId id="271" r:id="rId104"/>
    <p:sldId id="272" r:id="rId105"/>
    <p:sldId id="280" r:id="rId106"/>
    <p:sldId id="276" r:id="rId107"/>
    <p:sldId id="2147373988" r:id="rId108"/>
    <p:sldId id="2554" r:id="rId109"/>
    <p:sldId id="307" r:id="rId110"/>
    <p:sldId id="813" r:id="rId111"/>
    <p:sldId id="814" r:id="rId112"/>
    <p:sldId id="815" r:id="rId113"/>
    <p:sldId id="266" r:id="rId114"/>
    <p:sldId id="2141412070" r:id="rId115"/>
  </p:sldIdLst>
  <p:sldSz cx="12192000" cy="6858000"/>
  <p:notesSz cx="6858000" cy="9144000"/>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500" userDrawn="1">
          <p15:clr>
            <a:srgbClr val="A4A3A4"/>
          </p15:clr>
        </p15:guide>
        <p15:guide id="2" pos="7388" userDrawn="1">
          <p15:clr>
            <a:srgbClr val="A4A3A4"/>
          </p15:clr>
        </p15:guide>
        <p15:guide id="3" orient="horz" pos="1176"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EF1D1"/>
    <a:srgbClr val="CCE7B9"/>
    <a:srgbClr val="F6CCFF"/>
    <a:srgbClr val="D5FBFD"/>
    <a:srgbClr val="0C4D63"/>
  </p:clrMru>
  <p:extLst>
    <p:ext uri="{E76CE94A-603C-4142-B9EB-6D1370010A27}">
      <p14:discardImageEditData xmlns:p14="http://schemas.microsoft.com/office/powerpoint/2010/main" val="0"/>
    </p:ext>
    <p:ext uri="{D31A062A-798A-4329-ABDD-BBA856620510}">
      <p14:defaultImageDpi xmlns:p14="http://schemas.microsoft.com/office/powerpoint/2010/main" val="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8307"/>
    <p:restoredTop sz="96654" autoAdjust="0"/>
  </p:normalViewPr>
  <p:slideViewPr>
    <p:cSldViewPr snapToGrid="0" snapToObjects="1">
      <p:cViewPr varScale="1">
        <p:scale>
          <a:sx n="131" d="100"/>
          <a:sy n="131" d="100"/>
        </p:scale>
        <p:origin x="200" y="408"/>
      </p:cViewPr>
      <p:guideLst>
        <p:guide orient="horz" pos="1500"/>
        <p:guide pos="7388"/>
        <p:guide orient="horz" pos="1176"/>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54" d="100"/>
        <a:sy n="154" d="100"/>
      </p:scale>
      <p:origin x="0" y="0"/>
    </p:cViewPr>
  </p:sorterViewPr>
  <p:notesViewPr>
    <p:cSldViewPr snapToGrid="0" snapToObjects="1">
      <p:cViewPr varScale="1">
        <p:scale>
          <a:sx n="105" d="100"/>
          <a:sy n="105" d="100"/>
        </p:scale>
        <p:origin x="4512" y="208"/>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handoutMaster" Target="handoutMasters/handoutMaster1.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6.xml"/><Relationship Id="rId68" Type="http://schemas.openxmlformats.org/officeDocument/2006/relationships/slide" Target="slides/slide11.xml"/><Relationship Id="rId84" Type="http://schemas.openxmlformats.org/officeDocument/2006/relationships/slide" Target="slides/slide27.xml"/><Relationship Id="rId89" Type="http://schemas.openxmlformats.org/officeDocument/2006/relationships/slide" Target="slides/slide32.xml"/><Relationship Id="rId112" Type="http://schemas.openxmlformats.org/officeDocument/2006/relationships/slide" Target="slides/slide55.xml"/><Relationship Id="rId16" Type="http://schemas.openxmlformats.org/officeDocument/2006/relationships/customXml" Target="../customXml/item16.xml"/><Relationship Id="rId107" Type="http://schemas.openxmlformats.org/officeDocument/2006/relationships/slide" Target="slides/slide50.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slide" Target="slides/slide1.xml"/><Relationship Id="rId74" Type="http://schemas.openxmlformats.org/officeDocument/2006/relationships/slide" Target="slides/slide17.xml"/><Relationship Id="rId79" Type="http://schemas.openxmlformats.org/officeDocument/2006/relationships/slide" Target="slides/slide22.xml"/><Relationship Id="rId102" Type="http://schemas.openxmlformats.org/officeDocument/2006/relationships/slide" Target="slides/slide45.xml"/><Relationship Id="rId5" Type="http://schemas.openxmlformats.org/officeDocument/2006/relationships/customXml" Target="../customXml/item5.xml"/><Relationship Id="rId90" Type="http://schemas.openxmlformats.org/officeDocument/2006/relationships/slide" Target="slides/slide33.xml"/><Relationship Id="rId95" Type="http://schemas.openxmlformats.org/officeDocument/2006/relationships/slide" Target="slides/slide38.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slide" Target="slides/slide7.xml"/><Relationship Id="rId69" Type="http://schemas.openxmlformats.org/officeDocument/2006/relationships/slide" Target="slides/slide12.xml"/><Relationship Id="rId113" Type="http://schemas.openxmlformats.org/officeDocument/2006/relationships/slide" Target="slides/slide56.xml"/><Relationship Id="rId118" Type="http://schemas.openxmlformats.org/officeDocument/2006/relationships/presProps" Target="presProps.xml"/><Relationship Id="rId80" Type="http://schemas.openxmlformats.org/officeDocument/2006/relationships/slide" Target="slides/slide23.xml"/><Relationship Id="rId85" Type="http://schemas.openxmlformats.org/officeDocument/2006/relationships/slide" Target="slides/slide28.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slide" Target="slides/slide2.xml"/><Relationship Id="rId103" Type="http://schemas.openxmlformats.org/officeDocument/2006/relationships/slide" Target="slides/slide46.xml"/><Relationship Id="rId108" Type="http://schemas.openxmlformats.org/officeDocument/2006/relationships/slide" Target="slides/slide51.xml"/><Relationship Id="rId54" Type="http://schemas.openxmlformats.org/officeDocument/2006/relationships/customXml" Target="../customXml/item54.xml"/><Relationship Id="rId70" Type="http://schemas.openxmlformats.org/officeDocument/2006/relationships/slide" Target="slides/slide13.xml"/><Relationship Id="rId75" Type="http://schemas.openxmlformats.org/officeDocument/2006/relationships/slide" Target="slides/slide18.xml"/><Relationship Id="rId91" Type="http://schemas.openxmlformats.org/officeDocument/2006/relationships/slide" Target="slides/slide34.xml"/><Relationship Id="rId96" Type="http://schemas.openxmlformats.org/officeDocument/2006/relationships/slide" Target="slides/slide39.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57.xml"/><Relationship Id="rId119" Type="http://schemas.openxmlformats.org/officeDocument/2006/relationships/viewProps" Target="viewProps.xml"/><Relationship Id="rId44" Type="http://schemas.openxmlformats.org/officeDocument/2006/relationships/customXml" Target="../customXml/item44.xml"/><Relationship Id="rId60" Type="http://schemas.openxmlformats.org/officeDocument/2006/relationships/slide" Target="slides/slide3.xml"/><Relationship Id="rId65" Type="http://schemas.openxmlformats.org/officeDocument/2006/relationships/slide" Target="slides/slide8.xml"/><Relationship Id="rId81" Type="http://schemas.openxmlformats.org/officeDocument/2006/relationships/slide" Target="slides/slide24.xml"/><Relationship Id="rId86" Type="http://schemas.openxmlformats.org/officeDocument/2006/relationships/slide" Target="slides/slide29.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52.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19.xml"/><Relationship Id="rId97" Type="http://schemas.openxmlformats.org/officeDocument/2006/relationships/slide" Target="slides/slide40.xml"/><Relationship Id="rId104" Type="http://schemas.openxmlformats.org/officeDocument/2006/relationships/slide" Target="slides/slide47.xml"/><Relationship Id="rId120"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slide" Target="slides/slide14.xml"/><Relationship Id="rId92" Type="http://schemas.openxmlformats.org/officeDocument/2006/relationships/slide" Target="slides/slide35.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9.xml"/><Relationship Id="rId87" Type="http://schemas.openxmlformats.org/officeDocument/2006/relationships/slide" Target="slides/slide30.xml"/><Relationship Id="rId110" Type="http://schemas.openxmlformats.org/officeDocument/2006/relationships/slide" Target="slides/slide53.xml"/><Relationship Id="rId115" Type="http://schemas.openxmlformats.org/officeDocument/2006/relationships/slide" Target="slides/slide58.xml"/><Relationship Id="rId61" Type="http://schemas.openxmlformats.org/officeDocument/2006/relationships/slide" Target="slides/slide4.xml"/><Relationship Id="rId82" Type="http://schemas.openxmlformats.org/officeDocument/2006/relationships/slide" Target="slides/slide25.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slide" Target="slides/slide20.xml"/><Relationship Id="rId100" Type="http://schemas.openxmlformats.org/officeDocument/2006/relationships/slide" Target="slides/slide43.xml"/><Relationship Id="rId105" Type="http://schemas.openxmlformats.org/officeDocument/2006/relationships/slide" Target="slides/slide48.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5.xml"/><Relationship Id="rId93" Type="http://schemas.openxmlformats.org/officeDocument/2006/relationships/slide" Target="slides/slide36.xml"/><Relationship Id="rId98" Type="http://schemas.openxmlformats.org/officeDocument/2006/relationships/slide" Target="slides/slide41.xml"/><Relationship Id="rId121" Type="http://schemas.openxmlformats.org/officeDocument/2006/relationships/tableStyles" Target="tableStyles.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slide" Target="slides/slide10.xml"/><Relationship Id="rId116"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slide" Target="slides/slide5.xml"/><Relationship Id="rId83" Type="http://schemas.openxmlformats.org/officeDocument/2006/relationships/slide" Target="slides/slide26.xml"/><Relationship Id="rId88" Type="http://schemas.openxmlformats.org/officeDocument/2006/relationships/slide" Target="slides/slide31.xml"/><Relationship Id="rId111" Type="http://schemas.openxmlformats.org/officeDocument/2006/relationships/slide" Target="slides/slide54.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slideMaster" Target="slideMasters/slideMaster1.xml"/><Relationship Id="rId106" Type="http://schemas.openxmlformats.org/officeDocument/2006/relationships/slide" Target="slides/slide49.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slide" Target="slides/slide16.xml"/><Relationship Id="rId78" Type="http://schemas.openxmlformats.org/officeDocument/2006/relationships/slide" Target="slides/slide21.xml"/><Relationship Id="rId94" Type="http://schemas.openxmlformats.org/officeDocument/2006/relationships/slide" Target="slides/slide37.xml"/><Relationship Id="rId99" Type="http://schemas.openxmlformats.org/officeDocument/2006/relationships/slide" Target="slides/slide42.xml"/><Relationship Id="rId101" Type="http://schemas.openxmlformats.org/officeDocument/2006/relationships/slide" Target="slides/slide44.xml"/></Relationships>
</file>

<file path=ppt/diagrams/colors1.xml><?xml version="1.0" encoding="utf-8"?>
<dgm:colorsDef xmlns:dgm="http://schemas.openxmlformats.org/drawingml/2006/diagram" xmlns:a="http://schemas.openxmlformats.org/drawingml/2006/main" uniqueId="urn:microsoft.com/office/officeart/2005/8/colors/accent4_5">
  <dgm:title val=""/>
  <dgm:desc val=""/>
  <dgm:catLst>
    <dgm:cat type="accent4" pri="11500"/>
  </dgm:catLst>
  <dgm:styleLbl name="node0">
    <dgm:fillClrLst meth="cycle">
      <a:schemeClr val="accent4">
        <a:alpha val="80000"/>
      </a:schemeClr>
    </dgm:fillClrLst>
    <dgm:linClrLst meth="repeat">
      <a:schemeClr val="lt1"/>
    </dgm:linClrLst>
    <dgm:effectClrLst/>
    <dgm:txLinClrLst/>
    <dgm:txFillClrLst/>
    <dgm:txEffectClrLst/>
  </dgm:styleLbl>
  <dgm:styleLbl name="node1">
    <dgm:fillClrLst>
      <a:schemeClr val="accent4">
        <a:alpha val="90000"/>
      </a:schemeClr>
      <a:schemeClr val="accent4">
        <a:alpha val="50000"/>
      </a:schemeClr>
    </dgm:fillClrLst>
    <dgm:linClrLst meth="repeat">
      <a:schemeClr val="lt1"/>
    </dgm:linClrLst>
    <dgm:effectClrLst/>
    <dgm:txLinClrLst/>
    <dgm:txFillClrLst/>
    <dgm:txEffectClrLst/>
  </dgm:styleLbl>
  <dgm:styleLbl name="alignNode1">
    <dgm:fillClrLst>
      <a:schemeClr val="accent4">
        <a:alpha val="90000"/>
      </a:schemeClr>
      <a:schemeClr val="accent4">
        <a:alpha val="50000"/>
      </a:schemeClr>
    </dgm:fillClrLst>
    <dgm:linClrLst>
      <a:schemeClr val="accent4">
        <a:alpha val="90000"/>
      </a:schemeClr>
      <a:schemeClr val="accent4">
        <a:alpha val="50000"/>
      </a:schemeClr>
    </dgm:linClrLst>
    <dgm:effectClrLst/>
    <dgm:txLinClrLst/>
    <dgm:txFillClrLst/>
    <dgm:txEffectClrLst/>
  </dgm:styleLbl>
  <dgm:styleLbl name="lnNode1">
    <dgm:fillClrLst>
      <a:schemeClr val="accent4">
        <a:shade val="90000"/>
      </a:schemeClr>
      <a:schemeClr val="accent4">
        <a:alpha val="50000"/>
        <a:tint val="50000"/>
      </a:schemeClr>
    </dgm:fillClrLst>
    <dgm:linClrLst meth="repeat">
      <a:schemeClr val="lt1"/>
    </dgm:linClrLst>
    <dgm:effectClrLst/>
    <dgm:txLinClrLst/>
    <dgm:txFillClrLst/>
    <dgm:txEffectClrLst/>
  </dgm:styleLbl>
  <dgm:styleLbl name="vennNode1">
    <dgm:fillClrLst>
      <a:schemeClr val="accent4">
        <a:shade val="80000"/>
        <a:alpha val="50000"/>
      </a:schemeClr>
      <a:schemeClr val="accent4">
        <a:alpha val="80000"/>
      </a:schemeClr>
    </dgm:fillClrLst>
    <dgm:linClrLst meth="repeat">
      <a:schemeClr val="lt1"/>
    </dgm:linClrLst>
    <dgm:effectClrLst/>
    <dgm:txLinClrLst/>
    <dgm:txFillClrLst/>
    <dgm:txEffectClrLst/>
  </dgm:styleLbl>
  <dgm:styleLbl name="node2">
    <dgm:fillClrLst>
      <a:schemeClr val="accent4">
        <a:alpha val="70000"/>
      </a:schemeClr>
    </dgm:fillClrLst>
    <dgm:linClrLst meth="repeat">
      <a:schemeClr val="lt1"/>
    </dgm:linClrLst>
    <dgm:effectClrLst/>
    <dgm:txLinClrLst/>
    <dgm:txFillClrLst/>
    <dgm:txEffectClrLst/>
  </dgm:styleLbl>
  <dgm:styleLbl name="node3">
    <dgm:fillClrLst>
      <a:schemeClr val="accent4">
        <a:alpha val="50000"/>
      </a:schemeClr>
    </dgm:fillClrLst>
    <dgm:linClrLst meth="repeat">
      <a:schemeClr val="lt1"/>
    </dgm:linClrLst>
    <dgm:effectClrLst/>
    <dgm:txLinClrLst/>
    <dgm:txFillClrLst/>
    <dgm:txEffectClrLst/>
  </dgm:styleLbl>
  <dgm:styleLbl name="node4">
    <dgm:fillClrLst>
      <a:schemeClr val="accent4">
        <a:alpha val="30000"/>
      </a:schemeClr>
    </dgm:fillClrLst>
    <dgm:linClrLst meth="repeat">
      <a:schemeClr val="lt1"/>
    </dgm:linClrLst>
    <dgm:effectClrLst/>
    <dgm:txLinClrLst/>
    <dgm:txFillClrLst/>
    <dgm:txEffectClrLst/>
  </dgm:styleLbl>
  <dgm:styleLbl name="fgImgPlace1">
    <dgm:fillClrLst>
      <a:schemeClr val="accent4">
        <a:tint val="50000"/>
        <a:alpha val="90000"/>
      </a:schemeClr>
      <a:schemeClr val="accent4">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f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b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sibTrans1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meth="repeat">
      <a:schemeClr val="tx1"/>
    </dgm:txFillClrLst>
    <dgm:txEffectClrLst/>
  </dgm:styleLbl>
  <dgm:styleLbl name="callout">
    <dgm:fillClrLst meth="repeat">
      <a:schemeClr val="accent4"/>
    </dgm:fillClrLst>
    <dgm:linClrLst meth="repeat">
      <a:schemeClr val="accent4"/>
    </dgm:linClrLst>
    <dgm:effectClrLst/>
    <dgm:txLinClrLst/>
    <dgm:txFillClrLst meth="repeat">
      <a:schemeClr val="tx1"/>
    </dgm:txFillClrLst>
    <dgm:txEffectClrLst/>
  </dgm:styleLbl>
  <dgm:styleLbl name="asst0">
    <dgm:fillClrLst meth="repeat">
      <a:schemeClr val="accent4">
        <a:alpha val="90000"/>
      </a:schemeClr>
    </dgm:fillClrLst>
    <dgm:linClrLst meth="repeat">
      <a:schemeClr val="lt1"/>
    </dgm:linClrLst>
    <dgm:effectClrLst/>
    <dgm:txLinClrLst/>
    <dgm:txFillClrLst/>
    <dgm:txEffectClrLst/>
  </dgm:styleLbl>
  <dgm:styleLbl name="asst1">
    <dgm:fillClrLst meth="repeat">
      <a:schemeClr val="accent4">
        <a:alpha val="90000"/>
      </a:schemeClr>
    </dgm:fillClrLst>
    <dgm:linClrLst meth="repeat">
      <a:schemeClr val="lt1"/>
    </dgm:linClrLst>
    <dgm:effectClrLst/>
    <dgm:txLinClrLst/>
    <dgm:txFillClrLst/>
    <dgm:txEffectClrLst/>
  </dgm:styleLbl>
  <dgm:styleLbl name="asst2">
    <dgm:fillClrLst>
      <a:schemeClr val="accent4">
        <a:alpha val="90000"/>
      </a:schemeClr>
    </dgm:fillClrLst>
    <dgm:linClrLst meth="repeat">
      <a:schemeClr val="lt1"/>
    </dgm:linClrLst>
    <dgm:effectClrLst/>
    <dgm:txLinClrLst/>
    <dgm:txFillClrLst/>
    <dgm:txEffectClrLst/>
  </dgm:styleLbl>
  <dgm:styleLbl name="asst3">
    <dgm:fillClrLst>
      <a:schemeClr val="accent4">
        <a:alpha val="70000"/>
      </a:schemeClr>
    </dgm:fillClrLst>
    <dgm:linClrLst meth="repeat">
      <a:schemeClr val="lt1"/>
    </dgm:linClrLst>
    <dgm:effectClrLst/>
    <dgm:txLinClrLst/>
    <dgm:txFillClrLst/>
    <dgm:txEffectClrLst/>
  </dgm:styleLbl>
  <dgm:styleLbl name="asst4">
    <dgm:fillClrLst>
      <a:schemeClr val="accent4">
        <a:alpha val="50000"/>
      </a:schemeClr>
    </dgm:fillClrLst>
    <dgm:linClrLst meth="repeat">
      <a:schemeClr val="lt1"/>
    </dgm:linClrLst>
    <dgm:effectClrLst/>
    <dgm:txLinClrLst/>
    <dgm:txFillClrLst/>
    <dgm:txEffectClrLst/>
  </dgm:styleLbl>
  <dgm:styleLbl name="parChTrans2D1">
    <dgm:fillClrLst meth="repeat">
      <a:schemeClr val="accent4">
        <a:shade val="80000"/>
      </a:schemeClr>
    </dgm:fillClrLst>
    <dgm:linClrLst meth="repeat">
      <a:schemeClr val="accent4">
        <a:shade val="80000"/>
      </a:schemeClr>
    </dgm:linClrLst>
    <dgm:effectClrLst/>
    <dgm:txLinClrLst/>
    <dgm:txFillClrLst/>
    <dgm:txEffectClrLst/>
  </dgm:styleLbl>
  <dgm:styleLbl name="parChTrans2D2">
    <dgm:fillClrLst meth="repeat">
      <a:schemeClr val="accent4">
        <a:tint val="90000"/>
      </a:schemeClr>
    </dgm:fillClrLst>
    <dgm:linClrLst meth="repeat">
      <a:schemeClr val="accent4">
        <a:tint val="90000"/>
      </a:schemeClr>
    </dgm:linClrLst>
    <dgm:effectClrLst/>
    <dgm:txLinClrLst/>
    <dgm:txFillClrLst/>
    <dgm:txEffectClrLst/>
  </dgm:styleLbl>
  <dgm:styleLbl name="parChTrans2D3">
    <dgm:fillClrLst meth="repeat">
      <a:schemeClr val="accent4">
        <a:tint val="70000"/>
      </a:schemeClr>
    </dgm:fillClrLst>
    <dgm:linClrLst meth="repeat">
      <a:schemeClr val="accent4">
        <a:tint val="70000"/>
      </a:schemeClr>
    </dgm:linClrLst>
    <dgm:effectClrLst/>
    <dgm:txLinClrLst/>
    <dgm:txFillClrLst/>
    <dgm:txEffectClrLst/>
  </dgm:styleLbl>
  <dgm:styleLbl name="parChTrans2D4">
    <dgm:fillClrLst meth="repeat">
      <a:schemeClr val="accent4">
        <a:tint val="50000"/>
      </a:schemeClr>
    </dgm:fillClrLst>
    <dgm:linClrLst meth="repeat">
      <a:schemeClr val="accent4">
        <a:tint val="50000"/>
      </a:schemeClr>
    </dgm:linClrLst>
    <dgm:effectClrLst/>
    <dgm:txLinClrLst/>
    <dgm:txFillClrLst meth="repeat">
      <a:schemeClr val="dk1"/>
    </dgm:txFillClrLst>
    <dgm:txEffectClrLst/>
  </dgm:styleLbl>
  <dgm:styleLbl name="parChTrans1D1">
    <dgm:fillClrLst meth="repeat">
      <a:schemeClr val="accent4">
        <a:shade val="80000"/>
      </a:schemeClr>
    </dgm:fillClrLst>
    <dgm:linClrLst meth="repeat">
      <a:schemeClr val="accent4">
        <a:shade val="80000"/>
      </a:schemeClr>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4">
        <a:tint val="90000"/>
      </a:schemeClr>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4">
        <a:tint val="70000"/>
      </a:schemeClr>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4">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a:schemeClr val="accent4">
        <a:alpha val="90000"/>
        <a:tint val="40000"/>
      </a:schemeClr>
      <a:schemeClr val="accent4">
        <a:alpha val="5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a:tint val="50000"/>
      </a:schemeClr>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0.xml><?xml version="1.0" encoding="utf-8"?>
<dgm:colorsDef xmlns:dgm="http://schemas.openxmlformats.org/drawingml/2006/diagram" xmlns:a="http://schemas.openxmlformats.org/drawingml/2006/main" uniqueId="urn:microsoft.com/office/officeart/2005/8/colors/accent4_5">
  <dgm:title val=""/>
  <dgm:desc val=""/>
  <dgm:catLst>
    <dgm:cat type="accent4" pri="11500"/>
  </dgm:catLst>
  <dgm:styleLbl name="node0">
    <dgm:fillClrLst meth="cycle">
      <a:schemeClr val="accent4">
        <a:alpha val="80000"/>
      </a:schemeClr>
    </dgm:fillClrLst>
    <dgm:linClrLst meth="repeat">
      <a:schemeClr val="lt1"/>
    </dgm:linClrLst>
    <dgm:effectClrLst/>
    <dgm:txLinClrLst/>
    <dgm:txFillClrLst/>
    <dgm:txEffectClrLst/>
  </dgm:styleLbl>
  <dgm:styleLbl name="node1">
    <dgm:fillClrLst>
      <a:schemeClr val="accent4">
        <a:alpha val="90000"/>
      </a:schemeClr>
      <a:schemeClr val="accent4">
        <a:alpha val="50000"/>
      </a:schemeClr>
    </dgm:fillClrLst>
    <dgm:linClrLst meth="repeat">
      <a:schemeClr val="lt1"/>
    </dgm:linClrLst>
    <dgm:effectClrLst/>
    <dgm:txLinClrLst/>
    <dgm:txFillClrLst/>
    <dgm:txEffectClrLst/>
  </dgm:styleLbl>
  <dgm:styleLbl name="alignNode1">
    <dgm:fillClrLst>
      <a:schemeClr val="accent4">
        <a:alpha val="90000"/>
      </a:schemeClr>
      <a:schemeClr val="accent4">
        <a:alpha val="50000"/>
      </a:schemeClr>
    </dgm:fillClrLst>
    <dgm:linClrLst>
      <a:schemeClr val="accent4">
        <a:alpha val="90000"/>
      </a:schemeClr>
      <a:schemeClr val="accent4">
        <a:alpha val="50000"/>
      </a:schemeClr>
    </dgm:linClrLst>
    <dgm:effectClrLst/>
    <dgm:txLinClrLst/>
    <dgm:txFillClrLst/>
    <dgm:txEffectClrLst/>
  </dgm:styleLbl>
  <dgm:styleLbl name="lnNode1">
    <dgm:fillClrLst>
      <a:schemeClr val="accent4">
        <a:shade val="90000"/>
      </a:schemeClr>
      <a:schemeClr val="accent4">
        <a:alpha val="50000"/>
        <a:tint val="50000"/>
      </a:schemeClr>
    </dgm:fillClrLst>
    <dgm:linClrLst meth="repeat">
      <a:schemeClr val="lt1"/>
    </dgm:linClrLst>
    <dgm:effectClrLst/>
    <dgm:txLinClrLst/>
    <dgm:txFillClrLst/>
    <dgm:txEffectClrLst/>
  </dgm:styleLbl>
  <dgm:styleLbl name="vennNode1">
    <dgm:fillClrLst>
      <a:schemeClr val="accent4">
        <a:shade val="80000"/>
        <a:alpha val="50000"/>
      </a:schemeClr>
      <a:schemeClr val="accent4">
        <a:alpha val="80000"/>
      </a:schemeClr>
    </dgm:fillClrLst>
    <dgm:linClrLst meth="repeat">
      <a:schemeClr val="lt1"/>
    </dgm:linClrLst>
    <dgm:effectClrLst/>
    <dgm:txLinClrLst/>
    <dgm:txFillClrLst/>
    <dgm:txEffectClrLst/>
  </dgm:styleLbl>
  <dgm:styleLbl name="node2">
    <dgm:fillClrLst>
      <a:schemeClr val="accent4">
        <a:alpha val="70000"/>
      </a:schemeClr>
    </dgm:fillClrLst>
    <dgm:linClrLst meth="repeat">
      <a:schemeClr val="lt1"/>
    </dgm:linClrLst>
    <dgm:effectClrLst/>
    <dgm:txLinClrLst/>
    <dgm:txFillClrLst/>
    <dgm:txEffectClrLst/>
  </dgm:styleLbl>
  <dgm:styleLbl name="node3">
    <dgm:fillClrLst>
      <a:schemeClr val="accent4">
        <a:alpha val="50000"/>
      </a:schemeClr>
    </dgm:fillClrLst>
    <dgm:linClrLst meth="repeat">
      <a:schemeClr val="lt1"/>
    </dgm:linClrLst>
    <dgm:effectClrLst/>
    <dgm:txLinClrLst/>
    <dgm:txFillClrLst/>
    <dgm:txEffectClrLst/>
  </dgm:styleLbl>
  <dgm:styleLbl name="node4">
    <dgm:fillClrLst>
      <a:schemeClr val="accent4">
        <a:alpha val="30000"/>
      </a:schemeClr>
    </dgm:fillClrLst>
    <dgm:linClrLst meth="repeat">
      <a:schemeClr val="lt1"/>
    </dgm:linClrLst>
    <dgm:effectClrLst/>
    <dgm:txLinClrLst/>
    <dgm:txFillClrLst/>
    <dgm:txEffectClrLst/>
  </dgm:styleLbl>
  <dgm:styleLbl name="fgImgPlace1">
    <dgm:fillClrLst>
      <a:schemeClr val="accent4">
        <a:tint val="50000"/>
        <a:alpha val="90000"/>
      </a:schemeClr>
      <a:schemeClr val="accent4">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f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b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sibTrans1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meth="repeat">
      <a:schemeClr val="tx1"/>
    </dgm:txFillClrLst>
    <dgm:txEffectClrLst/>
  </dgm:styleLbl>
  <dgm:styleLbl name="callout">
    <dgm:fillClrLst meth="repeat">
      <a:schemeClr val="accent4"/>
    </dgm:fillClrLst>
    <dgm:linClrLst meth="repeat">
      <a:schemeClr val="accent4"/>
    </dgm:linClrLst>
    <dgm:effectClrLst/>
    <dgm:txLinClrLst/>
    <dgm:txFillClrLst meth="repeat">
      <a:schemeClr val="tx1"/>
    </dgm:txFillClrLst>
    <dgm:txEffectClrLst/>
  </dgm:styleLbl>
  <dgm:styleLbl name="asst0">
    <dgm:fillClrLst meth="repeat">
      <a:schemeClr val="accent4">
        <a:alpha val="90000"/>
      </a:schemeClr>
    </dgm:fillClrLst>
    <dgm:linClrLst meth="repeat">
      <a:schemeClr val="lt1"/>
    </dgm:linClrLst>
    <dgm:effectClrLst/>
    <dgm:txLinClrLst/>
    <dgm:txFillClrLst/>
    <dgm:txEffectClrLst/>
  </dgm:styleLbl>
  <dgm:styleLbl name="asst1">
    <dgm:fillClrLst meth="repeat">
      <a:schemeClr val="accent4">
        <a:alpha val="90000"/>
      </a:schemeClr>
    </dgm:fillClrLst>
    <dgm:linClrLst meth="repeat">
      <a:schemeClr val="lt1"/>
    </dgm:linClrLst>
    <dgm:effectClrLst/>
    <dgm:txLinClrLst/>
    <dgm:txFillClrLst/>
    <dgm:txEffectClrLst/>
  </dgm:styleLbl>
  <dgm:styleLbl name="asst2">
    <dgm:fillClrLst>
      <a:schemeClr val="accent4">
        <a:alpha val="90000"/>
      </a:schemeClr>
    </dgm:fillClrLst>
    <dgm:linClrLst meth="repeat">
      <a:schemeClr val="lt1"/>
    </dgm:linClrLst>
    <dgm:effectClrLst/>
    <dgm:txLinClrLst/>
    <dgm:txFillClrLst/>
    <dgm:txEffectClrLst/>
  </dgm:styleLbl>
  <dgm:styleLbl name="asst3">
    <dgm:fillClrLst>
      <a:schemeClr val="accent4">
        <a:alpha val="70000"/>
      </a:schemeClr>
    </dgm:fillClrLst>
    <dgm:linClrLst meth="repeat">
      <a:schemeClr val="lt1"/>
    </dgm:linClrLst>
    <dgm:effectClrLst/>
    <dgm:txLinClrLst/>
    <dgm:txFillClrLst/>
    <dgm:txEffectClrLst/>
  </dgm:styleLbl>
  <dgm:styleLbl name="asst4">
    <dgm:fillClrLst>
      <a:schemeClr val="accent4">
        <a:alpha val="50000"/>
      </a:schemeClr>
    </dgm:fillClrLst>
    <dgm:linClrLst meth="repeat">
      <a:schemeClr val="lt1"/>
    </dgm:linClrLst>
    <dgm:effectClrLst/>
    <dgm:txLinClrLst/>
    <dgm:txFillClrLst/>
    <dgm:txEffectClrLst/>
  </dgm:styleLbl>
  <dgm:styleLbl name="parChTrans2D1">
    <dgm:fillClrLst meth="repeat">
      <a:schemeClr val="accent4">
        <a:shade val="80000"/>
      </a:schemeClr>
    </dgm:fillClrLst>
    <dgm:linClrLst meth="repeat">
      <a:schemeClr val="accent4">
        <a:shade val="80000"/>
      </a:schemeClr>
    </dgm:linClrLst>
    <dgm:effectClrLst/>
    <dgm:txLinClrLst/>
    <dgm:txFillClrLst/>
    <dgm:txEffectClrLst/>
  </dgm:styleLbl>
  <dgm:styleLbl name="parChTrans2D2">
    <dgm:fillClrLst meth="repeat">
      <a:schemeClr val="accent4">
        <a:tint val="90000"/>
      </a:schemeClr>
    </dgm:fillClrLst>
    <dgm:linClrLst meth="repeat">
      <a:schemeClr val="accent4">
        <a:tint val="90000"/>
      </a:schemeClr>
    </dgm:linClrLst>
    <dgm:effectClrLst/>
    <dgm:txLinClrLst/>
    <dgm:txFillClrLst/>
    <dgm:txEffectClrLst/>
  </dgm:styleLbl>
  <dgm:styleLbl name="parChTrans2D3">
    <dgm:fillClrLst meth="repeat">
      <a:schemeClr val="accent4">
        <a:tint val="70000"/>
      </a:schemeClr>
    </dgm:fillClrLst>
    <dgm:linClrLst meth="repeat">
      <a:schemeClr val="accent4">
        <a:tint val="70000"/>
      </a:schemeClr>
    </dgm:linClrLst>
    <dgm:effectClrLst/>
    <dgm:txLinClrLst/>
    <dgm:txFillClrLst/>
    <dgm:txEffectClrLst/>
  </dgm:styleLbl>
  <dgm:styleLbl name="parChTrans2D4">
    <dgm:fillClrLst meth="repeat">
      <a:schemeClr val="accent4">
        <a:tint val="50000"/>
      </a:schemeClr>
    </dgm:fillClrLst>
    <dgm:linClrLst meth="repeat">
      <a:schemeClr val="accent4">
        <a:tint val="50000"/>
      </a:schemeClr>
    </dgm:linClrLst>
    <dgm:effectClrLst/>
    <dgm:txLinClrLst/>
    <dgm:txFillClrLst meth="repeat">
      <a:schemeClr val="dk1"/>
    </dgm:txFillClrLst>
    <dgm:txEffectClrLst/>
  </dgm:styleLbl>
  <dgm:styleLbl name="parChTrans1D1">
    <dgm:fillClrLst meth="repeat">
      <a:schemeClr val="accent4">
        <a:shade val="80000"/>
      </a:schemeClr>
    </dgm:fillClrLst>
    <dgm:linClrLst meth="repeat">
      <a:schemeClr val="accent4">
        <a:shade val="80000"/>
      </a:schemeClr>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4">
        <a:tint val="90000"/>
      </a:schemeClr>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4">
        <a:tint val="70000"/>
      </a:schemeClr>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4">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a:schemeClr val="accent4">
        <a:alpha val="90000"/>
        <a:tint val="40000"/>
      </a:schemeClr>
      <a:schemeClr val="accent4">
        <a:alpha val="5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a:tint val="50000"/>
      </a:schemeClr>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1.xml><?xml version="1.0" encoding="utf-8"?>
<dgm:colorsDef xmlns:dgm="http://schemas.openxmlformats.org/drawingml/2006/diagram" xmlns:a="http://schemas.openxmlformats.org/drawingml/2006/main" uniqueId="urn:microsoft.com/office/officeart/2005/8/colors/accent4_5">
  <dgm:title val=""/>
  <dgm:desc val=""/>
  <dgm:catLst>
    <dgm:cat type="accent4" pri="11500"/>
  </dgm:catLst>
  <dgm:styleLbl name="node0">
    <dgm:fillClrLst meth="cycle">
      <a:schemeClr val="accent4">
        <a:alpha val="80000"/>
      </a:schemeClr>
    </dgm:fillClrLst>
    <dgm:linClrLst meth="repeat">
      <a:schemeClr val="lt1"/>
    </dgm:linClrLst>
    <dgm:effectClrLst/>
    <dgm:txLinClrLst/>
    <dgm:txFillClrLst/>
    <dgm:txEffectClrLst/>
  </dgm:styleLbl>
  <dgm:styleLbl name="node1">
    <dgm:fillClrLst>
      <a:schemeClr val="accent4">
        <a:alpha val="90000"/>
      </a:schemeClr>
      <a:schemeClr val="accent4">
        <a:alpha val="50000"/>
      </a:schemeClr>
    </dgm:fillClrLst>
    <dgm:linClrLst meth="repeat">
      <a:schemeClr val="lt1"/>
    </dgm:linClrLst>
    <dgm:effectClrLst/>
    <dgm:txLinClrLst/>
    <dgm:txFillClrLst/>
    <dgm:txEffectClrLst/>
  </dgm:styleLbl>
  <dgm:styleLbl name="alignNode1">
    <dgm:fillClrLst>
      <a:schemeClr val="accent4">
        <a:alpha val="90000"/>
      </a:schemeClr>
      <a:schemeClr val="accent4">
        <a:alpha val="50000"/>
      </a:schemeClr>
    </dgm:fillClrLst>
    <dgm:linClrLst>
      <a:schemeClr val="accent4">
        <a:alpha val="90000"/>
      </a:schemeClr>
      <a:schemeClr val="accent4">
        <a:alpha val="50000"/>
      </a:schemeClr>
    </dgm:linClrLst>
    <dgm:effectClrLst/>
    <dgm:txLinClrLst/>
    <dgm:txFillClrLst/>
    <dgm:txEffectClrLst/>
  </dgm:styleLbl>
  <dgm:styleLbl name="lnNode1">
    <dgm:fillClrLst>
      <a:schemeClr val="accent4">
        <a:shade val="90000"/>
      </a:schemeClr>
      <a:schemeClr val="accent4">
        <a:alpha val="50000"/>
        <a:tint val="50000"/>
      </a:schemeClr>
    </dgm:fillClrLst>
    <dgm:linClrLst meth="repeat">
      <a:schemeClr val="lt1"/>
    </dgm:linClrLst>
    <dgm:effectClrLst/>
    <dgm:txLinClrLst/>
    <dgm:txFillClrLst/>
    <dgm:txEffectClrLst/>
  </dgm:styleLbl>
  <dgm:styleLbl name="vennNode1">
    <dgm:fillClrLst>
      <a:schemeClr val="accent4">
        <a:shade val="80000"/>
        <a:alpha val="50000"/>
      </a:schemeClr>
      <a:schemeClr val="accent4">
        <a:alpha val="80000"/>
      </a:schemeClr>
    </dgm:fillClrLst>
    <dgm:linClrLst meth="repeat">
      <a:schemeClr val="lt1"/>
    </dgm:linClrLst>
    <dgm:effectClrLst/>
    <dgm:txLinClrLst/>
    <dgm:txFillClrLst/>
    <dgm:txEffectClrLst/>
  </dgm:styleLbl>
  <dgm:styleLbl name="node2">
    <dgm:fillClrLst>
      <a:schemeClr val="accent4">
        <a:alpha val="70000"/>
      </a:schemeClr>
    </dgm:fillClrLst>
    <dgm:linClrLst meth="repeat">
      <a:schemeClr val="lt1"/>
    </dgm:linClrLst>
    <dgm:effectClrLst/>
    <dgm:txLinClrLst/>
    <dgm:txFillClrLst/>
    <dgm:txEffectClrLst/>
  </dgm:styleLbl>
  <dgm:styleLbl name="node3">
    <dgm:fillClrLst>
      <a:schemeClr val="accent4">
        <a:alpha val="50000"/>
      </a:schemeClr>
    </dgm:fillClrLst>
    <dgm:linClrLst meth="repeat">
      <a:schemeClr val="lt1"/>
    </dgm:linClrLst>
    <dgm:effectClrLst/>
    <dgm:txLinClrLst/>
    <dgm:txFillClrLst/>
    <dgm:txEffectClrLst/>
  </dgm:styleLbl>
  <dgm:styleLbl name="node4">
    <dgm:fillClrLst>
      <a:schemeClr val="accent4">
        <a:alpha val="30000"/>
      </a:schemeClr>
    </dgm:fillClrLst>
    <dgm:linClrLst meth="repeat">
      <a:schemeClr val="lt1"/>
    </dgm:linClrLst>
    <dgm:effectClrLst/>
    <dgm:txLinClrLst/>
    <dgm:txFillClrLst/>
    <dgm:txEffectClrLst/>
  </dgm:styleLbl>
  <dgm:styleLbl name="fgImgPlace1">
    <dgm:fillClrLst>
      <a:schemeClr val="accent4">
        <a:tint val="50000"/>
        <a:alpha val="90000"/>
      </a:schemeClr>
      <a:schemeClr val="accent4">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f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b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sibTrans1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meth="repeat">
      <a:schemeClr val="tx1"/>
    </dgm:txFillClrLst>
    <dgm:txEffectClrLst/>
  </dgm:styleLbl>
  <dgm:styleLbl name="callout">
    <dgm:fillClrLst meth="repeat">
      <a:schemeClr val="accent4"/>
    </dgm:fillClrLst>
    <dgm:linClrLst meth="repeat">
      <a:schemeClr val="accent4"/>
    </dgm:linClrLst>
    <dgm:effectClrLst/>
    <dgm:txLinClrLst/>
    <dgm:txFillClrLst meth="repeat">
      <a:schemeClr val="tx1"/>
    </dgm:txFillClrLst>
    <dgm:txEffectClrLst/>
  </dgm:styleLbl>
  <dgm:styleLbl name="asst0">
    <dgm:fillClrLst meth="repeat">
      <a:schemeClr val="accent4">
        <a:alpha val="90000"/>
      </a:schemeClr>
    </dgm:fillClrLst>
    <dgm:linClrLst meth="repeat">
      <a:schemeClr val="lt1"/>
    </dgm:linClrLst>
    <dgm:effectClrLst/>
    <dgm:txLinClrLst/>
    <dgm:txFillClrLst/>
    <dgm:txEffectClrLst/>
  </dgm:styleLbl>
  <dgm:styleLbl name="asst1">
    <dgm:fillClrLst meth="repeat">
      <a:schemeClr val="accent4">
        <a:alpha val="90000"/>
      </a:schemeClr>
    </dgm:fillClrLst>
    <dgm:linClrLst meth="repeat">
      <a:schemeClr val="lt1"/>
    </dgm:linClrLst>
    <dgm:effectClrLst/>
    <dgm:txLinClrLst/>
    <dgm:txFillClrLst/>
    <dgm:txEffectClrLst/>
  </dgm:styleLbl>
  <dgm:styleLbl name="asst2">
    <dgm:fillClrLst>
      <a:schemeClr val="accent4">
        <a:alpha val="90000"/>
      </a:schemeClr>
    </dgm:fillClrLst>
    <dgm:linClrLst meth="repeat">
      <a:schemeClr val="lt1"/>
    </dgm:linClrLst>
    <dgm:effectClrLst/>
    <dgm:txLinClrLst/>
    <dgm:txFillClrLst/>
    <dgm:txEffectClrLst/>
  </dgm:styleLbl>
  <dgm:styleLbl name="asst3">
    <dgm:fillClrLst>
      <a:schemeClr val="accent4">
        <a:alpha val="70000"/>
      </a:schemeClr>
    </dgm:fillClrLst>
    <dgm:linClrLst meth="repeat">
      <a:schemeClr val="lt1"/>
    </dgm:linClrLst>
    <dgm:effectClrLst/>
    <dgm:txLinClrLst/>
    <dgm:txFillClrLst/>
    <dgm:txEffectClrLst/>
  </dgm:styleLbl>
  <dgm:styleLbl name="asst4">
    <dgm:fillClrLst>
      <a:schemeClr val="accent4">
        <a:alpha val="50000"/>
      </a:schemeClr>
    </dgm:fillClrLst>
    <dgm:linClrLst meth="repeat">
      <a:schemeClr val="lt1"/>
    </dgm:linClrLst>
    <dgm:effectClrLst/>
    <dgm:txLinClrLst/>
    <dgm:txFillClrLst/>
    <dgm:txEffectClrLst/>
  </dgm:styleLbl>
  <dgm:styleLbl name="parChTrans2D1">
    <dgm:fillClrLst meth="repeat">
      <a:schemeClr val="accent4">
        <a:shade val="80000"/>
      </a:schemeClr>
    </dgm:fillClrLst>
    <dgm:linClrLst meth="repeat">
      <a:schemeClr val="accent4">
        <a:shade val="80000"/>
      </a:schemeClr>
    </dgm:linClrLst>
    <dgm:effectClrLst/>
    <dgm:txLinClrLst/>
    <dgm:txFillClrLst/>
    <dgm:txEffectClrLst/>
  </dgm:styleLbl>
  <dgm:styleLbl name="parChTrans2D2">
    <dgm:fillClrLst meth="repeat">
      <a:schemeClr val="accent4">
        <a:tint val="90000"/>
      </a:schemeClr>
    </dgm:fillClrLst>
    <dgm:linClrLst meth="repeat">
      <a:schemeClr val="accent4">
        <a:tint val="90000"/>
      </a:schemeClr>
    </dgm:linClrLst>
    <dgm:effectClrLst/>
    <dgm:txLinClrLst/>
    <dgm:txFillClrLst/>
    <dgm:txEffectClrLst/>
  </dgm:styleLbl>
  <dgm:styleLbl name="parChTrans2D3">
    <dgm:fillClrLst meth="repeat">
      <a:schemeClr val="accent4">
        <a:tint val="70000"/>
      </a:schemeClr>
    </dgm:fillClrLst>
    <dgm:linClrLst meth="repeat">
      <a:schemeClr val="accent4">
        <a:tint val="70000"/>
      </a:schemeClr>
    </dgm:linClrLst>
    <dgm:effectClrLst/>
    <dgm:txLinClrLst/>
    <dgm:txFillClrLst/>
    <dgm:txEffectClrLst/>
  </dgm:styleLbl>
  <dgm:styleLbl name="parChTrans2D4">
    <dgm:fillClrLst meth="repeat">
      <a:schemeClr val="accent4">
        <a:tint val="50000"/>
      </a:schemeClr>
    </dgm:fillClrLst>
    <dgm:linClrLst meth="repeat">
      <a:schemeClr val="accent4">
        <a:tint val="50000"/>
      </a:schemeClr>
    </dgm:linClrLst>
    <dgm:effectClrLst/>
    <dgm:txLinClrLst/>
    <dgm:txFillClrLst meth="repeat">
      <a:schemeClr val="dk1"/>
    </dgm:txFillClrLst>
    <dgm:txEffectClrLst/>
  </dgm:styleLbl>
  <dgm:styleLbl name="parChTrans1D1">
    <dgm:fillClrLst meth="repeat">
      <a:schemeClr val="accent4">
        <a:shade val="80000"/>
      </a:schemeClr>
    </dgm:fillClrLst>
    <dgm:linClrLst meth="repeat">
      <a:schemeClr val="accent4">
        <a:shade val="80000"/>
      </a:schemeClr>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4">
        <a:tint val="90000"/>
      </a:schemeClr>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4">
        <a:tint val="70000"/>
      </a:schemeClr>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4">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a:schemeClr val="accent4">
        <a:alpha val="90000"/>
        <a:tint val="40000"/>
      </a:schemeClr>
      <a:schemeClr val="accent4">
        <a:alpha val="5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a:tint val="50000"/>
      </a:schemeClr>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2.xml><?xml version="1.0" encoding="utf-8"?>
<dgm:colorsDef xmlns:dgm="http://schemas.openxmlformats.org/drawingml/2006/diagram" xmlns:a="http://schemas.openxmlformats.org/drawingml/2006/main" uniqueId="urn:microsoft.com/office/officeart/2005/8/colors/accent4_5">
  <dgm:title val=""/>
  <dgm:desc val=""/>
  <dgm:catLst>
    <dgm:cat type="accent4" pri="11500"/>
  </dgm:catLst>
  <dgm:styleLbl name="node0">
    <dgm:fillClrLst meth="cycle">
      <a:schemeClr val="accent4">
        <a:alpha val="80000"/>
      </a:schemeClr>
    </dgm:fillClrLst>
    <dgm:linClrLst meth="repeat">
      <a:schemeClr val="lt1"/>
    </dgm:linClrLst>
    <dgm:effectClrLst/>
    <dgm:txLinClrLst/>
    <dgm:txFillClrLst/>
    <dgm:txEffectClrLst/>
  </dgm:styleLbl>
  <dgm:styleLbl name="node1">
    <dgm:fillClrLst>
      <a:schemeClr val="accent4">
        <a:alpha val="90000"/>
      </a:schemeClr>
      <a:schemeClr val="accent4">
        <a:alpha val="50000"/>
      </a:schemeClr>
    </dgm:fillClrLst>
    <dgm:linClrLst meth="repeat">
      <a:schemeClr val="lt1"/>
    </dgm:linClrLst>
    <dgm:effectClrLst/>
    <dgm:txLinClrLst/>
    <dgm:txFillClrLst/>
    <dgm:txEffectClrLst/>
  </dgm:styleLbl>
  <dgm:styleLbl name="alignNode1">
    <dgm:fillClrLst>
      <a:schemeClr val="accent4">
        <a:alpha val="90000"/>
      </a:schemeClr>
      <a:schemeClr val="accent4">
        <a:alpha val="50000"/>
      </a:schemeClr>
    </dgm:fillClrLst>
    <dgm:linClrLst>
      <a:schemeClr val="accent4">
        <a:alpha val="90000"/>
      </a:schemeClr>
      <a:schemeClr val="accent4">
        <a:alpha val="50000"/>
      </a:schemeClr>
    </dgm:linClrLst>
    <dgm:effectClrLst/>
    <dgm:txLinClrLst/>
    <dgm:txFillClrLst/>
    <dgm:txEffectClrLst/>
  </dgm:styleLbl>
  <dgm:styleLbl name="lnNode1">
    <dgm:fillClrLst>
      <a:schemeClr val="accent4">
        <a:shade val="90000"/>
      </a:schemeClr>
      <a:schemeClr val="accent4">
        <a:alpha val="50000"/>
        <a:tint val="50000"/>
      </a:schemeClr>
    </dgm:fillClrLst>
    <dgm:linClrLst meth="repeat">
      <a:schemeClr val="lt1"/>
    </dgm:linClrLst>
    <dgm:effectClrLst/>
    <dgm:txLinClrLst/>
    <dgm:txFillClrLst/>
    <dgm:txEffectClrLst/>
  </dgm:styleLbl>
  <dgm:styleLbl name="vennNode1">
    <dgm:fillClrLst>
      <a:schemeClr val="accent4">
        <a:shade val="80000"/>
        <a:alpha val="50000"/>
      </a:schemeClr>
      <a:schemeClr val="accent4">
        <a:alpha val="80000"/>
      </a:schemeClr>
    </dgm:fillClrLst>
    <dgm:linClrLst meth="repeat">
      <a:schemeClr val="lt1"/>
    </dgm:linClrLst>
    <dgm:effectClrLst/>
    <dgm:txLinClrLst/>
    <dgm:txFillClrLst/>
    <dgm:txEffectClrLst/>
  </dgm:styleLbl>
  <dgm:styleLbl name="node2">
    <dgm:fillClrLst>
      <a:schemeClr val="accent4">
        <a:alpha val="70000"/>
      </a:schemeClr>
    </dgm:fillClrLst>
    <dgm:linClrLst meth="repeat">
      <a:schemeClr val="lt1"/>
    </dgm:linClrLst>
    <dgm:effectClrLst/>
    <dgm:txLinClrLst/>
    <dgm:txFillClrLst/>
    <dgm:txEffectClrLst/>
  </dgm:styleLbl>
  <dgm:styleLbl name="node3">
    <dgm:fillClrLst>
      <a:schemeClr val="accent4">
        <a:alpha val="50000"/>
      </a:schemeClr>
    </dgm:fillClrLst>
    <dgm:linClrLst meth="repeat">
      <a:schemeClr val="lt1"/>
    </dgm:linClrLst>
    <dgm:effectClrLst/>
    <dgm:txLinClrLst/>
    <dgm:txFillClrLst/>
    <dgm:txEffectClrLst/>
  </dgm:styleLbl>
  <dgm:styleLbl name="node4">
    <dgm:fillClrLst>
      <a:schemeClr val="accent4">
        <a:alpha val="30000"/>
      </a:schemeClr>
    </dgm:fillClrLst>
    <dgm:linClrLst meth="repeat">
      <a:schemeClr val="lt1"/>
    </dgm:linClrLst>
    <dgm:effectClrLst/>
    <dgm:txLinClrLst/>
    <dgm:txFillClrLst/>
    <dgm:txEffectClrLst/>
  </dgm:styleLbl>
  <dgm:styleLbl name="fgImgPlace1">
    <dgm:fillClrLst>
      <a:schemeClr val="accent4">
        <a:tint val="50000"/>
        <a:alpha val="90000"/>
      </a:schemeClr>
      <a:schemeClr val="accent4">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f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b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sibTrans1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meth="repeat">
      <a:schemeClr val="tx1"/>
    </dgm:txFillClrLst>
    <dgm:txEffectClrLst/>
  </dgm:styleLbl>
  <dgm:styleLbl name="callout">
    <dgm:fillClrLst meth="repeat">
      <a:schemeClr val="accent4"/>
    </dgm:fillClrLst>
    <dgm:linClrLst meth="repeat">
      <a:schemeClr val="accent4"/>
    </dgm:linClrLst>
    <dgm:effectClrLst/>
    <dgm:txLinClrLst/>
    <dgm:txFillClrLst meth="repeat">
      <a:schemeClr val="tx1"/>
    </dgm:txFillClrLst>
    <dgm:txEffectClrLst/>
  </dgm:styleLbl>
  <dgm:styleLbl name="asst0">
    <dgm:fillClrLst meth="repeat">
      <a:schemeClr val="accent4">
        <a:alpha val="90000"/>
      </a:schemeClr>
    </dgm:fillClrLst>
    <dgm:linClrLst meth="repeat">
      <a:schemeClr val="lt1"/>
    </dgm:linClrLst>
    <dgm:effectClrLst/>
    <dgm:txLinClrLst/>
    <dgm:txFillClrLst/>
    <dgm:txEffectClrLst/>
  </dgm:styleLbl>
  <dgm:styleLbl name="asst1">
    <dgm:fillClrLst meth="repeat">
      <a:schemeClr val="accent4">
        <a:alpha val="90000"/>
      </a:schemeClr>
    </dgm:fillClrLst>
    <dgm:linClrLst meth="repeat">
      <a:schemeClr val="lt1"/>
    </dgm:linClrLst>
    <dgm:effectClrLst/>
    <dgm:txLinClrLst/>
    <dgm:txFillClrLst/>
    <dgm:txEffectClrLst/>
  </dgm:styleLbl>
  <dgm:styleLbl name="asst2">
    <dgm:fillClrLst>
      <a:schemeClr val="accent4">
        <a:alpha val="90000"/>
      </a:schemeClr>
    </dgm:fillClrLst>
    <dgm:linClrLst meth="repeat">
      <a:schemeClr val="lt1"/>
    </dgm:linClrLst>
    <dgm:effectClrLst/>
    <dgm:txLinClrLst/>
    <dgm:txFillClrLst/>
    <dgm:txEffectClrLst/>
  </dgm:styleLbl>
  <dgm:styleLbl name="asst3">
    <dgm:fillClrLst>
      <a:schemeClr val="accent4">
        <a:alpha val="70000"/>
      </a:schemeClr>
    </dgm:fillClrLst>
    <dgm:linClrLst meth="repeat">
      <a:schemeClr val="lt1"/>
    </dgm:linClrLst>
    <dgm:effectClrLst/>
    <dgm:txLinClrLst/>
    <dgm:txFillClrLst/>
    <dgm:txEffectClrLst/>
  </dgm:styleLbl>
  <dgm:styleLbl name="asst4">
    <dgm:fillClrLst>
      <a:schemeClr val="accent4">
        <a:alpha val="50000"/>
      </a:schemeClr>
    </dgm:fillClrLst>
    <dgm:linClrLst meth="repeat">
      <a:schemeClr val="lt1"/>
    </dgm:linClrLst>
    <dgm:effectClrLst/>
    <dgm:txLinClrLst/>
    <dgm:txFillClrLst/>
    <dgm:txEffectClrLst/>
  </dgm:styleLbl>
  <dgm:styleLbl name="parChTrans2D1">
    <dgm:fillClrLst meth="repeat">
      <a:schemeClr val="accent4">
        <a:shade val="80000"/>
      </a:schemeClr>
    </dgm:fillClrLst>
    <dgm:linClrLst meth="repeat">
      <a:schemeClr val="accent4">
        <a:shade val="80000"/>
      </a:schemeClr>
    </dgm:linClrLst>
    <dgm:effectClrLst/>
    <dgm:txLinClrLst/>
    <dgm:txFillClrLst/>
    <dgm:txEffectClrLst/>
  </dgm:styleLbl>
  <dgm:styleLbl name="parChTrans2D2">
    <dgm:fillClrLst meth="repeat">
      <a:schemeClr val="accent4">
        <a:tint val="90000"/>
      </a:schemeClr>
    </dgm:fillClrLst>
    <dgm:linClrLst meth="repeat">
      <a:schemeClr val="accent4">
        <a:tint val="90000"/>
      </a:schemeClr>
    </dgm:linClrLst>
    <dgm:effectClrLst/>
    <dgm:txLinClrLst/>
    <dgm:txFillClrLst/>
    <dgm:txEffectClrLst/>
  </dgm:styleLbl>
  <dgm:styleLbl name="parChTrans2D3">
    <dgm:fillClrLst meth="repeat">
      <a:schemeClr val="accent4">
        <a:tint val="70000"/>
      </a:schemeClr>
    </dgm:fillClrLst>
    <dgm:linClrLst meth="repeat">
      <a:schemeClr val="accent4">
        <a:tint val="70000"/>
      </a:schemeClr>
    </dgm:linClrLst>
    <dgm:effectClrLst/>
    <dgm:txLinClrLst/>
    <dgm:txFillClrLst/>
    <dgm:txEffectClrLst/>
  </dgm:styleLbl>
  <dgm:styleLbl name="parChTrans2D4">
    <dgm:fillClrLst meth="repeat">
      <a:schemeClr val="accent4">
        <a:tint val="50000"/>
      </a:schemeClr>
    </dgm:fillClrLst>
    <dgm:linClrLst meth="repeat">
      <a:schemeClr val="accent4">
        <a:tint val="50000"/>
      </a:schemeClr>
    </dgm:linClrLst>
    <dgm:effectClrLst/>
    <dgm:txLinClrLst/>
    <dgm:txFillClrLst meth="repeat">
      <a:schemeClr val="dk1"/>
    </dgm:txFillClrLst>
    <dgm:txEffectClrLst/>
  </dgm:styleLbl>
  <dgm:styleLbl name="parChTrans1D1">
    <dgm:fillClrLst meth="repeat">
      <a:schemeClr val="accent4">
        <a:shade val="80000"/>
      </a:schemeClr>
    </dgm:fillClrLst>
    <dgm:linClrLst meth="repeat">
      <a:schemeClr val="accent4">
        <a:shade val="80000"/>
      </a:schemeClr>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4">
        <a:tint val="90000"/>
      </a:schemeClr>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4">
        <a:tint val="70000"/>
      </a:schemeClr>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4">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a:schemeClr val="accent4">
        <a:alpha val="90000"/>
        <a:tint val="40000"/>
      </a:schemeClr>
      <a:schemeClr val="accent4">
        <a:alpha val="5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a:tint val="50000"/>
      </a:schemeClr>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3.xml><?xml version="1.0" encoding="utf-8"?>
<dgm:colorsDef xmlns:dgm="http://schemas.openxmlformats.org/drawingml/2006/diagram" xmlns:a="http://schemas.openxmlformats.org/drawingml/2006/main" uniqueId="urn:microsoft.com/office/officeart/2005/8/colors/accent4_5">
  <dgm:title val=""/>
  <dgm:desc val=""/>
  <dgm:catLst>
    <dgm:cat type="accent4" pri="11500"/>
  </dgm:catLst>
  <dgm:styleLbl name="node0">
    <dgm:fillClrLst meth="cycle">
      <a:schemeClr val="accent4">
        <a:alpha val="80000"/>
      </a:schemeClr>
    </dgm:fillClrLst>
    <dgm:linClrLst meth="repeat">
      <a:schemeClr val="lt1"/>
    </dgm:linClrLst>
    <dgm:effectClrLst/>
    <dgm:txLinClrLst/>
    <dgm:txFillClrLst/>
    <dgm:txEffectClrLst/>
  </dgm:styleLbl>
  <dgm:styleLbl name="node1">
    <dgm:fillClrLst>
      <a:schemeClr val="accent4">
        <a:alpha val="90000"/>
      </a:schemeClr>
      <a:schemeClr val="accent4">
        <a:alpha val="50000"/>
      </a:schemeClr>
    </dgm:fillClrLst>
    <dgm:linClrLst meth="repeat">
      <a:schemeClr val="lt1"/>
    </dgm:linClrLst>
    <dgm:effectClrLst/>
    <dgm:txLinClrLst/>
    <dgm:txFillClrLst/>
    <dgm:txEffectClrLst/>
  </dgm:styleLbl>
  <dgm:styleLbl name="alignNode1">
    <dgm:fillClrLst>
      <a:schemeClr val="accent4">
        <a:alpha val="90000"/>
      </a:schemeClr>
      <a:schemeClr val="accent4">
        <a:alpha val="50000"/>
      </a:schemeClr>
    </dgm:fillClrLst>
    <dgm:linClrLst>
      <a:schemeClr val="accent4">
        <a:alpha val="90000"/>
      </a:schemeClr>
      <a:schemeClr val="accent4">
        <a:alpha val="50000"/>
      </a:schemeClr>
    </dgm:linClrLst>
    <dgm:effectClrLst/>
    <dgm:txLinClrLst/>
    <dgm:txFillClrLst/>
    <dgm:txEffectClrLst/>
  </dgm:styleLbl>
  <dgm:styleLbl name="lnNode1">
    <dgm:fillClrLst>
      <a:schemeClr val="accent4">
        <a:shade val="90000"/>
      </a:schemeClr>
      <a:schemeClr val="accent4">
        <a:alpha val="50000"/>
        <a:tint val="50000"/>
      </a:schemeClr>
    </dgm:fillClrLst>
    <dgm:linClrLst meth="repeat">
      <a:schemeClr val="lt1"/>
    </dgm:linClrLst>
    <dgm:effectClrLst/>
    <dgm:txLinClrLst/>
    <dgm:txFillClrLst/>
    <dgm:txEffectClrLst/>
  </dgm:styleLbl>
  <dgm:styleLbl name="vennNode1">
    <dgm:fillClrLst>
      <a:schemeClr val="accent4">
        <a:shade val="80000"/>
        <a:alpha val="50000"/>
      </a:schemeClr>
      <a:schemeClr val="accent4">
        <a:alpha val="80000"/>
      </a:schemeClr>
    </dgm:fillClrLst>
    <dgm:linClrLst meth="repeat">
      <a:schemeClr val="lt1"/>
    </dgm:linClrLst>
    <dgm:effectClrLst/>
    <dgm:txLinClrLst/>
    <dgm:txFillClrLst/>
    <dgm:txEffectClrLst/>
  </dgm:styleLbl>
  <dgm:styleLbl name="node2">
    <dgm:fillClrLst>
      <a:schemeClr val="accent4">
        <a:alpha val="70000"/>
      </a:schemeClr>
    </dgm:fillClrLst>
    <dgm:linClrLst meth="repeat">
      <a:schemeClr val="lt1"/>
    </dgm:linClrLst>
    <dgm:effectClrLst/>
    <dgm:txLinClrLst/>
    <dgm:txFillClrLst/>
    <dgm:txEffectClrLst/>
  </dgm:styleLbl>
  <dgm:styleLbl name="node3">
    <dgm:fillClrLst>
      <a:schemeClr val="accent4">
        <a:alpha val="50000"/>
      </a:schemeClr>
    </dgm:fillClrLst>
    <dgm:linClrLst meth="repeat">
      <a:schemeClr val="lt1"/>
    </dgm:linClrLst>
    <dgm:effectClrLst/>
    <dgm:txLinClrLst/>
    <dgm:txFillClrLst/>
    <dgm:txEffectClrLst/>
  </dgm:styleLbl>
  <dgm:styleLbl name="node4">
    <dgm:fillClrLst>
      <a:schemeClr val="accent4">
        <a:alpha val="30000"/>
      </a:schemeClr>
    </dgm:fillClrLst>
    <dgm:linClrLst meth="repeat">
      <a:schemeClr val="lt1"/>
    </dgm:linClrLst>
    <dgm:effectClrLst/>
    <dgm:txLinClrLst/>
    <dgm:txFillClrLst/>
    <dgm:txEffectClrLst/>
  </dgm:styleLbl>
  <dgm:styleLbl name="fgImgPlace1">
    <dgm:fillClrLst>
      <a:schemeClr val="accent4">
        <a:tint val="50000"/>
        <a:alpha val="90000"/>
      </a:schemeClr>
      <a:schemeClr val="accent4">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f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b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sibTrans1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meth="repeat">
      <a:schemeClr val="tx1"/>
    </dgm:txFillClrLst>
    <dgm:txEffectClrLst/>
  </dgm:styleLbl>
  <dgm:styleLbl name="callout">
    <dgm:fillClrLst meth="repeat">
      <a:schemeClr val="accent4"/>
    </dgm:fillClrLst>
    <dgm:linClrLst meth="repeat">
      <a:schemeClr val="accent4"/>
    </dgm:linClrLst>
    <dgm:effectClrLst/>
    <dgm:txLinClrLst/>
    <dgm:txFillClrLst meth="repeat">
      <a:schemeClr val="tx1"/>
    </dgm:txFillClrLst>
    <dgm:txEffectClrLst/>
  </dgm:styleLbl>
  <dgm:styleLbl name="asst0">
    <dgm:fillClrLst meth="repeat">
      <a:schemeClr val="accent4">
        <a:alpha val="90000"/>
      </a:schemeClr>
    </dgm:fillClrLst>
    <dgm:linClrLst meth="repeat">
      <a:schemeClr val="lt1"/>
    </dgm:linClrLst>
    <dgm:effectClrLst/>
    <dgm:txLinClrLst/>
    <dgm:txFillClrLst/>
    <dgm:txEffectClrLst/>
  </dgm:styleLbl>
  <dgm:styleLbl name="asst1">
    <dgm:fillClrLst meth="repeat">
      <a:schemeClr val="accent4">
        <a:alpha val="90000"/>
      </a:schemeClr>
    </dgm:fillClrLst>
    <dgm:linClrLst meth="repeat">
      <a:schemeClr val="lt1"/>
    </dgm:linClrLst>
    <dgm:effectClrLst/>
    <dgm:txLinClrLst/>
    <dgm:txFillClrLst/>
    <dgm:txEffectClrLst/>
  </dgm:styleLbl>
  <dgm:styleLbl name="asst2">
    <dgm:fillClrLst>
      <a:schemeClr val="accent4">
        <a:alpha val="90000"/>
      </a:schemeClr>
    </dgm:fillClrLst>
    <dgm:linClrLst meth="repeat">
      <a:schemeClr val="lt1"/>
    </dgm:linClrLst>
    <dgm:effectClrLst/>
    <dgm:txLinClrLst/>
    <dgm:txFillClrLst/>
    <dgm:txEffectClrLst/>
  </dgm:styleLbl>
  <dgm:styleLbl name="asst3">
    <dgm:fillClrLst>
      <a:schemeClr val="accent4">
        <a:alpha val="70000"/>
      </a:schemeClr>
    </dgm:fillClrLst>
    <dgm:linClrLst meth="repeat">
      <a:schemeClr val="lt1"/>
    </dgm:linClrLst>
    <dgm:effectClrLst/>
    <dgm:txLinClrLst/>
    <dgm:txFillClrLst/>
    <dgm:txEffectClrLst/>
  </dgm:styleLbl>
  <dgm:styleLbl name="asst4">
    <dgm:fillClrLst>
      <a:schemeClr val="accent4">
        <a:alpha val="50000"/>
      </a:schemeClr>
    </dgm:fillClrLst>
    <dgm:linClrLst meth="repeat">
      <a:schemeClr val="lt1"/>
    </dgm:linClrLst>
    <dgm:effectClrLst/>
    <dgm:txLinClrLst/>
    <dgm:txFillClrLst/>
    <dgm:txEffectClrLst/>
  </dgm:styleLbl>
  <dgm:styleLbl name="parChTrans2D1">
    <dgm:fillClrLst meth="repeat">
      <a:schemeClr val="accent4">
        <a:shade val="80000"/>
      </a:schemeClr>
    </dgm:fillClrLst>
    <dgm:linClrLst meth="repeat">
      <a:schemeClr val="accent4">
        <a:shade val="80000"/>
      </a:schemeClr>
    </dgm:linClrLst>
    <dgm:effectClrLst/>
    <dgm:txLinClrLst/>
    <dgm:txFillClrLst/>
    <dgm:txEffectClrLst/>
  </dgm:styleLbl>
  <dgm:styleLbl name="parChTrans2D2">
    <dgm:fillClrLst meth="repeat">
      <a:schemeClr val="accent4">
        <a:tint val="90000"/>
      </a:schemeClr>
    </dgm:fillClrLst>
    <dgm:linClrLst meth="repeat">
      <a:schemeClr val="accent4">
        <a:tint val="90000"/>
      </a:schemeClr>
    </dgm:linClrLst>
    <dgm:effectClrLst/>
    <dgm:txLinClrLst/>
    <dgm:txFillClrLst/>
    <dgm:txEffectClrLst/>
  </dgm:styleLbl>
  <dgm:styleLbl name="parChTrans2D3">
    <dgm:fillClrLst meth="repeat">
      <a:schemeClr val="accent4">
        <a:tint val="70000"/>
      </a:schemeClr>
    </dgm:fillClrLst>
    <dgm:linClrLst meth="repeat">
      <a:schemeClr val="accent4">
        <a:tint val="70000"/>
      </a:schemeClr>
    </dgm:linClrLst>
    <dgm:effectClrLst/>
    <dgm:txLinClrLst/>
    <dgm:txFillClrLst/>
    <dgm:txEffectClrLst/>
  </dgm:styleLbl>
  <dgm:styleLbl name="parChTrans2D4">
    <dgm:fillClrLst meth="repeat">
      <a:schemeClr val="accent4">
        <a:tint val="50000"/>
      </a:schemeClr>
    </dgm:fillClrLst>
    <dgm:linClrLst meth="repeat">
      <a:schemeClr val="accent4">
        <a:tint val="50000"/>
      </a:schemeClr>
    </dgm:linClrLst>
    <dgm:effectClrLst/>
    <dgm:txLinClrLst/>
    <dgm:txFillClrLst meth="repeat">
      <a:schemeClr val="dk1"/>
    </dgm:txFillClrLst>
    <dgm:txEffectClrLst/>
  </dgm:styleLbl>
  <dgm:styleLbl name="parChTrans1D1">
    <dgm:fillClrLst meth="repeat">
      <a:schemeClr val="accent4">
        <a:shade val="80000"/>
      </a:schemeClr>
    </dgm:fillClrLst>
    <dgm:linClrLst meth="repeat">
      <a:schemeClr val="accent4">
        <a:shade val="80000"/>
      </a:schemeClr>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4">
        <a:tint val="90000"/>
      </a:schemeClr>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4">
        <a:tint val="70000"/>
      </a:schemeClr>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4">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a:schemeClr val="accent4">
        <a:alpha val="90000"/>
        <a:tint val="40000"/>
      </a:schemeClr>
      <a:schemeClr val="accent4">
        <a:alpha val="5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a:tint val="50000"/>
      </a:schemeClr>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4_5">
  <dgm:title val=""/>
  <dgm:desc val=""/>
  <dgm:catLst>
    <dgm:cat type="accent4" pri="11500"/>
  </dgm:catLst>
  <dgm:styleLbl name="node0">
    <dgm:fillClrLst meth="cycle">
      <a:schemeClr val="accent4">
        <a:alpha val="80000"/>
      </a:schemeClr>
    </dgm:fillClrLst>
    <dgm:linClrLst meth="repeat">
      <a:schemeClr val="lt1"/>
    </dgm:linClrLst>
    <dgm:effectClrLst/>
    <dgm:txLinClrLst/>
    <dgm:txFillClrLst/>
    <dgm:txEffectClrLst/>
  </dgm:styleLbl>
  <dgm:styleLbl name="node1">
    <dgm:fillClrLst>
      <a:schemeClr val="accent4">
        <a:alpha val="90000"/>
      </a:schemeClr>
      <a:schemeClr val="accent4">
        <a:alpha val="50000"/>
      </a:schemeClr>
    </dgm:fillClrLst>
    <dgm:linClrLst meth="repeat">
      <a:schemeClr val="lt1"/>
    </dgm:linClrLst>
    <dgm:effectClrLst/>
    <dgm:txLinClrLst/>
    <dgm:txFillClrLst/>
    <dgm:txEffectClrLst/>
  </dgm:styleLbl>
  <dgm:styleLbl name="alignNode1">
    <dgm:fillClrLst>
      <a:schemeClr val="accent4">
        <a:alpha val="90000"/>
      </a:schemeClr>
      <a:schemeClr val="accent4">
        <a:alpha val="50000"/>
      </a:schemeClr>
    </dgm:fillClrLst>
    <dgm:linClrLst>
      <a:schemeClr val="accent4">
        <a:alpha val="90000"/>
      </a:schemeClr>
      <a:schemeClr val="accent4">
        <a:alpha val="50000"/>
      </a:schemeClr>
    </dgm:linClrLst>
    <dgm:effectClrLst/>
    <dgm:txLinClrLst/>
    <dgm:txFillClrLst/>
    <dgm:txEffectClrLst/>
  </dgm:styleLbl>
  <dgm:styleLbl name="lnNode1">
    <dgm:fillClrLst>
      <a:schemeClr val="accent4">
        <a:shade val="90000"/>
      </a:schemeClr>
      <a:schemeClr val="accent4">
        <a:alpha val="50000"/>
        <a:tint val="50000"/>
      </a:schemeClr>
    </dgm:fillClrLst>
    <dgm:linClrLst meth="repeat">
      <a:schemeClr val="lt1"/>
    </dgm:linClrLst>
    <dgm:effectClrLst/>
    <dgm:txLinClrLst/>
    <dgm:txFillClrLst/>
    <dgm:txEffectClrLst/>
  </dgm:styleLbl>
  <dgm:styleLbl name="vennNode1">
    <dgm:fillClrLst>
      <a:schemeClr val="accent4">
        <a:shade val="80000"/>
        <a:alpha val="50000"/>
      </a:schemeClr>
      <a:schemeClr val="accent4">
        <a:alpha val="80000"/>
      </a:schemeClr>
    </dgm:fillClrLst>
    <dgm:linClrLst meth="repeat">
      <a:schemeClr val="lt1"/>
    </dgm:linClrLst>
    <dgm:effectClrLst/>
    <dgm:txLinClrLst/>
    <dgm:txFillClrLst/>
    <dgm:txEffectClrLst/>
  </dgm:styleLbl>
  <dgm:styleLbl name="node2">
    <dgm:fillClrLst>
      <a:schemeClr val="accent4">
        <a:alpha val="70000"/>
      </a:schemeClr>
    </dgm:fillClrLst>
    <dgm:linClrLst meth="repeat">
      <a:schemeClr val="lt1"/>
    </dgm:linClrLst>
    <dgm:effectClrLst/>
    <dgm:txLinClrLst/>
    <dgm:txFillClrLst/>
    <dgm:txEffectClrLst/>
  </dgm:styleLbl>
  <dgm:styleLbl name="node3">
    <dgm:fillClrLst>
      <a:schemeClr val="accent4">
        <a:alpha val="50000"/>
      </a:schemeClr>
    </dgm:fillClrLst>
    <dgm:linClrLst meth="repeat">
      <a:schemeClr val="lt1"/>
    </dgm:linClrLst>
    <dgm:effectClrLst/>
    <dgm:txLinClrLst/>
    <dgm:txFillClrLst/>
    <dgm:txEffectClrLst/>
  </dgm:styleLbl>
  <dgm:styleLbl name="node4">
    <dgm:fillClrLst>
      <a:schemeClr val="accent4">
        <a:alpha val="30000"/>
      </a:schemeClr>
    </dgm:fillClrLst>
    <dgm:linClrLst meth="repeat">
      <a:schemeClr val="lt1"/>
    </dgm:linClrLst>
    <dgm:effectClrLst/>
    <dgm:txLinClrLst/>
    <dgm:txFillClrLst/>
    <dgm:txEffectClrLst/>
  </dgm:styleLbl>
  <dgm:styleLbl name="fgImgPlace1">
    <dgm:fillClrLst>
      <a:schemeClr val="accent4">
        <a:tint val="50000"/>
        <a:alpha val="90000"/>
      </a:schemeClr>
      <a:schemeClr val="accent4">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f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b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sibTrans1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meth="repeat">
      <a:schemeClr val="tx1"/>
    </dgm:txFillClrLst>
    <dgm:txEffectClrLst/>
  </dgm:styleLbl>
  <dgm:styleLbl name="callout">
    <dgm:fillClrLst meth="repeat">
      <a:schemeClr val="accent4"/>
    </dgm:fillClrLst>
    <dgm:linClrLst meth="repeat">
      <a:schemeClr val="accent4"/>
    </dgm:linClrLst>
    <dgm:effectClrLst/>
    <dgm:txLinClrLst/>
    <dgm:txFillClrLst meth="repeat">
      <a:schemeClr val="tx1"/>
    </dgm:txFillClrLst>
    <dgm:txEffectClrLst/>
  </dgm:styleLbl>
  <dgm:styleLbl name="asst0">
    <dgm:fillClrLst meth="repeat">
      <a:schemeClr val="accent4">
        <a:alpha val="90000"/>
      </a:schemeClr>
    </dgm:fillClrLst>
    <dgm:linClrLst meth="repeat">
      <a:schemeClr val="lt1"/>
    </dgm:linClrLst>
    <dgm:effectClrLst/>
    <dgm:txLinClrLst/>
    <dgm:txFillClrLst/>
    <dgm:txEffectClrLst/>
  </dgm:styleLbl>
  <dgm:styleLbl name="asst1">
    <dgm:fillClrLst meth="repeat">
      <a:schemeClr val="accent4">
        <a:alpha val="90000"/>
      </a:schemeClr>
    </dgm:fillClrLst>
    <dgm:linClrLst meth="repeat">
      <a:schemeClr val="lt1"/>
    </dgm:linClrLst>
    <dgm:effectClrLst/>
    <dgm:txLinClrLst/>
    <dgm:txFillClrLst/>
    <dgm:txEffectClrLst/>
  </dgm:styleLbl>
  <dgm:styleLbl name="asst2">
    <dgm:fillClrLst>
      <a:schemeClr val="accent4">
        <a:alpha val="90000"/>
      </a:schemeClr>
    </dgm:fillClrLst>
    <dgm:linClrLst meth="repeat">
      <a:schemeClr val="lt1"/>
    </dgm:linClrLst>
    <dgm:effectClrLst/>
    <dgm:txLinClrLst/>
    <dgm:txFillClrLst/>
    <dgm:txEffectClrLst/>
  </dgm:styleLbl>
  <dgm:styleLbl name="asst3">
    <dgm:fillClrLst>
      <a:schemeClr val="accent4">
        <a:alpha val="70000"/>
      </a:schemeClr>
    </dgm:fillClrLst>
    <dgm:linClrLst meth="repeat">
      <a:schemeClr val="lt1"/>
    </dgm:linClrLst>
    <dgm:effectClrLst/>
    <dgm:txLinClrLst/>
    <dgm:txFillClrLst/>
    <dgm:txEffectClrLst/>
  </dgm:styleLbl>
  <dgm:styleLbl name="asst4">
    <dgm:fillClrLst>
      <a:schemeClr val="accent4">
        <a:alpha val="50000"/>
      </a:schemeClr>
    </dgm:fillClrLst>
    <dgm:linClrLst meth="repeat">
      <a:schemeClr val="lt1"/>
    </dgm:linClrLst>
    <dgm:effectClrLst/>
    <dgm:txLinClrLst/>
    <dgm:txFillClrLst/>
    <dgm:txEffectClrLst/>
  </dgm:styleLbl>
  <dgm:styleLbl name="parChTrans2D1">
    <dgm:fillClrLst meth="repeat">
      <a:schemeClr val="accent4">
        <a:shade val="80000"/>
      </a:schemeClr>
    </dgm:fillClrLst>
    <dgm:linClrLst meth="repeat">
      <a:schemeClr val="accent4">
        <a:shade val="80000"/>
      </a:schemeClr>
    </dgm:linClrLst>
    <dgm:effectClrLst/>
    <dgm:txLinClrLst/>
    <dgm:txFillClrLst/>
    <dgm:txEffectClrLst/>
  </dgm:styleLbl>
  <dgm:styleLbl name="parChTrans2D2">
    <dgm:fillClrLst meth="repeat">
      <a:schemeClr val="accent4">
        <a:tint val="90000"/>
      </a:schemeClr>
    </dgm:fillClrLst>
    <dgm:linClrLst meth="repeat">
      <a:schemeClr val="accent4">
        <a:tint val="90000"/>
      </a:schemeClr>
    </dgm:linClrLst>
    <dgm:effectClrLst/>
    <dgm:txLinClrLst/>
    <dgm:txFillClrLst/>
    <dgm:txEffectClrLst/>
  </dgm:styleLbl>
  <dgm:styleLbl name="parChTrans2D3">
    <dgm:fillClrLst meth="repeat">
      <a:schemeClr val="accent4">
        <a:tint val="70000"/>
      </a:schemeClr>
    </dgm:fillClrLst>
    <dgm:linClrLst meth="repeat">
      <a:schemeClr val="accent4">
        <a:tint val="70000"/>
      </a:schemeClr>
    </dgm:linClrLst>
    <dgm:effectClrLst/>
    <dgm:txLinClrLst/>
    <dgm:txFillClrLst/>
    <dgm:txEffectClrLst/>
  </dgm:styleLbl>
  <dgm:styleLbl name="parChTrans2D4">
    <dgm:fillClrLst meth="repeat">
      <a:schemeClr val="accent4">
        <a:tint val="50000"/>
      </a:schemeClr>
    </dgm:fillClrLst>
    <dgm:linClrLst meth="repeat">
      <a:schemeClr val="accent4">
        <a:tint val="50000"/>
      </a:schemeClr>
    </dgm:linClrLst>
    <dgm:effectClrLst/>
    <dgm:txLinClrLst/>
    <dgm:txFillClrLst meth="repeat">
      <a:schemeClr val="dk1"/>
    </dgm:txFillClrLst>
    <dgm:txEffectClrLst/>
  </dgm:styleLbl>
  <dgm:styleLbl name="parChTrans1D1">
    <dgm:fillClrLst meth="repeat">
      <a:schemeClr val="accent4">
        <a:shade val="80000"/>
      </a:schemeClr>
    </dgm:fillClrLst>
    <dgm:linClrLst meth="repeat">
      <a:schemeClr val="accent4">
        <a:shade val="80000"/>
      </a:schemeClr>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4">
        <a:tint val="90000"/>
      </a:schemeClr>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4">
        <a:tint val="70000"/>
      </a:schemeClr>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4">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a:schemeClr val="accent4">
        <a:alpha val="90000"/>
        <a:tint val="40000"/>
      </a:schemeClr>
      <a:schemeClr val="accent4">
        <a:alpha val="5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a:tint val="50000"/>
      </a:schemeClr>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4_5">
  <dgm:title val=""/>
  <dgm:desc val=""/>
  <dgm:catLst>
    <dgm:cat type="accent4" pri="11500"/>
  </dgm:catLst>
  <dgm:styleLbl name="node0">
    <dgm:fillClrLst meth="cycle">
      <a:schemeClr val="accent4">
        <a:alpha val="80000"/>
      </a:schemeClr>
    </dgm:fillClrLst>
    <dgm:linClrLst meth="repeat">
      <a:schemeClr val="lt1"/>
    </dgm:linClrLst>
    <dgm:effectClrLst/>
    <dgm:txLinClrLst/>
    <dgm:txFillClrLst/>
    <dgm:txEffectClrLst/>
  </dgm:styleLbl>
  <dgm:styleLbl name="node1">
    <dgm:fillClrLst>
      <a:schemeClr val="accent4">
        <a:alpha val="90000"/>
      </a:schemeClr>
      <a:schemeClr val="accent4">
        <a:alpha val="50000"/>
      </a:schemeClr>
    </dgm:fillClrLst>
    <dgm:linClrLst meth="repeat">
      <a:schemeClr val="lt1"/>
    </dgm:linClrLst>
    <dgm:effectClrLst/>
    <dgm:txLinClrLst/>
    <dgm:txFillClrLst/>
    <dgm:txEffectClrLst/>
  </dgm:styleLbl>
  <dgm:styleLbl name="alignNode1">
    <dgm:fillClrLst>
      <a:schemeClr val="accent4">
        <a:alpha val="90000"/>
      </a:schemeClr>
      <a:schemeClr val="accent4">
        <a:alpha val="50000"/>
      </a:schemeClr>
    </dgm:fillClrLst>
    <dgm:linClrLst>
      <a:schemeClr val="accent4">
        <a:alpha val="90000"/>
      </a:schemeClr>
      <a:schemeClr val="accent4">
        <a:alpha val="50000"/>
      </a:schemeClr>
    </dgm:linClrLst>
    <dgm:effectClrLst/>
    <dgm:txLinClrLst/>
    <dgm:txFillClrLst/>
    <dgm:txEffectClrLst/>
  </dgm:styleLbl>
  <dgm:styleLbl name="lnNode1">
    <dgm:fillClrLst>
      <a:schemeClr val="accent4">
        <a:shade val="90000"/>
      </a:schemeClr>
      <a:schemeClr val="accent4">
        <a:alpha val="50000"/>
        <a:tint val="50000"/>
      </a:schemeClr>
    </dgm:fillClrLst>
    <dgm:linClrLst meth="repeat">
      <a:schemeClr val="lt1"/>
    </dgm:linClrLst>
    <dgm:effectClrLst/>
    <dgm:txLinClrLst/>
    <dgm:txFillClrLst/>
    <dgm:txEffectClrLst/>
  </dgm:styleLbl>
  <dgm:styleLbl name="vennNode1">
    <dgm:fillClrLst>
      <a:schemeClr val="accent4">
        <a:shade val="80000"/>
        <a:alpha val="50000"/>
      </a:schemeClr>
      <a:schemeClr val="accent4">
        <a:alpha val="80000"/>
      </a:schemeClr>
    </dgm:fillClrLst>
    <dgm:linClrLst meth="repeat">
      <a:schemeClr val="lt1"/>
    </dgm:linClrLst>
    <dgm:effectClrLst/>
    <dgm:txLinClrLst/>
    <dgm:txFillClrLst/>
    <dgm:txEffectClrLst/>
  </dgm:styleLbl>
  <dgm:styleLbl name="node2">
    <dgm:fillClrLst>
      <a:schemeClr val="accent4">
        <a:alpha val="70000"/>
      </a:schemeClr>
    </dgm:fillClrLst>
    <dgm:linClrLst meth="repeat">
      <a:schemeClr val="lt1"/>
    </dgm:linClrLst>
    <dgm:effectClrLst/>
    <dgm:txLinClrLst/>
    <dgm:txFillClrLst/>
    <dgm:txEffectClrLst/>
  </dgm:styleLbl>
  <dgm:styleLbl name="node3">
    <dgm:fillClrLst>
      <a:schemeClr val="accent4">
        <a:alpha val="50000"/>
      </a:schemeClr>
    </dgm:fillClrLst>
    <dgm:linClrLst meth="repeat">
      <a:schemeClr val="lt1"/>
    </dgm:linClrLst>
    <dgm:effectClrLst/>
    <dgm:txLinClrLst/>
    <dgm:txFillClrLst/>
    <dgm:txEffectClrLst/>
  </dgm:styleLbl>
  <dgm:styleLbl name="node4">
    <dgm:fillClrLst>
      <a:schemeClr val="accent4">
        <a:alpha val="30000"/>
      </a:schemeClr>
    </dgm:fillClrLst>
    <dgm:linClrLst meth="repeat">
      <a:schemeClr val="lt1"/>
    </dgm:linClrLst>
    <dgm:effectClrLst/>
    <dgm:txLinClrLst/>
    <dgm:txFillClrLst/>
    <dgm:txEffectClrLst/>
  </dgm:styleLbl>
  <dgm:styleLbl name="fgImgPlace1">
    <dgm:fillClrLst>
      <a:schemeClr val="accent4">
        <a:tint val="50000"/>
        <a:alpha val="90000"/>
      </a:schemeClr>
      <a:schemeClr val="accent4">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f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b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sibTrans1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meth="repeat">
      <a:schemeClr val="tx1"/>
    </dgm:txFillClrLst>
    <dgm:txEffectClrLst/>
  </dgm:styleLbl>
  <dgm:styleLbl name="callout">
    <dgm:fillClrLst meth="repeat">
      <a:schemeClr val="accent4"/>
    </dgm:fillClrLst>
    <dgm:linClrLst meth="repeat">
      <a:schemeClr val="accent4"/>
    </dgm:linClrLst>
    <dgm:effectClrLst/>
    <dgm:txLinClrLst/>
    <dgm:txFillClrLst meth="repeat">
      <a:schemeClr val="tx1"/>
    </dgm:txFillClrLst>
    <dgm:txEffectClrLst/>
  </dgm:styleLbl>
  <dgm:styleLbl name="asst0">
    <dgm:fillClrLst meth="repeat">
      <a:schemeClr val="accent4">
        <a:alpha val="90000"/>
      </a:schemeClr>
    </dgm:fillClrLst>
    <dgm:linClrLst meth="repeat">
      <a:schemeClr val="lt1"/>
    </dgm:linClrLst>
    <dgm:effectClrLst/>
    <dgm:txLinClrLst/>
    <dgm:txFillClrLst/>
    <dgm:txEffectClrLst/>
  </dgm:styleLbl>
  <dgm:styleLbl name="asst1">
    <dgm:fillClrLst meth="repeat">
      <a:schemeClr val="accent4">
        <a:alpha val="90000"/>
      </a:schemeClr>
    </dgm:fillClrLst>
    <dgm:linClrLst meth="repeat">
      <a:schemeClr val="lt1"/>
    </dgm:linClrLst>
    <dgm:effectClrLst/>
    <dgm:txLinClrLst/>
    <dgm:txFillClrLst/>
    <dgm:txEffectClrLst/>
  </dgm:styleLbl>
  <dgm:styleLbl name="asst2">
    <dgm:fillClrLst>
      <a:schemeClr val="accent4">
        <a:alpha val="90000"/>
      </a:schemeClr>
    </dgm:fillClrLst>
    <dgm:linClrLst meth="repeat">
      <a:schemeClr val="lt1"/>
    </dgm:linClrLst>
    <dgm:effectClrLst/>
    <dgm:txLinClrLst/>
    <dgm:txFillClrLst/>
    <dgm:txEffectClrLst/>
  </dgm:styleLbl>
  <dgm:styleLbl name="asst3">
    <dgm:fillClrLst>
      <a:schemeClr val="accent4">
        <a:alpha val="70000"/>
      </a:schemeClr>
    </dgm:fillClrLst>
    <dgm:linClrLst meth="repeat">
      <a:schemeClr val="lt1"/>
    </dgm:linClrLst>
    <dgm:effectClrLst/>
    <dgm:txLinClrLst/>
    <dgm:txFillClrLst/>
    <dgm:txEffectClrLst/>
  </dgm:styleLbl>
  <dgm:styleLbl name="asst4">
    <dgm:fillClrLst>
      <a:schemeClr val="accent4">
        <a:alpha val="50000"/>
      </a:schemeClr>
    </dgm:fillClrLst>
    <dgm:linClrLst meth="repeat">
      <a:schemeClr val="lt1"/>
    </dgm:linClrLst>
    <dgm:effectClrLst/>
    <dgm:txLinClrLst/>
    <dgm:txFillClrLst/>
    <dgm:txEffectClrLst/>
  </dgm:styleLbl>
  <dgm:styleLbl name="parChTrans2D1">
    <dgm:fillClrLst meth="repeat">
      <a:schemeClr val="accent4">
        <a:shade val="80000"/>
      </a:schemeClr>
    </dgm:fillClrLst>
    <dgm:linClrLst meth="repeat">
      <a:schemeClr val="accent4">
        <a:shade val="80000"/>
      </a:schemeClr>
    </dgm:linClrLst>
    <dgm:effectClrLst/>
    <dgm:txLinClrLst/>
    <dgm:txFillClrLst/>
    <dgm:txEffectClrLst/>
  </dgm:styleLbl>
  <dgm:styleLbl name="parChTrans2D2">
    <dgm:fillClrLst meth="repeat">
      <a:schemeClr val="accent4">
        <a:tint val="90000"/>
      </a:schemeClr>
    </dgm:fillClrLst>
    <dgm:linClrLst meth="repeat">
      <a:schemeClr val="accent4">
        <a:tint val="90000"/>
      </a:schemeClr>
    </dgm:linClrLst>
    <dgm:effectClrLst/>
    <dgm:txLinClrLst/>
    <dgm:txFillClrLst/>
    <dgm:txEffectClrLst/>
  </dgm:styleLbl>
  <dgm:styleLbl name="parChTrans2D3">
    <dgm:fillClrLst meth="repeat">
      <a:schemeClr val="accent4">
        <a:tint val="70000"/>
      </a:schemeClr>
    </dgm:fillClrLst>
    <dgm:linClrLst meth="repeat">
      <a:schemeClr val="accent4">
        <a:tint val="70000"/>
      </a:schemeClr>
    </dgm:linClrLst>
    <dgm:effectClrLst/>
    <dgm:txLinClrLst/>
    <dgm:txFillClrLst/>
    <dgm:txEffectClrLst/>
  </dgm:styleLbl>
  <dgm:styleLbl name="parChTrans2D4">
    <dgm:fillClrLst meth="repeat">
      <a:schemeClr val="accent4">
        <a:tint val="50000"/>
      </a:schemeClr>
    </dgm:fillClrLst>
    <dgm:linClrLst meth="repeat">
      <a:schemeClr val="accent4">
        <a:tint val="50000"/>
      </a:schemeClr>
    </dgm:linClrLst>
    <dgm:effectClrLst/>
    <dgm:txLinClrLst/>
    <dgm:txFillClrLst meth="repeat">
      <a:schemeClr val="dk1"/>
    </dgm:txFillClrLst>
    <dgm:txEffectClrLst/>
  </dgm:styleLbl>
  <dgm:styleLbl name="parChTrans1D1">
    <dgm:fillClrLst meth="repeat">
      <a:schemeClr val="accent4">
        <a:shade val="80000"/>
      </a:schemeClr>
    </dgm:fillClrLst>
    <dgm:linClrLst meth="repeat">
      <a:schemeClr val="accent4">
        <a:shade val="80000"/>
      </a:schemeClr>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4">
        <a:tint val="90000"/>
      </a:schemeClr>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4">
        <a:tint val="70000"/>
      </a:schemeClr>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4">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a:schemeClr val="accent4">
        <a:alpha val="90000"/>
        <a:tint val="40000"/>
      </a:schemeClr>
      <a:schemeClr val="accent4">
        <a:alpha val="5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a:tint val="50000"/>
      </a:schemeClr>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2_4">
  <dgm:title val=""/>
  <dgm:desc val=""/>
  <dgm:catLst>
    <dgm:cat type="accent2" pri="11400"/>
  </dgm:catLst>
  <dgm:styleLbl name="node0">
    <dgm:fillClrLst meth="cycle">
      <a:schemeClr val="accent2">
        <a:shade val="60000"/>
      </a:schemeClr>
    </dgm:fillClrLst>
    <dgm:linClrLst meth="repeat">
      <a:schemeClr val="lt1"/>
    </dgm:linClrLst>
    <dgm:effectClrLst/>
    <dgm:txLinClrLst/>
    <dgm:txFillClrLst/>
    <dgm:txEffectClrLst/>
  </dgm:styleLbl>
  <dgm:styleLbl name="node1">
    <dgm:fillClrLst meth="cycle">
      <a:schemeClr val="accent2">
        <a:shade val="50000"/>
      </a:schemeClr>
      <a:schemeClr val="accent2">
        <a:tint val="45000"/>
      </a:schemeClr>
    </dgm:fillClrLst>
    <dgm:linClrLst meth="repeat">
      <a:schemeClr val="lt1"/>
    </dgm:linClrLst>
    <dgm:effectClrLst/>
    <dgm:txLinClrLst/>
    <dgm:txFillClrLst/>
    <dgm:txEffectClrLst/>
  </dgm:styleLbl>
  <dgm:styleLbl name="alignNode1">
    <dgm:fillClrLst meth="cycle">
      <a:schemeClr val="accent2">
        <a:shade val="50000"/>
      </a:schemeClr>
      <a:schemeClr val="accent2">
        <a:tint val="45000"/>
      </a:schemeClr>
    </dgm:fillClrLst>
    <dgm:linClrLst meth="cycle">
      <a:schemeClr val="accent2">
        <a:shade val="50000"/>
      </a:schemeClr>
      <a:schemeClr val="accent2">
        <a:tint val="45000"/>
      </a:schemeClr>
    </dgm:linClrLst>
    <dgm:effectClrLst/>
    <dgm:txLinClrLst/>
    <dgm:txFillClrLst/>
    <dgm:txEffectClrLst/>
  </dgm:styleLbl>
  <dgm:styleLbl name="lnNode1">
    <dgm:fillClrLst meth="cycle">
      <a:schemeClr val="accent2">
        <a:shade val="50000"/>
      </a:schemeClr>
      <a:schemeClr val="accent2">
        <a:tint val="45000"/>
      </a:schemeClr>
    </dgm:fillClrLst>
    <dgm:linClrLst meth="repeat">
      <a:schemeClr val="lt1"/>
    </dgm:linClrLst>
    <dgm:effectClrLst/>
    <dgm:txLinClrLst/>
    <dgm:txFillClrLst/>
    <dgm:txEffectClrLst/>
  </dgm:styleLbl>
  <dgm:styleLbl name="vennNode1">
    <dgm:fillClrLst meth="cycle">
      <a:schemeClr val="accent2">
        <a:shade val="80000"/>
        <a:alpha val="50000"/>
      </a:schemeClr>
      <a:schemeClr val="accent2">
        <a:tint val="45000"/>
        <a:alpha val="50000"/>
      </a:schemeClr>
    </dgm:fillClrLst>
    <dgm:linClrLst meth="repeat">
      <a:schemeClr val="lt1"/>
    </dgm:linClrLst>
    <dgm:effectClrLst/>
    <dgm:txLinClrLst/>
    <dgm:txFillClrLst/>
    <dgm:txEffectClrLst/>
  </dgm:styleLbl>
  <dgm:styleLbl name="node2">
    <dgm:fillClrLst>
      <a:schemeClr val="accent2">
        <a:shade val="80000"/>
      </a:schemeClr>
    </dgm:fillClrLst>
    <dgm:linClrLst meth="repeat">
      <a:schemeClr val="lt1"/>
    </dgm:linClrLst>
    <dgm:effectClrLst/>
    <dgm:txLinClrLst/>
    <dgm:txFillClrLst/>
    <dgm:txEffectClrLst/>
  </dgm:styleLbl>
  <dgm:styleLbl name="node3">
    <dgm:fillClrLst>
      <a:schemeClr val="accent2">
        <a:tint val="99000"/>
      </a:schemeClr>
    </dgm:fillClrLst>
    <dgm:linClrLst meth="repeat">
      <a:schemeClr val="lt1"/>
    </dgm:linClrLst>
    <dgm:effectClrLst/>
    <dgm:txLinClrLst/>
    <dgm:txFillClrLst/>
    <dgm:txEffectClrLst/>
  </dgm:styleLbl>
  <dgm:styleLbl name="node4">
    <dgm:fillClrLst>
      <a:schemeClr val="accent2">
        <a:tint val="70000"/>
      </a:schemeClr>
    </dgm:fillClrLst>
    <dgm:linClrLst meth="repeat">
      <a:schemeClr val="lt1"/>
    </dgm:linClrLst>
    <dgm:effectClrLst/>
    <dgm:txLinClrLst/>
    <dgm:txFillClrLst/>
    <dgm:txEffectClrLst/>
  </dgm:styleLbl>
  <dgm:styleLbl name="fgImgPlace1">
    <dgm:fillClrLst>
      <a:schemeClr val="accent2">
        <a:tint val="50000"/>
      </a:schemeClr>
      <a:schemeClr val="accent2">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2">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2">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dgm:txEffectClrLst/>
  </dgm:styleLbl>
  <dgm:styleLbl name="fgSibTrans2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dgm:txEffectClrLst/>
  </dgm:styleLbl>
  <dgm:styleLbl name="bgSibTrans2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dgm:txEffectClrLst/>
  </dgm:styleLbl>
  <dgm:styleLbl name="sibTrans1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accent2">
        <a:shade val="80000"/>
      </a:schemeClr>
    </dgm:fillClrLst>
    <dgm:linClrLst meth="repeat">
      <a:schemeClr val="lt1"/>
    </dgm:linClrLst>
    <dgm:effectClrLst/>
    <dgm:txLinClrLst/>
    <dgm:txFillClrLst/>
    <dgm:txEffectClrLst/>
  </dgm:styleLbl>
  <dgm:styleLbl name="asst1">
    <dgm:fillClrLst meth="repeat">
      <a:schemeClr val="accent2">
        <a:shade val="80000"/>
      </a:schemeClr>
    </dgm:fillClrLst>
    <dgm:linClrLst meth="repeat">
      <a:schemeClr val="lt1"/>
    </dgm:linClrLst>
    <dgm:effectClrLst/>
    <dgm:txLinClrLst/>
    <dgm:txFillClrLst/>
    <dgm:txEffectClrLst/>
  </dgm:styleLbl>
  <dgm:styleLbl name="asst2">
    <dgm:fillClrLst>
      <a:schemeClr val="accent2">
        <a:tint val="90000"/>
      </a:schemeClr>
    </dgm:fillClrLst>
    <dgm:linClrLst meth="repeat">
      <a:schemeClr val="lt1"/>
    </dgm:linClrLst>
    <dgm:effectClrLst/>
    <dgm:txLinClrLst/>
    <dgm:txFillClrLst/>
    <dgm:txEffectClrLst/>
  </dgm:styleLbl>
  <dgm:styleLbl name="asst3">
    <dgm:fillClrLst>
      <a:schemeClr val="accent2">
        <a:tint val="70000"/>
      </a:schemeClr>
    </dgm:fillClrLst>
    <dgm:linClrLst meth="repeat">
      <a:schemeClr val="lt1"/>
    </dgm:linClrLst>
    <dgm:effectClrLst/>
    <dgm:txLinClrLst/>
    <dgm:txFillClrLst/>
    <dgm:txEffectClrLst/>
  </dgm:styleLbl>
  <dgm:styleLbl name="asst4">
    <dgm:fillClrLst>
      <a:schemeClr val="accent2">
        <a:tint val="50000"/>
      </a:schemeClr>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shade val="80000"/>
      </a:schemeClr>
    </dgm:linClrLst>
    <dgm:effectClrLst/>
    <dgm:txLinClrLst/>
    <dgm:txFillClrLst/>
    <dgm:txEffectClrLst/>
  </dgm:styleLbl>
  <dgm:styleLbl name="parChTrans2D2">
    <dgm:fillClrLst meth="repeat">
      <a:schemeClr val="accent2">
        <a:tint val="90000"/>
      </a:schemeClr>
    </dgm:fillClrLst>
    <dgm:linClrLst meth="repeat">
      <a:schemeClr val="accent2">
        <a:tint val="90000"/>
      </a:schemeClr>
    </dgm:linClrLst>
    <dgm:effectClrLst/>
    <dgm:txLinClrLst/>
    <dgm:txFillClrLst/>
    <dgm:txEffectClrLst/>
  </dgm:styleLbl>
  <dgm:styleLbl name="parChTrans2D3">
    <dgm:fillClrLst meth="repeat">
      <a:schemeClr val="accent2">
        <a:tint val="70000"/>
      </a:schemeClr>
    </dgm:fillClrLst>
    <dgm:linClrLst meth="repeat">
      <a:schemeClr val="accent2">
        <a:tint val="70000"/>
      </a:schemeClr>
    </dgm:linClrLst>
    <dgm:effectClrLst/>
    <dgm:txLinClrLst/>
    <dgm:txFillClrLst/>
    <dgm:txEffectClrLst/>
  </dgm:styleLbl>
  <dgm:styleLbl name="parChTrans2D4">
    <dgm:fillClrLst meth="repeat">
      <a:schemeClr val="accent2">
        <a:tint val="50000"/>
      </a:schemeClr>
    </dgm:fillClrLst>
    <dgm:linClrLst meth="repeat">
      <a:schemeClr val="accent2">
        <a:tint val="50000"/>
      </a:schemeClr>
    </dgm:linClrLst>
    <dgm:effectClrLst/>
    <dgm:txLinClrLst/>
    <dgm:txFillClrLst meth="repeat">
      <a:schemeClr val="dk1"/>
    </dgm:txFillClrLst>
    <dgm:txEffectClrLst/>
  </dgm:styleLbl>
  <dgm:styleLbl name="parChTrans1D1">
    <dgm:fillClrLst meth="repeat">
      <a:schemeClr val="accent2">
        <a:shade val="80000"/>
      </a:schemeClr>
    </dgm:fillClrLst>
    <dgm:linClrLst meth="repeat">
      <a:schemeClr val="accent2">
        <a:shade val="80000"/>
      </a:schemeClr>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2">
        <a:tint val="90000"/>
      </a:schemeClr>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2">
        <a:tint val="70000"/>
      </a:schemeClr>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2">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55000"/>
      </a:schemeClr>
    </dgm:fillClrLst>
    <dgm:linClrLst meth="repeat">
      <a:schemeClr val="accent2">
        <a:alpha val="90000"/>
        <a:tint val="55000"/>
      </a:schemeClr>
    </dgm:linClrLst>
    <dgm:effectClrLst/>
    <dgm:txLinClrLst/>
    <dgm:txFillClrLst meth="repeat">
      <a:schemeClr val="dk1"/>
    </dgm:txFillClrLst>
    <dgm:txEffectClrLst/>
  </dgm:styleLbl>
  <dgm:styleLbl name="alignAccFollowNode1">
    <dgm:fillClrLst meth="repeat">
      <a:schemeClr val="accent2">
        <a:alpha val="90000"/>
        <a:tint val="55000"/>
      </a:schemeClr>
    </dgm:fillClrLst>
    <dgm:linClrLst meth="repeat">
      <a:schemeClr val="accent2">
        <a:alpha val="90000"/>
        <a:tint val="55000"/>
      </a:schemeClr>
    </dgm:linClrLst>
    <dgm:effectClrLst/>
    <dgm:txLinClrLst/>
    <dgm:txFillClrLst meth="repeat">
      <a:schemeClr val="dk1"/>
    </dgm:txFillClrLst>
    <dgm:txEffectClrLst/>
  </dgm:styleLbl>
  <dgm:styleLbl name="bgAccFollowNode1">
    <dgm:fillClrLst meth="repeat">
      <a:schemeClr val="accent2">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a:tint val="50000"/>
      </a:schemeClr>
    </dgm:linClrLst>
    <dgm:effectClrLst/>
    <dgm:txLinClrLst/>
    <dgm:txFillClrLst meth="repeat">
      <a:schemeClr val="dk1"/>
    </dgm:txFillClrLst>
    <dgm:txEffectClrLst/>
  </dgm:styleLbl>
  <dgm:styleLbl name="bgShp">
    <dgm:fillClrLst meth="repeat">
      <a:schemeClr val="accent2">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55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4_5">
  <dgm:title val=""/>
  <dgm:desc val=""/>
  <dgm:catLst>
    <dgm:cat type="accent4" pri="11500"/>
  </dgm:catLst>
  <dgm:styleLbl name="node0">
    <dgm:fillClrLst meth="cycle">
      <a:schemeClr val="accent4">
        <a:alpha val="80000"/>
      </a:schemeClr>
    </dgm:fillClrLst>
    <dgm:linClrLst meth="repeat">
      <a:schemeClr val="lt1"/>
    </dgm:linClrLst>
    <dgm:effectClrLst/>
    <dgm:txLinClrLst/>
    <dgm:txFillClrLst/>
    <dgm:txEffectClrLst/>
  </dgm:styleLbl>
  <dgm:styleLbl name="node1">
    <dgm:fillClrLst>
      <a:schemeClr val="accent4">
        <a:alpha val="90000"/>
      </a:schemeClr>
      <a:schemeClr val="accent4">
        <a:alpha val="50000"/>
      </a:schemeClr>
    </dgm:fillClrLst>
    <dgm:linClrLst meth="repeat">
      <a:schemeClr val="lt1"/>
    </dgm:linClrLst>
    <dgm:effectClrLst/>
    <dgm:txLinClrLst/>
    <dgm:txFillClrLst/>
    <dgm:txEffectClrLst/>
  </dgm:styleLbl>
  <dgm:styleLbl name="alignNode1">
    <dgm:fillClrLst>
      <a:schemeClr val="accent4">
        <a:alpha val="90000"/>
      </a:schemeClr>
      <a:schemeClr val="accent4">
        <a:alpha val="50000"/>
      </a:schemeClr>
    </dgm:fillClrLst>
    <dgm:linClrLst>
      <a:schemeClr val="accent4">
        <a:alpha val="90000"/>
      </a:schemeClr>
      <a:schemeClr val="accent4">
        <a:alpha val="50000"/>
      </a:schemeClr>
    </dgm:linClrLst>
    <dgm:effectClrLst/>
    <dgm:txLinClrLst/>
    <dgm:txFillClrLst/>
    <dgm:txEffectClrLst/>
  </dgm:styleLbl>
  <dgm:styleLbl name="lnNode1">
    <dgm:fillClrLst>
      <a:schemeClr val="accent4">
        <a:shade val="90000"/>
      </a:schemeClr>
      <a:schemeClr val="accent4">
        <a:alpha val="50000"/>
        <a:tint val="50000"/>
      </a:schemeClr>
    </dgm:fillClrLst>
    <dgm:linClrLst meth="repeat">
      <a:schemeClr val="lt1"/>
    </dgm:linClrLst>
    <dgm:effectClrLst/>
    <dgm:txLinClrLst/>
    <dgm:txFillClrLst/>
    <dgm:txEffectClrLst/>
  </dgm:styleLbl>
  <dgm:styleLbl name="vennNode1">
    <dgm:fillClrLst>
      <a:schemeClr val="accent4">
        <a:shade val="80000"/>
        <a:alpha val="50000"/>
      </a:schemeClr>
      <a:schemeClr val="accent4">
        <a:alpha val="80000"/>
      </a:schemeClr>
    </dgm:fillClrLst>
    <dgm:linClrLst meth="repeat">
      <a:schemeClr val="lt1"/>
    </dgm:linClrLst>
    <dgm:effectClrLst/>
    <dgm:txLinClrLst/>
    <dgm:txFillClrLst/>
    <dgm:txEffectClrLst/>
  </dgm:styleLbl>
  <dgm:styleLbl name="node2">
    <dgm:fillClrLst>
      <a:schemeClr val="accent4">
        <a:alpha val="70000"/>
      </a:schemeClr>
    </dgm:fillClrLst>
    <dgm:linClrLst meth="repeat">
      <a:schemeClr val="lt1"/>
    </dgm:linClrLst>
    <dgm:effectClrLst/>
    <dgm:txLinClrLst/>
    <dgm:txFillClrLst/>
    <dgm:txEffectClrLst/>
  </dgm:styleLbl>
  <dgm:styleLbl name="node3">
    <dgm:fillClrLst>
      <a:schemeClr val="accent4">
        <a:alpha val="50000"/>
      </a:schemeClr>
    </dgm:fillClrLst>
    <dgm:linClrLst meth="repeat">
      <a:schemeClr val="lt1"/>
    </dgm:linClrLst>
    <dgm:effectClrLst/>
    <dgm:txLinClrLst/>
    <dgm:txFillClrLst/>
    <dgm:txEffectClrLst/>
  </dgm:styleLbl>
  <dgm:styleLbl name="node4">
    <dgm:fillClrLst>
      <a:schemeClr val="accent4">
        <a:alpha val="30000"/>
      </a:schemeClr>
    </dgm:fillClrLst>
    <dgm:linClrLst meth="repeat">
      <a:schemeClr val="lt1"/>
    </dgm:linClrLst>
    <dgm:effectClrLst/>
    <dgm:txLinClrLst/>
    <dgm:txFillClrLst/>
    <dgm:txEffectClrLst/>
  </dgm:styleLbl>
  <dgm:styleLbl name="fgImgPlace1">
    <dgm:fillClrLst>
      <a:schemeClr val="accent4">
        <a:tint val="50000"/>
        <a:alpha val="90000"/>
      </a:schemeClr>
      <a:schemeClr val="accent4">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f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b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sibTrans1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meth="repeat">
      <a:schemeClr val="tx1"/>
    </dgm:txFillClrLst>
    <dgm:txEffectClrLst/>
  </dgm:styleLbl>
  <dgm:styleLbl name="callout">
    <dgm:fillClrLst meth="repeat">
      <a:schemeClr val="accent4"/>
    </dgm:fillClrLst>
    <dgm:linClrLst meth="repeat">
      <a:schemeClr val="accent4"/>
    </dgm:linClrLst>
    <dgm:effectClrLst/>
    <dgm:txLinClrLst/>
    <dgm:txFillClrLst meth="repeat">
      <a:schemeClr val="tx1"/>
    </dgm:txFillClrLst>
    <dgm:txEffectClrLst/>
  </dgm:styleLbl>
  <dgm:styleLbl name="asst0">
    <dgm:fillClrLst meth="repeat">
      <a:schemeClr val="accent4">
        <a:alpha val="90000"/>
      </a:schemeClr>
    </dgm:fillClrLst>
    <dgm:linClrLst meth="repeat">
      <a:schemeClr val="lt1"/>
    </dgm:linClrLst>
    <dgm:effectClrLst/>
    <dgm:txLinClrLst/>
    <dgm:txFillClrLst/>
    <dgm:txEffectClrLst/>
  </dgm:styleLbl>
  <dgm:styleLbl name="asst1">
    <dgm:fillClrLst meth="repeat">
      <a:schemeClr val="accent4">
        <a:alpha val="90000"/>
      </a:schemeClr>
    </dgm:fillClrLst>
    <dgm:linClrLst meth="repeat">
      <a:schemeClr val="lt1"/>
    </dgm:linClrLst>
    <dgm:effectClrLst/>
    <dgm:txLinClrLst/>
    <dgm:txFillClrLst/>
    <dgm:txEffectClrLst/>
  </dgm:styleLbl>
  <dgm:styleLbl name="asst2">
    <dgm:fillClrLst>
      <a:schemeClr val="accent4">
        <a:alpha val="90000"/>
      </a:schemeClr>
    </dgm:fillClrLst>
    <dgm:linClrLst meth="repeat">
      <a:schemeClr val="lt1"/>
    </dgm:linClrLst>
    <dgm:effectClrLst/>
    <dgm:txLinClrLst/>
    <dgm:txFillClrLst/>
    <dgm:txEffectClrLst/>
  </dgm:styleLbl>
  <dgm:styleLbl name="asst3">
    <dgm:fillClrLst>
      <a:schemeClr val="accent4">
        <a:alpha val="70000"/>
      </a:schemeClr>
    </dgm:fillClrLst>
    <dgm:linClrLst meth="repeat">
      <a:schemeClr val="lt1"/>
    </dgm:linClrLst>
    <dgm:effectClrLst/>
    <dgm:txLinClrLst/>
    <dgm:txFillClrLst/>
    <dgm:txEffectClrLst/>
  </dgm:styleLbl>
  <dgm:styleLbl name="asst4">
    <dgm:fillClrLst>
      <a:schemeClr val="accent4">
        <a:alpha val="50000"/>
      </a:schemeClr>
    </dgm:fillClrLst>
    <dgm:linClrLst meth="repeat">
      <a:schemeClr val="lt1"/>
    </dgm:linClrLst>
    <dgm:effectClrLst/>
    <dgm:txLinClrLst/>
    <dgm:txFillClrLst/>
    <dgm:txEffectClrLst/>
  </dgm:styleLbl>
  <dgm:styleLbl name="parChTrans2D1">
    <dgm:fillClrLst meth="repeat">
      <a:schemeClr val="accent4">
        <a:shade val="80000"/>
      </a:schemeClr>
    </dgm:fillClrLst>
    <dgm:linClrLst meth="repeat">
      <a:schemeClr val="accent4">
        <a:shade val="80000"/>
      </a:schemeClr>
    </dgm:linClrLst>
    <dgm:effectClrLst/>
    <dgm:txLinClrLst/>
    <dgm:txFillClrLst/>
    <dgm:txEffectClrLst/>
  </dgm:styleLbl>
  <dgm:styleLbl name="parChTrans2D2">
    <dgm:fillClrLst meth="repeat">
      <a:schemeClr val="accent4">
        <a:tint val="90000"/>
      </a:schemeClr>
    </dgm:fillClrLst>
    <dgm:linClrLst meth="repeat">
      <a:schemeClr val="accent4">
        <a:tint val="90000"/>
      </a:schemeClr>
    </dgm:linClrLst>
    <dgm:effectClrLst/>
    <dgm:txLinClrLst/>
    <dgm:txFillClrLst/>
    <dgm:txEffectClrLst/>
  </dgm:styleLbl>
  <dgm:styleLbl name="parChTrans2D3">
    <dgm:fillClrLst meth="repeat">
      <a:schemeClr val="accent4">
        <a:tint val="70000"/>
      </a:schemeClr>
    </dgm:fillClrLst>
    <dgm:linClrLst meth="repeat">
      <a:schemeClr val="accent4">
        <a:tint val="70000"/>
      </a:schemeClr>
    </dgm:linClrLst>
    <dgm:effectClrLst/>
    <dgm:txLinClrLst/>
    <dgm:txFillClrLst/>
    <dgm:txEffectClrLst/>
  </dgm:styleLbl>
  <dgm:styleLbl name="parChTrans2D4">
    <dgm:fillClrLst meth="repeat">
      <a:schemeClr val="accent4">
        <a:tint val="50000"/>
      </a:schemeClr>
    </dgm:fillClrLst>
    <dgm:linClrLst meth="repeat">
      <a:schemeClr val="accent4">
        <a:tint val="50000"/>
      </a:schemeClr>
    </dgm:linClrLst>
    <dgm:effectClrLst/>
    <dgm:txLinClrLst/>
    <dgm:txFillClrLst meth="repeat">
      <a:schemeClr val="dk1"/>
    </dgm:txFillClrLst>
    <dgm:txEffectClrLst/>
  </dgm:styleLbl>
  <dgm:styleLbl name="parChTrans1D1">
    <dgm:fillClrLst meth="repeat">
      <a:schemeClr val="accent4">
        <a:shade val="80000"/>
      </a:schemeClr>
    </dgm:fillClrLst>
    <dgm:linClrLst meth="repeat">
      <a:schemeClr val="accent4">
        <a:shade val="80000"/>
      </a:schemeClr>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4">
        <a:tint val="90000"/>
      </a:schemeClr>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4">
        <a:tint val="70000"/>
      </a:schemeClr>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4">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a:schemeClr val="accent4">
        <a:alpha val="90000"/>
        <a:tint val="40000"/>
      </a:schemeClr>
      <a:schemeClr val="accent4">
        <a:alpha val="5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a:tint val="50000"/>
      </a:schemeClr>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2_3">
  <dgm:title val=""/>
  <dgm:desc val=""/>
  <dgm:catLst>
    <dgm:cat type="accent2" pri="11300"/>
  </dgm:catLst>
  <dgm:styleLbl name="node0">
    <dgm:fillClrLst meth="repeat">
      <a:schemeClr val="accent2">
        <a:shade val="80000"/>
      </a:schemeClr>
    </dgm:fillClrLst>
    <dgm:linClrLst meth="repeat">
      <a:schemeClr val="lt1"/>
    </dgm:linClrLst>
    <dgm:effectClrLst/>
    <dgm:txLinClrLst/>
    <dgm:txFillClrLst/>
    <dgm:txEffectClrLst/>
  </dgm:styleLbl>
  <dgm:styleLbl name="node1">
    <dgm:fillClrLst>
      <a:schemeClr val="accent2">
        <a:shade val="80000"/>
      </a:schemeClr>
      <a:schemeClr val="accent2">
        <a:tint val="70000"/>
      </a:schemeClr>
    </dgm:fillClrLst>
    <dgm:linClrLst meth="repeat">
      <a:schemeClr val="lt1"/>
    </dgm:linClrLst>
    <dgm:effectClrLst/>
    <dgm:txLinClrLst/>
    <dgm:txFillClrLst/>
    <dgm:txEffectClrLst/>
  </dgm:styleLbl>
  <dgm:styleLbl name="alignNode1">
    <dgm:fillClrLst>
      <a:schemeClr val="accent2">
        <a:shade val="80000"/>
      </a:schemeClr>
      <a:schemeClr val="accent2">
        <a:tint val="70000"/>
      </a:schemeClr>
    </dgm:fillClrLst>
    <dgm:linClrLst>
      <a:schemeClr val="accent2">
        <a:shade val="80000"/>
      </a:schemeClr>
      <a:schemeClr val="accent2">
        <a:tint val="70000"/>
      </a:schemeClr>
    </dgm:linClrLst>
    <dgm:effectClrLst/>
    <dgm:txLinClrLst/>
    <dgm:txFillClrLst/>
    <dgm:txEffectClrLst/>
  </dgm:styleLbl>
  <dgm:styleLbl name="lnNode1">
    <dgm:fillClrLst>
      <a:schemeClr val="accent2">
        <a:shade val="80000"/>
      </a:schemeClr>
      <a:schemeClr val="accent2">
        <a:tint val="70000"/>
      </a:schemeClr>
    </dgm:fillClrLst>
    <dgm:linClrLst meth="repeat">
      <a:schemeClr val="lt1"/>
    </dgm:linClrLst>
    <dgm:effectClrLst/>
    <dgm:txLinClrLst/>
    <dgm:txFillClrLst/>
    <dgm:txEffectClrLst/>
  </dgm:styleLbl>
  <dgm:styleLbl name="vennNode1">
    <dgm:fillClrLst>
      <a:schemeClr val="accent2">
        <a:shade val="80000"/>
        <a:alpha val="50000"/>
      </a:schemeClr>
      <a:schemeClr val="accent2">
        <a:tint val="70000"/>
        <a:alpha val="50000"/>
      </a:schemeClr>
    </dgm:fillClrLst>
    <dgm:linClrLst meth="repeat">
      <a:schemeClr val="lt1"/>
    </dgm:linClrLst>
    <dgm:effectClrLst/>
    <dgm:txLinClrLst/>
    <dgm:txFillClrLst/>
    <dgm:txEffectClrLst/>
  </dgm:styleLbl>
  <dgm:styleLbl name="node2">
    <dgm:fillClrLst>
      <a:schemeClr val="accent2">
        <a:tint val="99000"/>
      </a:schemeClr>
    </dgm:fillClrLst>
    <dgm:linClrLst meth="repeat">
      <a:schemeClr val="lt1"/>
    </dgm:linClrLst>
    <dgm:effectClrLst/>
    <dgm:txLinClrLst/>
    <dgm:txFillClrLst/>
    <dgm:txEffectClrLst/>
  </dgm:styleLbl>
  <dgm:styleLbl name="node3">
    <dgm:fillClrLst>
      <a:schemeClr val="accent2">
        <a:tint val="80000"/>
      </a:schemeClr>
    </dgm:fillClrLst>
    <dgm:linClrLst meth="repeat">
      <a:schemeClr val="lt1"/>
    </dgm:linClrLst>
    <dgm:effectClrLst/>
    <dgm:txLinClrLst/>
    <dgm:txFillClrLst/>
    <dgm:txEffectClrLst/>
  </dgm:styleLbl>
  <dgm:styleLbl name="node4">
    <dgm:fillClrLst>
      <a:schemeClr val="accent2">
        <a:tint val="70000"/>
      </a:schemeClr>
    </dgm:fillClrLst>
    <dgm:linClrLst meth="repeat">
      <a:schemeClr val="lt1"/>
    </dgm:linClrLst>
    <dgm:effectClrLst/>
    <dgm:txLinClrLst/>
    <dgm:txFillClrLst/>
    <dgm:txEffectClrLst/>
  </dgm:styleLbl>
  <dgm:styleLbl name="fgImgPlace1">
    <dgm:fillClrLst>
      <a:schemeClr val="accent2">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hade val="90000"/>
      </a:schemeClr>
      <a:schemeClr val="accent2">
        <a:tint val="70000"/>
      </a:schemeClr>
    </dgm:fillClrLst>
    <dgm:linClrLst>
      <a:schemeClr val="accent2">
        <a:shade val="90000"/>
      </a:schemeClr>
      <a:schemeClr val="accent2">
        <a:tint val="70000"/>
      </a:schemeClr>
    </dgm:linClrLst>
    <dgm:effectClrLst/>
    <dgm:txLinClrLst/>
    <dgm:txFillClrLst/>
    <dgm:txEffectClrLst/>
  </dgm:styleLbl>
  <dgm:styleLbl name="fgSibTrans2D1">
    <dgm:fillClrLst>
      <a:schemeClr val="accent2">
        <a:shade val="90000"/>
      </a:schemeClr>
      <a:schemeClr val="accent2">
        <a:tint val="70000"/>
      </a:schemeClr>
    </dgm:fillClrLst>
    <dgm:linClrLst>
      <a:schemeClr val="accent2">
        <a:shade val="90000"/>
      </a:schemeClr>
      <a:schemeClr val="accent2">
        <a:tint val="70000"/>
      </a:schemeClr>
    </dgm:linClrLst>
    <dgm:effectClrLst/>
    <dgm:txLinClrLst/>
    <dgm:txFillClrLst meth="repeat">
      <a:schemeClr val="lt1"/>
    </dgm:txFillClrLst>
    <dgm:txEffectClrLst/>
  </dgm:styleLbl>
  <dgm:styleLbl name="bgSibTrans2D1">
    <dgm:fillClrLst>
      <a:schemeClr val="accent2">
        <a:shade val="90000"/>
      </a:schemeClr>
      <a:schemeClr val="accent2">
        <a:tint val="70000"/>
      </a:schemeClr>
    </dgm:fillClrLst>
    <dgm:linClrLst>
      <a:schemeClr val="accent2">
        <a:shade val="90000"/>
      </a:schemeClr>
      <a:schemeClr val="accent2">
        <a:tint val="70000"/>
      </a:schemeClr>
    </dgm:linClrLst>
    <dgm:effectClrLst/>
    <dgm:txLinClrLst/>
    <dgm:txFillClrLst meth="repeat">
      <a:schemeClr val="lt1"/>
    </dgm:txFillClrLst>
    <dgm:txEffectClrLst/>
  </dgm:styleLbl>
  <dgm:styleLbl name="sibTrans1D1">
    <dgm:fillClrLst>
      <a:schemeClr val="accent2">
        <a:shade val="90000"/>
      </a:schemeClr>
      <a:schemeClr val="accent2">
        <a:tint val="70000"/>
      </a:schemeClr>
    </dgm:fillClrLst>
    <dgm:linClrLst>
      <a:schemeClr val="accent2">
        <a:shade val="90000"/>
      </a:schemeClr>
      <a:schemeClr val="accent2">
        <a:tint val="70000"/>
      </a:schemeClr>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accent2">
        <a:shade val="80000"/>
      </a:schemeClr>
    </dgm:fillClrLst>
    <dgm:linClrLst meth="repeat">
      <a:schemeClr val="lt1"/>
    </dgm:linClrLst>
    <dgm:effectClrLst/>
    <dgm:txLinClrLst/>
    <dgm:txFillClrLst/>
    <dgm:txEffectClrLst/>
  </dgm:styleLbl>
  <dgm:styleLbl name="asst1">
    <dgm:fillClrLst meth="repeat">
      <a:schemeClr val="accent2">
        <a:shade val="80000"/>
      </a:schemeClr>
    </dgm:fillClrLst>
    <dgm:linClrLst meth="repeat">
      <a:schemeClr val="lt1"/>
    </dgm:linClrLst>
    <dgm:effectClrLst/>
    <dgm:txLinClrLst/>
    <dgm:txFillClrLst/>
    <dgm:txEffectClrLst/>
  </dgm:styleLbl>
  <dgm:styleLbl name="asst2">
    <dgm:fillClrLst>
      <a:schemeClr val="accent2">
        <a:tint val="99000"/>
      </a:schemeClr>
    </dgm:fillClrLst>
    <dgm:linClrLst meth="repeat">
      <a:schemeClr val="lt1"/>
    </dgm:linClrLst>
    <dgm:effectClrLst/>
    <dgm:txLinClrLst/>
    <dgm:txFillClrLst/>
    <dgm:txEffectClrLst/>
  </dgm:styleLbl>
  <dgm:styleLbl name="asst3">
    <dgm:fillClrLst>
      <a:schemeClr val="accent2">
        <a:tint val="80000"/>
      </a:schemeClr>
    </dgm:fillClrLst>
    <dgm:linClrLst meth="repeat">
      <a:schemeClr val="lt1"/>
    </dgm:linClrLst>
    <dgm:effectClrLst/>
    <dgm:txLinClrLst/>
    <dgm:txFillClrLst/>
    <dgm:txEffectClrLst/>
  </dgm:styleLbl>
  <dgm:styleLbl name="asst4">
    <dgm:fillClrLst>
      <a:schemeClr val="accent2">
        <a:tint val="70000"/>
      </a:schemeClr>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a:tint val="90000"/>
      </a:schemeClr>
    </dgm:fillClrLst>
    <dgm:linClrLst meth="repeat">
      <a:schemeClr val="accent2">
        <a:tint val="90000"/>
      </a:schemeClr>
    </dgm:linClrLst>
    <dgm:effectClrLst/>
    <dgm:txLinClrLst/>
    <dgm:txFillClrLst/>
    <dgm:txEffectClrLst/>
  </dgm:styleLbl>
  <dgm:styleLbl name="parChTrans2D3">
    <dgm:fillClrLst meth="repeat">
      <a:schemeClr val="accent2">
        <a:tint val="70000"/>
      </a:schemeClr>
    </dgm:fillClrLst>
    <dgm:linClrLst meth="repeat">
      <a:schemeClr val="accent2">
        <a:tint val="70000"/>
      </a:schemeClr>
    </dgm:linClrLst>
    <dgm:effectClrLst/>
    <dgm:txLinClrLst/>
    <dgm:txFillClrLst/>
    <dgm:txEffectClrLst/>
  </dgm:styleLbl>
  <dgm:styleLbl name="parChTrans2D4">
    <dgm:fillClrLst meth="repeat">
      <a:schemeClr val="accent2">
        <a:tint val="50000"/>
      </a:schemeClr>
    </dgm:fillClrLst>
    <dgm:linClrLst meth="repeat">
      <a:schemeClr val="accent2">
        <a:tint val="50000"/>
      </a:schemeClr>
    </dgm:linClrLst>
    <dgm:effectClrLst/>
    <dgm:txLinClrLst/>
    <dgm:txFillClrLst meth="repeat">
      <a:schemeClr val="lt1"/>
    </dgm:txFillClrLst>
    <dgm:txEffectClrLst/>
  </dgm:styleLbl>
  <dgm:styleLbl name="parChTrans1D1">
    <dgm:fillClrLst meth="repeat">
      <a:schemeClr val="accent2">
        <a:shade val="80000"/>
      </a:schemeClr>
    </dgm:fillClrLst>
    <dgm:linClrLst meth="repeat">
      <a:schemeClr val="accent2">
        <a:shade val="80000"/>
      </a:schemeClr>
    </dgm:linClrLst>
    <dgm:effectClrLst/>
    <dgm:txLinClrLst/>
    <dgm:txFillClrLst meth="repeat">
      <a:schemeClr val="tx1"/>
    </dgm:txFillClrLst>
    <dgm:txEffectClrLst/>
  </dgm:styleLbl>
  <dgm:styleLbl name="parChTrans1D2">
    <dgm:fillClrLst meth="repeat">
      <a:schemeClr val="accent2">
        <a:tint val="99000"/>
      </a:schemeClr>
    </dgm:fillClrLst>
    <dgm:linClrLst meth="repeat">
      <a:schemeClr val="accent2">
        <a:tint val="99000"/>
      </a:schemeClr>
    </dgm:linClrLst>
    <dgm:effectClrLst/>
    <dgm:txLinClrLst/>
    <dgm:txFillClrLst meth="repeat">
      <a:schemeClr val="tx1"/>
    </dgm:txFillClrLst>
    <dgm:txEffectClrLst/>
  </dgm:styleLbl>
  <dgm:styleLbl name="parChTrans1D3">
    <dgm:fillClrLst meth="repeat">
      <a:schemeClr val="accent2">
        <a:tint val="80000"/>
      </a:schemeClr>
    </dgm:fillClrLst>
    <dgm:linClrLst meth="repeat">
      <a:schemeClr val="accent2">
        <a:tint val="80000"/>
      </a:schemeClr>
    </dgm:linClrLst>
    <dgm:effectClrLst/>
    <dgm:txLinClrLst/>
    <dgm:txFillClrLst meth="repeat">
      <a:schemeClr val="tx1"/>
    </dgm:txFillClrLst>
    <dgm:txEffectClrLst/>
  </dgm:styleLbl>
  <dgm:styleLbl name="parChTrans1D4">
    <dgm:fillClrLst meth="repeat">
      <a:schemeClr val="accent2">
        <a:tint val="70000"/>
      </a:schemeClr>
    </dgm:fillClrLst>
    <dgm:linClrLst meth="repeat">
      <a:schemeClr val="accent2">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hade val="80000"/>
      </a:schemeClr>
      <a:schemeClr val="accent2">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hade val="80000"/>
      </a:schemeClr>
      <a:schemeClr val="accent2">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hade val="80000"/>
      </a:schemeClr>
      <a:schemeClr val="accent2">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hade val="80000"/>
      </a:schemeClr>
      <a:schemeClr val="accent2">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2">
        <a:shade val="80000"/>
      </a:schemeClr>
      <a:schemeClr val="accent2">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a:tint val="70000"/>
      </a:schemeClr>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2_4">
  <dgm:title val=""/>
  <dgm:desc val=""/>
  <dgm:catLst>
    <dgm:cat type="accent2" pri="11400"/>
  </dgm:catLst>
  <dgm:styleLbl name="node0">
    <dgm:fillClrLst meth="cycle">
      <a:schemeClr val="accent2">
        <a:shade val="60000"/>
      </a:schemeClr>
    </dgm:fillClrLst>
    <dgm:linClrLst meth="repeat">
      <a:schemeClr val="lt1"/>
    </dgm:linClrLst>
    <dgm:effectClrLst/>
    <dgm:txLinClrLst/>
    <dgm:txFillClrLst/>
    <dgm:txEffectClrLst/>
  </dgm:styleLbl>
  <dgm:styleLbl name="node1">
    <dgm:fillClrLst meth="cycle">
      <a:schemeClr val="accent2">
        <a:shade val="50000"/>
      </a:schemeClr>
      <a:schemeClr val="accent2">
        <a:tint val="45000"/>
      </a:schemeClr>
    </dgm:fillClrLst>
    <dgm:linClrLst meth="repeat">
      <a:schemeClr val="lt1"/>
    </dgm:linClrLst>
    <dgm:effectClrLst/>
    <dgm:txLinClrLst/>
    <dgm:txFillClrLst/>
    <dgm:txEffectClrLst/>
  </dgm:styleLbl>
  <dgm:styleLbl name="alignNode1">
    <dgm:fillClrLst meth="cycle">
      <a:schemeClr val="accent2">
        <a:shade val="50000"/>
      </a:schemeClr>
      <a:schemeClr val="accent2">
        <a:tint val="45000"/>
      </a:schemeClr>
    </dgm:fillClrLst>
    <dgm:linClrLst meth="cycle">
      <a:schemeClr val="accent2">
        <a:shade val="50000"/>
      </a:schemeClr>
      <a:schemeClr val="accent2">
        <a:tint val="45000"/>
      </a:schemeClr>
    </dgm:linClrLst>
    <dgm:effectClrLst/>
    <dgm:txLinClrLst/>
    <dgm:txFillClrLst/>
    <dgm:txEffectClrLst/>
  </dgm:styleLbl>
  <dgm:styleLbl name="lnNode1">
    <dgm:fillClrLst meth="cycle">
      <a:schemeClr val="accent2">
        <a:shade val="50000"/>
      </a:schemeClr>
      <a:schemeClr val="accent2">
        <a:tint val="45000"/>
      </a:schemeClr>
    </dgm:fillClrLst>
    <dgm:linClrLst meth="repeat">
      <a:schemeClr val="lt1"/>
    </dgm:linClrLst>
    <dgm:effectClrLst/>
    <dgm:txLinClrLst/>
    <dgm:txFillClrLst/>
    <dgm:txEffectClrLst/>
  </dgm:styleLbl>
  <dgm:styleLbl name="vennNode1">
    <dgm:fillClrLst meth="cycle">
      <a:schemeClr val="accent2">
        <a:shade val="80000"/>
        <a:alpha val="50000"/>
      </a:schemeClr>
      <a:schemeClr val="accent2">
        <a:tint val="45000"/>
        <a:alpha val="50000"/>
      </a:schemeClr>
    </dgm:fillClrLst>
    <dgm:linClrLst meth="repeat">
      <a:schemeClr val="lt1"/>
    </dgm:linClrLst>
    <dgm:effectClrLst/>
    <dgm:txLinClrLst/>
    <dgm:txFillClrLst/>
    <dgm:txEffectClrLst/>
  </dgm:styleLbl>
  <dgm:styleLbl name="node2">
    <dgm:fillClrLst>
      <a:schemeClr val="accent2">
        <a:shade val="80000"/>
      </a:schemeClr>
    </dgm:fillClrLst>
    <dgm:linClrLst meth="repeat">
      <a:schemeClr val="lt1"/>
    </dgm:linClrLst>
    <dgm:effectClrLst/>
    <dgm:txLinClrLst/>
    <dgm:txFillClrLst/>
    <dgm:txEffectClrLst/>
  </dgm:styleLbl>
  <dgm:styleLbl name="node3">
    <dgm:fillClrLst>
      <a:schemeClr val="accent2">
        <a:tint val="99000"/>
      </a:schemeClr>
    </dgm:fillClrLst>
    <dgm:linClrLst meth="repeat">
      <a:schemeClr val="lt1"/>
    </dgm:linClrLst>
    <dgm:effectClrLst/>
    <dgm:txLinClrLst/>
    <dgm:txFillClrLst/>
    <dgm:txEffectClrLst/>
  </dgm:styleLbl>
  <dgm:styleLbl name="node4">
    <dgm:fillClrLst>
      <a:schemeClr val="accent2">
        <a:tint val="70000"/>
      </a:schemeClr>
    </dgm:fillClrLst>
    <dgm:linClrLst meth="repeat">
      <a:schemeClr val="lt1"/>
    </dgm:linClrLst>
    <dgm:effectClrLst/>
    <dgm:txLinClrLst/>
    <dgm:txFillClrLst/>
    <dgm:txEffectClrLst/>
  </dgm:styleLbl>
  <dgm:styleLbl name="fgImgPlace1">
    <dgm:fillClrLst>
      <a:schemeClr val="accent2">
        <a:tint val="50000"/>
      </a:schemeClr>
      <a:schemeClr val="accent2">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2">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2">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dgm:txEffectClrLst/>
  </dgm:styleLbl>
  <dgm:styleLbl name="fgSibTrans2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dgm:txEffectClrLst/>
  </dgm:styleLbl>
  <dgm:styleLbl name="bgSibTrans2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dgm:txEffectClrLst/>
  </dgm:styleLbl>
  <dgm:styleLbl name="sibTrans1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accent2">
        <a:shade val="80000"/>
      </a:schemeClr>
    </dgm:fillClrLst>
    <dgm:linClrLst meth="repeat">
      <a:schemeClr val="lt1"/>
    </dgm:linClrLst>
    <dgm:effectClrLst/>
    <dgm:txLinClrLst/>
    <dgm:txFillClrLst/>
    <dgm:txEffectClrLst/>
  </dgm:styleLbl>
  <dgm:styleLbl name="asst1">
    <dgm:fillClrLst meth="repeat">
      <a:schemeClr val="accent2">
        <a:shade val="80000"/>
      </a:schemeClr>
    </dgm:fillClrLst>
    <dgm:linClrLst meth="repeat">
      <a:schemeClr val="lt1"/>
    </dgm:linClrLst>
    <dgm:effectClrLst/>
    <dgm:txLinClrLst/>
    <dgm:txFillClrLst/>
    <dgm:txEffectClrLst/>
  </dgm:styleLbl>
  <dgm:styleLbl name="asst2">
    <dgm:fillClrLst>
      <a:schemeClr val="accent2">
        <a:tint val="90000"/>
      </a:schemeClr>
    </dgm:fillClrLst>
    <dgm:linClrLst meth="repeat">
      <a:schemeClr val="lt1"/>
    </dgm:linClrLst>
    <dgm:effectClrLst/>
    <dgm:txLinClrLst/>
    <dgm:txFillClrLst/>
    <dgm:txEffectClrLst/>
  </dgm:styleLbl>
  <dgm:styleLbl name="asst3">
    <dgm:fillClrLst>
      <a:schemeClr val="accent2">
        <a:tint val="70000"/>
      </a:schemeClr>
    </dgm:fillClrLst>
    <dgm:linClrLst meth="repeat">
      <a:schemeClr val="lt1"/>
    </dgm:linClrLst>
    <dgm:effectClrLst/>
    <dgm:txLinClrLst/>
    <dgm:txFillClrLst/>
    <dgm:txEffectClrLst/>
  </dgm:styleLbl>
  <dgm:styleLbl name="asst4">
    <dgm:fillClrLst>
      <a:schemeClr val="accent2">
        <a:tint val="50000"/>
      </a:schemeClr>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shade val="80000"/>
      </a:schemeClr>
    </dgm:linClrLst>
    <dgm:effectClrLst/>
    <dgm:txLinClrLst/>
    <dgm:txFillClrLst/>
    <dgm:txEffectClrLst/>
  </dgm:styleLbl>
  <dgm:styleLbl name="parChTrans2D2">
    <dgm:fillClrLst meth="repeat">
      <a:schemeClr val="accent2">
        <a:tint val="90000"/>
      </a:schemeClr>
    </dgm:fillClrLst>
    <dgm:linClrLst meth="repeat">
      <a:schemeClr val="accent2">
        <a:tint val="90000"/>
      </a:schemeClr>
    </dgm:linClrLst>
    <dgm:effectClrLst/>
    <dgm:txLinClrLst/>
    <dgm:txFillClrLst/>
    <dgm:txEffectClrLst/>
  </dgm:styleLbl>
  <dgm:styleLbl name="parChTrans2D3">
    <dgm:fillClrLst meth="repeat">
      <a:schemeClr val="accent2">
        <a:tint val="70000"/>
      </a:schemeClr>
    </dgm:fillClrLst>
    <dgm:linClrLst meth="repeat">
      <a:schemeClr val="accent2">
        <a:tint val="70000"/>
      </a:schemeClr>
    </dgm:linClrLst>
    <dgm:effectClrLst/>
    <dgm:txLinClrLst/>
    <dgm:txFillClrLst/>
    <dgm:txEffectClrLst/>
  </dgm:styleLbl>
  <dgm:styleLbl name="parChTrans2D4">
    <dgm:fillClrLst meth="repeat">
      <a:schemeClr val="accent2">
        <a:tint val="50000"/>
      </a:schemeClr>
    </dgm:fillClrLst>
    <dgm:linClrLst meth="repeat">
      <a:schemeClr val="accent2">
        <a:tint val="50000"/>
      </a:schemeClr>
    </dgm:linClrLst>
    <dgm:effectClrLst/>
    <dgm:txLinClrLst/>
    <dgm:txFillClrLst meth="repeat">
      <a:schemeClr val="dk1"/>
    </dgm:txFillClrLst>
    <dgm:txEffectClrLst/>
  </dgm:styleLbl>
  <dgm:styleLbl name="parChTrans1D1">
    <dgm:fillClrLst meth="repeat">
      <a:schemeClr val="accent2">
        <a:shade val="80000"/>
      </a:schemeClr>
    </dgm:fillClrLst>
    <dgm:linClrLst meth="repeat">
      <a:schemeClr val="accent2">
        <a:shade val="80000"/>
      </a:schemeClr>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2">
        <a:tint val="90000"/>
      </a:schemeClr>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2">
        <a:tint val="70000"/>
      </a:schemeClr>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2">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55000"/>
      </a:schemeClr>
    </dgm:fillClrLst>
    <dgm:linClrLst meth="repeat">
      <a:schemeClr val="accent2">
        <a:alpha val="90000"/>
        <a:tint val="55000"/>
      </a:schemeClr>
    </dgm:linClrLst>
    <dgm:effectClrLst/>
    <dgm:txLinClrLst/>
    <dgm:txFillClrLst meth="repeat">
      <a:schemeClr val="dk1"/>
    </dgm:txFillClrLst>
    <dgm:txEffectClrLst/>
  </dgm:styleLbl>
  <dgm:styleLbl name="alignAccFollowNode1">
    <dgm:fillClrLst meth="repeat">
      <a:schemeClr val="accent2">
        <a:alpha val="90000"/>
        <a:tint val="55000"/>
      </a:schemeClr>
    </dgm:fillClrLst>
    <dgm:linClrLst meth="repeat">
      <a:schemeClr val="accent2">
        <a:alpha val="90000"/>
        <a:tint val="55000"/>
      </a:schemeClr>
    </dgm:linClrLst>
    <dgm:effectClrLst/>
    <dgm:txLinClrLst/>
    <dgm:txFillClrLst meth="repeat">
      <a:schemeClr val="dk1"/>
    </dgm:txFillClrLst>
    <dgm:txEffectClrLst/>
  </dgm:styleLbl>
  <dgm:styleLbl name="bgAccFollowNode1">
    <dgm:fillClrLst meth="repeat">
      <a:schemeClr val="accent2">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a:tint val="50000"/>
      </a:schemeClr>
    </dgm:linClrLst>
    <dgm:effectClrLst/>
    <dgm:txLinClrLst/>
    <dgm:txFillClrLst meth="repeat">
      <a:schemeClr val="dk1"/>
    </dgm:txFillClrLst>
    <dgm:txEffectClrLst/>
  </dgm:styleLbl>
  <dgm:styleLbl name="bgShp">
    <dgm:fillClrLst meth="repeat">
      <a:schemeClr val="accent2">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55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4_5">
  <dgm:title val=""/>
  <dgm:desc val=""/>
  <dgm:catLst>
    <dgm:cat type="accent4" pri="11500"/>
  </dgm:catLst>
  <dgm:styleLbl name="node0">
    <dgm:fillClrLst meth="cycle">
      <a:schemeClr val="accent4">
        <a:alpha val="80000"/>
      </a:schemeClr>
    </dgm:fillClrLst>
    <dgm:linClrLst meth="repeat">
      <a:schemeClr val="lt1"/>
    </dgm:linClrLst>
    <dgm:effectClrLst/>
    <dgm:txLinClrLst/>
    <dgm:txFillClrLst/>
    <dgm:txEffectClrLst/>
  </dgm:styleLbl>
  <dgm:styleLbl name="node1">
    <dgm:fillClrLst>
      <a:schemeClr val="accent4">
        <a:alpha val="90000"/>
      </a:schemeClr>
      <a:schemeClr val="accent4">
        <a:alpha val="50000"/>
      </a:schemeClr>
    </dgm:fillClrLst>
    <dgm:linClrLst meth="repeat">
      <a:schemeClr val="lt1"/>
    </dgm:linClrLst>
    <dgm:effectClrLst/>
    <dgm:txLinClrLst/>
    <dgm:txFillClrLst/>
    <dgm:txEffectClrLst/>
  </dgm:styleLbl>
  <dgm:styleLbl name="alignNode1">
    <dgm:fillClrLst>
      <a:schemeClr val="accent4">
        <a:alpha val="90000"/>
      </a:schemeClr>
      <a:schemeClr val="accent4">
        <a:alpha val="50000"/>
      </a:schemeClr>
    </dgm:fillClrLst>
    <dgm:linClrLst>
      <a:schemeClr val="accent4">
        <a:alpha val="90000"/>
      </a:schemeClr>
      <a:schemeClr val="accent4">
        <a:alpha val="50000"/>
      </a:schemeClr>
    </dgm:linClrLst>
    <dgm:effectClrLst/>
    <dgm:txLinClrLst/>
    <dgm:txFillClrLst/>
    <dgm:txEffectClrLst/>
  </dgm:styleLbl>
  <dgm:styleLbl name="lnNode1">
    <dgm:fillClrLst>
      <a:schemeClr val="accent4">
        <a:shade val="90000"/>
      </a:schemeClr>
      <a:schemeClr val="accent4">
        <a:alpha val="50000"/>
        <a:tint val="50000"/>
      </a:schemeClr>
    </dgm:fillClrLst>
    <dgm:linClrLst meth="repeat">
      <a:schemeClr val="lt1"/>
    </dgm:linClrLst>
    <dgm:effectClrLst/>
    <dgm:txLinClrLst/>
    <dgm:txFillClrLst/>
    <dgm:txEffectClrLst/>
  </dgm:styleLbl>
  <dgm:styleLbl name="vennNode1">
    <dgm:fillClrLst>
      <a:schemeClr val="accent4">
        <a:shade val="80000"/>
        <a:alpha val="50000"/>
      </a:schemeClr>
      <a:schemeClr val="accent4">
        <a:alpha val="80000"/>
      </a:schemeClr>
    </dgm:fillClrLst>
    <dgm:linClrLst meth="repeat">
      <a:schemeClr val="lt1"/>
    </dgm:linClrLst>
    <dgm:effectClrLst/>
    <dgm:txLinClrLst/>
    <dgm:txFillClrLst/>
    <dgm:txEffectClrLst/>
  </dgm:styleLbl>
  <dgm:styleLbl name="node2">
    <dgm:fillClrLst>
      <a:schemeClr val="accent4">
        <a:alpha val="70000"/>
      </a:schemeClr>
    </dgm:fillClrLst>
    <dgm:linClrLst meth="repeat">
      <a:schemeClr val="lt1"/>
    </dgm:linClrLst>
    <dgm:effectClrLst/>
    <dgm:txLinClrLst/>
    <dgm:txFillClrLst/>
    <dgm:txEffectClrLst/>
  </dgm:styleLbl>
  <dgm:styleLbl name="node3">
    <dgm:fillClrLst>
      <a:schemeClr val="accent4">
        <a:alpha val="50000"/>
      </a:schemeClr>
    </dgm:fillClrLst>
    <dgm:linClrLst meth="repeat">
      <a:schemeClr val="lt1"/>
    </dgm:linClrLst>
    <dgm:effectClrLst/>
    <dgm:txLinClrLst/>
    <dgm:txFillClrLst/>
    <dgm:txEffectClrLst/>
  </dgm:styleLbl>
  <dgm:styleLbl name="node4">
    <dgm:fillClrLst>
      <a:schemeClr val="accent4">
        <a:alpha val="30000"/>
      </a:schemeClr>
    </dgm:fillClrLst>
    <dgm:linClrLst meth="repeat">
      <a:schemeClr val="lt1"/>
    </dgm:linClrLst>
    <dgm:effectClrLst/>
    <dgm:txLinClrLst/>
    <dgm:txFillClrLst/>
    <dgm:txEffectClrLst/>
  </dgm:styleLbl>
  <dgm:styleLbl name="fgImgPlace1">
    <dgm:fillClrLst>
      <a:schemeClr val="accent4">
        <a:tint val="50000"/>
        <a:alpha val="90000"/>
      </a:schemeClr>
      <a:schemeClr val="accent4">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f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bgSibTrans2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dgm:txEffectClrLst/>
  </dgm:styleLbl>
  <dgm:styleLbl name="sibTrans1D1">
    <dgm:fillClrLst>
      <a:schemeClr val="accent4">
        <a:shade val="90000"/>
      </a:schemeClr>
      <a:schemeClr val="accent4">
        <a:tint val="50000"/>
      </a:schemeClr>
    </dgm:fillClrLst>
    <dgm:linClrLst>
      <a:schemeClr val="accent4">
        <a:shade val="90000"/>
      </a:schemeClr>
      <a:schemeClr val="accent4">
        <a:tint val="50000"/>
      </a:schemeClr>
    </dgm:linClrLst>
    <dgm:effectClrLst/>
    <dgm:txLinClrLst/>
    <dgm:txFillClrLst meth="repeat">
      <a:schemeClr val="tx1"/>
    </dgm:txFillClrLst>
    <dgm:txEffectClrLst/>
  </dgm:styleLbl>
  <dgm:styleLbl name="callout">
    <dgm:fillClrLst meth="repeat">
      <a:schemeClr val="accent4"/>
    </dgm:fillClrLst>
    <dgm:linClrLst meth="repeat">
      <a:schemeClr val="accent4"/>
    </dgm:linClrLst>
    <dgm:effectClrLst/>
    <dgm:txLinClrLst/>
    <dgm:txFillClrLst meth="repeat">
      <a:schemeClr val="tx1"/>
    </dgm:txFillClrLst>
    <dgm:txEffectClrLst/>
  </dgm:styleLbl>
  <dgm:styleLbl name="asst0">
    <dgm:fillClrLst meth="repeat">
      <a:schemeClr val="accent4">
        <a:alpha val="90000"/>
      </a:schemeClr>
    </dgm:fillClrLst>
    <dgm:linClrLst meth="repeat">
      <a:schemeClr val="lt1"/>
    </dgm:linClrLst>
    <dgm:effectClrLst/>
    <dgm:txLinClrLst/>
    <dgm:txFillClrLst/>
    <dgm:txEffectClrLst/>
  </dgm:styleLbl>
  <dgm:styleLbl name="asst1">
    <dgm:fillClrLst meth="repeat">
      <a:schemeClr val="accent4">
        <a:alpha val="90000"/>
      </a:schemeClr>
    </dgm:fillClrLst>
    <dgm:linClrLst meth="repeat">
      <a:schemeClr val="lt1"/>
    </dgm:linClrLst>
    <dgm:effectClrLst/>
    <dgm:txLinClrLst/>
    <dgm:txFillClrLst/>
    <dgm:txEffectClrLst/>
  </dgm:styleLbl>
  <dgm:styleLbl name="asst2">
    <dgm:fillClrLst>
      <a:schemeClr val="accent4">
        <a:alpha val="90000"/>
      </a:schemeClr>
    </dgm:fillClrLst>
    <dgm:linClrLst meth="repeat">
      <a:schemeClr val="lt1"/>
    </dgm:linClrLst>
    <dgm:effectClrLst/>
    <dgm:txLinClrLst/>
    <dgm:txFillClrLst/>
    <dgm:txEffectClrLst/>
  </dgm:styleLbl>
  <dgm:styleLbl name="asst3">
    <dgm:fillClrLst>
      <a:schemeClr val="accent4">
        <a:alpha val="70000"/>
      </a:schemeClr>
    </dgm:fillClrLst>
    <dgm:linClrLst meth="repeat">
      <a:schemeClr val="lt1"/>
    </dgm:linClrLst>
    <dgm:effectClrLst/>
    <dgm:txLinClrLst/>
    <dgm:txFillClrLst/>
    <dgm:txEffectClrLst/>
  </dgm:styleLbl>
  <dgm:styleLbl name="asst4">
    <dgm:fillClrLst>
      <a:schemeClr val="accent4">
        <a:alpha val="50000"/>
      </a:schemeClr>
    </dgm:fillClrLst>
    <dgm:linClrLst meth="repeat">
      <a:schemeClr val="lt1"/>
    </dgm:linClrLst>
    <dgm:effectClrLst/>
    <dgm:txLinClrLst/>
    <dgm:txFillClrLst/>
    <dgm:txEffectClrLst/>
  </dgm:styleLbl>
  <dgm:styleLbl name="parChTrans2D1">
    <dgm:fillClrLst meth="repeat">
      <a:schemeClr val="accent4">
        <a:shade val="80000"/>
      </a:schemeClr>
    </dgm:fillClrLst>
    <dgm:linClrLst meth="repeat">
      <a:schemeClr val="accent4">
        <a:shade val="80000"/>
      </a:schemeClr>
    </dgm:linClrLst>
    <dgm:effectClrLst/>
    <dgm:txLinClrLst/>
    <dgm:txFillClrLst/>
    <dgm:txEffectClrLst/>
  </dgm:styleLbl>
  <dgm:styleLbl name="parChTrans2D2">
    <dgm:fillClrLst meth="repeat">
      <a:schemeClr val="accent4">
        <a:tint val="90000"/>
      </a:schemeClr>
    </dgm:fillClrLst>
    <dgm:linClrLst meth="repeat">
      <a:schemeClr val="accent4">
        <a:tint val="90000"/>
      </a:schemeClr>
    </dgm:linClrLst>
    <dgm:effectClrLst/>
    <dgm:txLinClrLst/>
    <dgm:txFillClrLst/>
    <dgm:txEffectClrLst/>
  </dgm:styleLbl>
  <dgm:styleLbl name="parChTrans2D3">
    <dgm:fillClrLst meth="repeat">
      <a:schemeClr val="accent4">
        <a:tint val="70000"/>
      </a:schemeClr>
    </dgm:fillClrLst>
    <dgm:linClrLst meth="repeat">
      <a:schemeClr val="accent4">
        <a:tint val="70000"/>
      </a:schemeClr>
    </dgm:linClrLst>
    <dgm:effectClrLst/>
    <dgm:txLinClrLst/>
    <dgm:txFillClrLst/>
    <dgm:txEffectClrLst/>
  </dgm:styleLbl>
  <dgm:styleLbl name="parChTrans2D4">
    <dgm:fillClrLst meth="repeat">
      <a:schemeClr val="accent4">
        <a:tint val="50000"/>
      </a:schemeClr>
    </dgm:fillClrLst>
    <dgm:linClrLst meth="repeat">
      <a:schemeClr val="accent4">
        <a:tint val="50000"/>
      </a:schemeClr>
    </dgm:linClrLst>
    <dgm:effectClrLst/>
    <dgm:txLinClrLst/>
    <dgm:txFillClrLst meth="repeat">
      <a:schemeClr val="dk1"/>
    </dgm:txFillClrLst>
    <dgm:txEffectClrLst/>
  </dgm:styleLbl>
  <dgm:styleLbl name="parChTrans1D1">
    <dgm:fillClrLst meth="repeat">
      <a:schemeClr val="accent4">
        <a:shade val="80000"/>
      </a:schemeClr>
    </dgm:fillClrLst>
    <dgm:linClrLst meth="repeat">
      <a:schemeClr val="accent4">
        <a:shade val="80000"/>
      </a:schemeClr>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4">
        <a:tint val="90000"/>
      </a:schemeClr>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4">
        <a:tint val="70000"/>
      </a:schemeClr>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4">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4">
        <a:alpha val="90000"/>
      </a:schemeClr>
      <a:schemeClr val="accent4">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a:schemeClr val="accent4">
        <a:alpha val="90000"/>
        <a:tint val="40000"/>
      </a:schemeClr>
      <a:schemeClr val="accent4">
        <a:alpha val="5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a:tint val="50000"/>
      </a:schemeClr>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2_4">
  <dgm:title val=""/>
  <dgm:desc val=""/>
  <dgm:catLst>
    <dgm:cat type="accent2" pri="11400"/>
  </dgm:catLst>
  <dgm:styleLbl name="node0">
    <dgm:fillClrLst meth="cycle">
      <a:schemeClr val="accent2">
        <a:shade val="60000"/>
      </a:schemeClr>
    </dgm:fillClrLst>
    <dgm:linClrLst meth="repeat">
      <a:schemeClr val="lt1"/>
    </dgm:linClrLst>
    <dgm:effectClrLst/>
    <dgm:txLinClrLst/>
    <dgm:txFillClrLst/>
    <dgm:txEffectClrLst/>
  </dgm:styleLbl>
  <dgm:styleLbl name="node1">
    <dgm:fillClrLst meth="cycle">
      <a:schemeClr val="accent2">
        <a:shade val="50000"/>
      </a:schemeClr>
      <a:schemeClr val="accent2">
        <a:tint val="45000"/>
      </a:schemeClr>
    </dgm:fillClrLst>
    <dgm:linClrLst meth="repeat">
      <a:schemeClr val="lt1"/>
    </dgm:linClrLst>
    <dgm:effectClrLst/>
    <dgm:txLinClrLst/>
    <dgm:txFillClrLst/>
    <dgm:txEffectClrLst/>
  </dgm:styleLbl>
  <dgm:styleLbl name="alignNode1">
    <dgm:fillClrLst meth="cycle">
      <a:schemeClr val="accent2">
        <a:shade val="50000"/>
      </a:schemeClr>
      <a:schemeClr val="accent2">
        <a:tint val="45000"/>
      </a:schemeClr>
    </dgm:fillClrLst>
    <dgm:linClrLst meth="cycle">
      <a:schemeClr val="accent2">
        <a:shade val="50000"/>
      </a:schemeClr>
      <a:schemeClr val="accent2">
        <a:tint val="45000"/>
      </a:schemeClr>
    </dgm:linClrLst>
    <dgm:effectClrLst/>
    <dgm:txLinClrLst/>
    <dgm:txFillClrLst/>
    <dgm:txEffectClrLst/>
  </dgm:styleLbl>
  <dgm:styleLbl name="lnNode1">
    <dgm:fillClrLst meth="cycle">
      <a:schemeClr val="accent2">
        <a:shade val="50000"/>
      </a:schemeClr>
      <a:schemeClr val="accent2">
        <a:tint val="45000"/>
      </a:schemeClr>
    </dgm:fillClrLst>
    <dgm:linClrLst meth="repeat">
      <a:schemeClr val="lt1"/>
    </dgm:linClrLst>
    <dgm:effectClrLst/>
    <dgm:txLinClrLst/>
    <dgm:txFillClrLst/>
    <dgm:txEffectClrLst/>
  </dgm:styleLbl>
  <dgm:styleLbl name="vennNode1">
    <dgm:fillClrLst meth="cycle">
      <a:schemeClr val="accent2">
        <a:shade val="80000"/>
        <a:alpha val="50000"/>
      </a:schemeClr>
      <a:schemeClr val="accent2">
        <a:tint val="45000"/>
        <a:alpha val="50000"/>
      </a:schemeClr>
    </dgm:fillClrLst>
    <dgm:linClrLst meth="repeat">
      <a:schemeClr val="lt1"/>
    </dgm:linClrLst>
    <dgm:effectClrLst/>
    <dgm:txLinClrLst/>
    <dgm:txFillClrLst/>
    <dgm:txEffectClrLst/>
  </dgm:styleLbl>
  <dgm:styleLbl name="node2">
    <dgm:fillClrLst>
      <a:schemeClr val="accent2">
        <a:shade val="80000"/>
      </a:schemeClr>
    </dgm:fillClrLst>
    <dgm:linClrLst meth="repeat">
      <a:schemeClr val="lt1"/>
    </dgm:linClrLst>
    <dgm:effectClrLst/>
    <dgm:txLinClrLst/>
    <dgm:txFillClrLst/>
    <dgm:txEffectClrLst/>
  </dgm:styleLbl>
  <dgm:styleLbl name="node3">
    <dgm:fillClrLst>
      <a:schemeClr val="accent2">
        <a:tint val="99000"/>
      </a:schemeClr>
    </dgm:fillClrLst>
    <dgm:linClrLst meth="repeat">
      <a:schemeClr val="lt1"/>
    </dgm:linClrLst>
    <dgm:effectClrLst/>
    <dgm:txLinClrLst/>
    <dgm:txFillClrLst/>
    <dgm:txEffectClrLst/>
  </dgm:styleLbl>
  <dgm:styleLbl name="node4">
    <dgm:fillClrLst>
      <a:schemeClr val="accent2">
        <a:tint val="70000"/>
      </a:schemeClr>
    </dgm:fillClrLst>
    <dgm:linClrLst meth="repeat">
      <a:schemeClr val="lt1"/>
    </dgm:linClrLst>
    <dgm:effectClrLst/>
    <dgm:txLinClrLst/>
    <dgm:txFillClrLst/>
    <dgm:txEffectClrLst/>
  </dgm:styleLbl>
  <dgm:styleLbl name="fgImgPlace1">
    <dgm:fillClrLst>
      <a:schemeClr val="accent2">
        <a:tint val="50000"/>
      </a:schemeClr>
      <a:schemeClr val="accent2">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2">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2">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dgm:txEffectClrLst/>
  </dgm:styleLbl>
  <dgm:styleLbl name="fgSibTrans2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dgm:txEffectClrLst/>
  </dgm:styleLbl>
  <dgm:styleLbl name="bgSibTrans2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dgm:txEffectClrLst/>
  </dgm:styleLbl>
  <dgm:styleLbl name="sibTrans1D1">
    <dgm:fillClrLst meth="cycle">
      <a:schemeClr val="accent2">
        <a:shade val="90000"/>
      </a:schemeClr>
      <a:schemeClr val="accent2">
        <a:tint val="50000"/>
      </a:schemeClr>
    </dgm:fillClrLst>
    <dgm:linClrLst meth="cycle">
      <a:schemeClr val="accent2">
        <a:shade val="90000"/>
      </a:schemeClr>
      <a:schemeClr val="accent2">
        <a:tint val="50000"/>
      </a:schemeClr>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accent2">
        <a:shade val="80000"/>
      </a:schemeClr>
    </dgm:fillClrLst>
    <dgm:linClrLst meth="repeat">
      <a:schemeClr val="lt1"/>
    </dgm:linClrLst>
    <dgm:effectClrLst/>
    <dgm:txLinClrLst/>
    <dgm:txFillClrLst/>
    <dgm:txEffectClrLst/>
  </dgm:styleLbl>
  <dgm:styleLbl name="asst1">
    <dgm:fillClrLst meth="repeat">
      <a:schemeClr val="accent2">
        <a:shade val="80000"/>
      </a:schemeClr>
    </dgm:fillClrLst>
    <dgm:linClrLst meth="repeat">
      <a:schemeClr val="lt1"/>
    </dgm:linClrLst>
    <dgm:effectClrLst/>
    <dgm:txLinClrLst/>
    <dgm:txFillClrLst/>
    <dgm:txEffectClrLst/>
  </dgm:styleLbl>
  <dgm:styleLbl name="asst2">
    <dgm:fillClrLst>
      <a:schemeClr val="accent2">
        <a:tint val="90000"/>
      </a:schemeClr>
    </dgm:fillClrLst>
    <dgm:linClrLst meth="repeat">
      <a:schemeClr val="lt1"/>
    </dgm:linClrLst>
    <dgm:effectClrLst/>
    <dgm:txLinClrLst/>
    <dgm:txFillClrLst/>
    <dgm:txEffectClrLst/>
  </dgm:styleLbl>
  <dgm:styleLbl name="asst3">
    <dgm:fillClrLst>
      <a:schemeClr val="accent2">
        <a:tint val="70000"/>
      </a:schemeClr>
    </dgm:fillClrLst>
    <dgm:linClrLst meth="repeat">
      <a:schemeClr val="lt1"/>
    </dgm:linClrLst>
    <dgm:effectClrLst/>
    <dgm:txLinClrLst/>
    <dgm:txFillClrLst/>
    <dgm:txEffectClrLst/>
  </dgm:styleLbl>
  <dgm:styleLbl name="asst4">
    <dgm:fillClrLst>
      <a:schemeClr val="accent2">
        <a:tint val="50000"/>
      </a:schemeClr>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shade val="80000"/>
      </a:schemeClr>
    </dgm:linClrLst>
    <dgm:effectClrLst/>
    <dgm:txLinClrLst/>
    <dgm:txFillClrLst/>
    <dgm:txEffectClrLst/>
  </dgm:styleLbl>
  <dgm:styleLbl name="parChTrans2D2">
    <dgm:fillClrLst meth="repeat">
      <a:schemeClr val="accent2">
        <a:tint val="90000"/>
      </a:schemeClr>
    </dgm:fillClrLst>
    <dgm:linClrLst meth="repeat">
      <a:schemeClr val="accent2">
        <a:tint val="90000"/>
      </a:schemeClr>
    </dgm:linClrLst>
    <dgm:effectClrLst/>
    <dgm:txLinClrLst/>
    <dgm:txFillClrLst/>
    <dgm:txEffectClrLst/>
  </dgm:styleLbl>
  <dgm:styleLbl name="parChTrans2D3">
    <dgm:fillClrLst meth="repeat">
      <a:schemeClr val="accent2">
        <a:tint val="70000"/>
      </a:schemeClr>
    </dgm:fillClrLst>
    <dgm:linClrLst meth="repeat">
      <a:schemeClr val="accent2">
        <a:tint val="70000"/>
      </a:schemeClr>
    </dgm:linClrLst>
    <dgm:effectClrLst/>
    <dgm:txLinClrLst/>
    <dgm:txFillClrLst/>
    <dgm:txEffectClrLst/>
  </dgm:styleLbl>
  <dgm:styleLbl name="parChTrans2D4">
    <dgm:fillClrLst meth="repeat">
      <a:schemeClr val="accent2">
        <a:tint val="50000"/>
      </a:schemeClr>
    </dgm:fillClrLst>
    <dgm:linClrLst meth="repeat">
      <a:schemeClr val="accent2">
        <a:tint val="50000"/>
      </a:schemeClr>
    </dgm:linClrLst>
    <dgm:effectClrLst/>
    <dgm:txLinClrLst/>
    <dgm:txFillClrLst meth="repeat">
      <a:schemeClr val="dk1"/>
    </dgm:txFillClrLst>
    <dgm:txEffectClrLst/>
  </dgm:styleLbl>
  <dgm:styleLbl name="parChTrans1D1">
    <dgm:fillClrLst meth="repeat">
      <a:schemeClr val="accent2">
        <a:shade val="80000"/>
      </a:schemeClr>
    </dgm:fillClrLst>
    <dgm:linClrLst meth="repeat">
      <a:schemeClr val="accent2">
        <a:shade val="80000"/>
      </a:schemeClr>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2">
        <a:tint val="90000"/>
      </a:schemeClr>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2">
        <a:tint val="70000"/>
      </a:schemeClr>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2">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2">
        <a:shade val="50000"/>
      </a:schemeClr>
      <a:schemeClr val="accent2">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55000"/>
      </a:schemeClr>
    </dgm:fillClrLst>
    <dgm:linClrLst meth="repeat">
      <a:schemeClr val="accent2">
        <a:alpha val="90000"/>
        <a:tint val="55000"/>
      </a:schemeClr>
    </dgm:linClrLst>
    <dgm:effectClrLst/>
    <dgm:txLinClrLst/>
    <dgm:txFillClrLst meth="repeat">
      <a:schemeClr val="dk1"/>
    </dgm:txFillClrLst>
    <dgm:txEffectClrLst/>
  </dgm:styleLbl>
  <dgm:styleLbl name="alignAccFollowNode1">
    <dgm:fillClrLst meth="repeat">
      <a:schemeClr val="accent2">
        <a:alpha val="90000"/>
        <a:tint val="55000"/>
      </a:schemeClr>
    </dgm:fillClrLst>
    <dgm:linClrLst meth="repeat">
      <a:schemeClr val="accent2">
        <a:alpha val="90000"/>
        <a:tint val="55000"/>
      </a:schemeClr>
    </dgm:linClrLst>
    <dgm:effectClrLst/>
    <dgm:txLinClrLst/>
    <dgm:txFillClrLst meth="repeat">
      <a:schemeClr val="dk1"/>
    </dgm:txFillClrLst>
    <dgm:txEffectClrLst/>
  </dgm:styleLbl>
  <dgm:styleLbl name="bgAccFollowNode1">
    <dgm:fillClrLst meth="repeat">
      <a:schemeClr val="accent2">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a:tint val="50000"/>
      </a:schemeClr>
    </dgm:linClrLst>
    <dgm:effectClrLst/>
    <dgm:txLinClrLst/>
    <dgm:txFillClrLst meth="repeat">
      <a:schemeClr val="dk1"/>
    </dgm:txFillClrLst>
    <dgm:txEffectClrLst/>
  </dgm:styleLbl>
  <dgm:styleLbl name="bgShp">
    <dgm:fillClrLst meth="repeat">
      <a:schemeClr val="accent2">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55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4_5" csCatId="accent4" phldr="1"/>
      <dgm:spPr/>
    </dgm:pt>
    <dgm:pt modelId="{2E116C6B-C1B8-9143-8839-7BD327EF26AE}">
      <dgm:prSet phldrT="[Text]"/>
      <dgm:spPr>
        <a:solidFill>
          <a:schemeClr val="accent1"/>
        </a:solidFill>
      </dgm:spPr>
      <dgm:t>
        <a:bodyPr/>
        <a:lstStyle/>
        <a:p>
          <a:r>
            <a:rPr lang="en-US" dirty="0"/>
            <a:t>Month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a:solidFill>
          <a:schemeClr val="accent1"/>
        </a:solidFill>
      </dgm:spPr>
      <dgm:t>
        <a:bodyPr/>
        <a:lstStyle/>
        <a:p>
          <a:r>
            <a:rPr lang="en-US" dirty="0"/>
            <a:t>Month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a:solidFill>
          <a:schemeClr val="accent1">
            <a:lumMod val="40000"/>
            <a:lumOff val="60000"/>
          </a:schemeClr>
        </a:solidFill>
      </dgm:spPr>
      <dgm:t>
        <a:bodyPr/>
        <a:lstStyle/>
        <a:p>
          <a:r>
            <a:rPr lang="en-US" dirty="0"/>
            <a:t>Month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a:solidFill>
          <a:schemeClr val="accent1">
            <a:lumMod val="40000"/>
            <a:lumOff val="60000"/>
          </a:schemeClr>
        </a:solidFill>
      </dgm:spPr>
      <dgm:t>
        <a:bodyPr/>
        <a:lstStyle/>
        <a:p>
          <a:r>
            <a:rPr lang="en-US" dirty="0"/>
            <a:t>Month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6BA70F3A-3D54-3141-8E3E-3D20B1879B93}">
      <dgm:prSet phldrT="[Text]"/>
      <dgm:spPr>
        <a:solidFill>
          <a:schemeClr val="accent1">
            <a:lumMod val="40000"/>
            <a:lumOff val="60000"/>
          </a:schemeClr>
        </a:solidFill>
      </dgm:spPr>
      <dgm:t>
        <a:bodyPr/>
        <a:lstStyle/>
        <a:p>
          <a:r>
            <a:rPr lang="en-US" dirty="0"/>
            <a:t>Month 5</a:t>
          </a:r>
        </a:p>
      </dgm:t>
    </dgm:pt>
    <dgm:pt modelId="{0C567076-8DF7-DE4A-A0EB-341373F865F0}" type="parTrans" cxnId="{C643E0C0-94E1-9345-B4BE-9685BD2739CD}">
      <dgm:prSet/>
      <dgm:spPr/>
      <dgm:t>
        <a:bodyPr/>
        <a:lstStyle/>
        <a:p>
          <a:endParaRPr lang="en-US"/>
        </a:p>
      </dgm:t>
    </dgm:pt>
    <dgm:pt modelId="{7E870EA2-3781-594E-8F5D-95942472EA9D}" type="sibTrans" cxnId="{C643E0C0-94E1-9345-B4BE-9685BD2739CD}">
      <dgm:prSet/>
      <dgm:spPr/>
      <dgm:t>
        <a:bodyPr/>
        <a:lstStyle/>
        <a:p>
          <a:endParaRPr lang="en-US"/>
        </a:p>
      </dgm:t>
    </dgm:pt>
    <dgm:pt modelId="{F5D6B3E2-133D-864D-BA93-91387FC82374}">
      <dgm:prSet phldrT="[Text]"/>
      <dgm:spPr>
        <a:solidFill>
          <a:schemeClr val="accent1">
            <a:lumMod val="40000"/>
            <a:lumOff val="60000"/>
          </a:schemeClr>
        </a:solidFill>
      </dgm:spPr>
      <dgm:t>
        <a:bodyPr/>
        <a:lstStyle/>
        <a:p>
          <a:r>
            <a:rPr lang="en-US" dirty="0"/>
            <a:t>Month 6</a:t>
          </a:r>
        </a:p>
      </dgm:t>
    </dgm:pt>
    <dgm:pt modelId="{A2ACC591-70E1-A64F-ACB2-35050E032A5D}" type="parTrans" cxnId="{136F216F-F1F9-B24A-8EB5-995E6A48E6E8}">
      <dgm:prSet/>
      <dgm:spPr/>
      <dgm:t>
        <a:bodyPr/>
        <a:lstStyle/>
        <a:p>
          <a:endParaRPr lang="en-US"/>
        </a:p>
      </dgm:t>
    </dgm:pt>
    <dgm:pt modelId="{44E84D39-CD13-334E-BCF2-2797D0B4F2E6}" type="sibTrans" cxnId="{136F216F-F1F9-B24A-8EB5-995E6A48E6E8}">
      <dgm:prSet/>
      <dgm:spPr/>
      <dgm:t>
        <a:bodyPr/>
        <a:lstStyle/>
        <a:p>
          <a:endParaRPr lang="en-US"/>
        </a:p>
      </dgm:t>
    </dgm:pt>
    <dgm:pt modelId="{9CB8935A-9D49-BB44-BD1B-5119A1C1C5C0}">
      <dgm:prSet phldrT="[Text]"/>
      <dgm:spPr>
        <a:solidFill>
          <a:schemeClr val="bg1">
            <a:lumMod val="85000"/>
          </a:schemeClr>
        </a:solidFill>
      </dgm:spPr>
      <dgm:t>
        <a:bodyPr/>
        <a:lstStyle/>
        <a:p>
          <a:r>
            <a:rPr lang="en-US" dirty="0"/>
            <a:t>Month 7</a:t>
          </a:r>
        </a:p>
      </dgm:t>
    </dgm:pt>
    <dgm:pt modelId="{3EDA7E4D-DE64-544F-9589-AFE692B28099}" type="parTrans" cxnId="{9D32DE28-61BA-F744-846F-09D5DEFB0AE9}">
      <dgm:prSet/>
      <dgm:spPr/>
      <dgm:t>
        <a:bodyPr/>
        <a:lstStyle/>
        <a:p>
          <a:endParaRPr lang="en-US"/>
        </a:p>
      </dgm:t>
    </dgm:pt>
    <dgm:pt modelId="{6EB7D773-B2F7-E541-B389-686ED9293BAD}" type="sibTrans" cxnId="{9D32DE28-61BA-F744-846F-09D5DEFB0AE9}">
      <dgm:prSet/>
      <dgm:spPr/>
      <dgm:t>
        <a:bodyPr/>
        <a:lstStyle/>
        <a:p>
          <a:endParaRPr lang="en-US"/>
        </a:p>
      </dgm:t>
    </dgm:pt>
    <dgm:pt modelId="{E5B03628-D444-844F-BCA0-A700B7607177}">
      <dgm:prSet phldrT="[Text]"/>
      <dgm:spPr>
        <a:solidFill>
          <a:schemeClr val="bg1">
            <a:lumMod val="85000"/>
          </a:schemeClr>
        </a:solidFill>
      </dgm:spPr>
      <dgm:t>
        <a:bodyPr/>
        <a:lstStyle/>
        <a:p>
          <a:r>
            <a:rPr lang="en-US" dirty="0"/>
            <a:t>Month 8</a:t>
          </a:r>
        </a:p>
      </dgm:t>
    </dgm:pt>
    <dgm:pt modelId="{3AE3AD21-8F1A-564D-91F7-4C4E0785B2B2}" type="parTrans" cxnId="{A2C11CA5-6CBE-7548-9C09-D06A89C2EC8C}">
      <dgm:prSet/>
      <dgm:spPr/>
      <dgm:t>
        <a:bodyPr/>
        <a:lstStyle/>
        <a:p>
          <a:endParaRPr lang="en-US"/>
        </a:p>
      </dgm:t>
    </dgm:pt>
    <dgm:pt modelId="{01C091AE-C10D-B249-94E1-17CD3B07AFB3}" type="sibTrans" cxnId="{A2C11CA5-6CBE-7548-9C09-D06A89C2EC8C}">
      <dgm:prSet/>
      <dgm:spPr/>
      <dgm:t>
        <a:bodyPr/>
        <a:lstStyle/>
        <a:p>
          <a:endParaRPr lang="en-US"/>
        </a:p>
      </dgm:t>
    </dgm:pt>
    <dgm:pt modelId="{D0893B01-BFF4-3647-A373-B7F1672DC978}">
      <dgm:prSet phldrT="[Text]"/>
      <dgm:spPr>
        <a:solidFill>
          <a:schemeClr val="bg1">
            <a:lumMod val="85000"/>
          </a:schemeClr>
        </a:solidFill>
      </dgm:spPr>
      <dgm:t>
        <a:bodyPr/>
        <a:lstStyle/>
        <a:p>
          <a:r>
            <a:rPr lang="en-US" dirty="0"/>
            <a:t>Month 9</a:t>
          </a:r>
        </a:p>
      </dgm:t>
    </dgm:pt>
    <dgm:pt modelId="{AF1AA3F2-1844-F342-99D9-D4850E230535}" type="parTrans" cxnId="{6DA81650-4740-2F40-989B-245A3E2BE897}">
      <dgm:prSet/>
      <dgm:spPr/>
      <dgm:t>
        <a:bodyPr/>
        <a:lstStyle/>
        <a:p>
          <a:endParaRPr lang="en-US"/>
        </a:p>
      </dgm:t>
    </dgm:pt>
    <dgm:pt modelId="{AD42D8B3-BD14-3540-AFF2-493D10E4E67F}" type="sibTrans" cxnId="{6DA81650-4740-2F40-989B-245A3E2BE897}">
      <dgm:prSet/>
      <dgm:spPr/>
      <dgm:t>
        <a:bodyPr/>
        <a:lstStyle/>
        <a:p>
          <a:endParaRPr lang="en-US"/>
        </a:p>
      </dgm:t>
    </dgm:pt>
    <dgm:pt modelId="{23C19E56-3F53-8240-9F9D-37417F772BD6}">
      <dgm:prSet phldrT="[Text]"/>
      <dgm:spPr>
        <a:solidFill>
          <a:schemeClr val="bg1">
            <a:lumMod val="85000"/>
          </a:schemeClr>
        </a:solidFill>
      </dgm:spPr>
      <dgm:t>
        <a:bodyPr/>
        <a:lstStyle/>
        <a:p>
          <a:r>
            <a:rPr lang="en-US" dirty="0"/>
            <a:t>Month 10</a:t>
          </a:r>
        </a:p>
      </dgm:t>
    </dgm:pt>
    <dgm:pt modelId="{FC01C80A-BFFC-E441-BD6B-C2CE3754BC59}" type="parTrans" cxnId="{B116FC17-799C-8843-BD75-1D37A9179AF6}">
      <dgm:prSet/>
      <dgm:spPr/>
      <dgm:t>
        <a:bodyPr/>
        <a:lstStyle/>
        <a:p>
          <a:endParaRPr lang="en-US"/>
        </a:p>
      </dgm:t>
    </dgm:pt>
    <dgm:pt modelId="{E6D0CBD5-5A72-9349-B78B-755469DDA692}" type="sibTrans" cxnId="{B116FC17-799C-8843-BD75-1D37A9179AF6}">
      <dgm:prSet/>
      <dgm:spPr/>
      <dgm:t>
        <a:bodyPr/>
        <a:lstStyle/>
        <a:p>
          <a:endParaRPr lang="en-US"/>
        </a:p>
      </dgm:t>
    </dgm:pt>
    <dgm:pt modelId="{BC4B1D52-AC7D-EF40-ADC2-8191D7E636A5}">
      <dgm:prSet phldrT="[Text]"/>
      <dgm:spPr>
        <a:solidFill>
          <a:schemeClr val="bg1">
            <a:lumMod val="85000"/>
          </a:schemeClr>
        </a:solidFill>
      </dgm:spPr>
      <dgm:t>
        <a:bodyPr/>
        <a:lstStyle/>
        <a:p>
          <a:r>
            <a:rPr lang="en-US" dirty="0"/>
            <a:t>Month 11</a:t>
          </a:r>
        </a:p>
      </dgm:t>
    </dgm:pt>
    <dgm:pt modelId="{83E0DB81-AC78-F54A-AD88-CA0BED9551DC}" type="parTrans" cxnId="{0AB0CC75-DA02-2A42-B2F6-267344D771A9}">
      <dgm:prSet/>
      <dgm:spPr/>
      <dgm:t>
        <a:bodyPr/>
        <a:lstStyle/>
        <a:p>
          <a:endParaRPr lang="en-US"/>
        </a:p>
      </dgm:t>
    </dgm:pt>
    <dgm:pt modelId="{8155EBE7-145D-3045-B4D5-A2FB590F3E70}" type="sibTrans" cxnId="{0AB0CC75-DA02-2A42-B2F6-267344D771A9}">
      <dgm:prSet/>
      <dgm:spPr/>
      <dgm:t>
        <a:bodyPr/>
        <a:lstStyle/>
        <a:p>
          <a:endParaRPr lang="en-US"/>
        </a:p>
      </dgm:t>
    </dgm:pt>
    <dgm:pt modelId="{924DCAD4-5F17-7C44-B591-115356CF3831}">
      <dgm:prSet phldrT="[Text]"/>
      <dgm:spPr>
        <a:solidFill>
          <a:schemeClr val="bg1">
            <a:lumMod val="85000"/>
          </a:schemeClr>
        </a:solidFill>
      </dgm:spPr>
      <dgm:t>
        <a:bodyPr/>
        <a:lstStyle/>
        <a:p>
          <a:r>
            <a:rPr lang="en-US" dirty="0"/>
            <a:t>Month 12</a:t>
          </a:r>
        </a:p>
      </dgm:t>
    </dgm:pt>
    <dgm:pt modelId="{9C4C81A4-0AE7-4641-9CC8-947D1A2983A6}" type="parTrans" cxnId="{FE42BEA0-E062-B84F-BAB1-7F499112563E}">
      <dgm:prSet/>
      <dgm:spPr/>
      <dgm:t>
        <a:bodyPr/>
        <a:lstStyle/>
        <a:p>
          <a:endParaRPr lang="en-US"/>
        </a:p>
      </dgm:t>
    </dgm:pt>
    <dgm:pt modelId="{17628B93-F602-0545-AA5B-7223EA392249}" type="sibTrans" cxnId="{FE42BEA0-E062-B84F-BAB1-7F499112563E}">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12">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12">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12">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12">
        <dgm:presLayoutVars>
          <dgm:bulletEnabled val="1"/>
        </dgm:presLayoutVars>
      </dgm:prSet>
      <dgm:spPr/>
    </dgm:pt>
    <dgm:pt modelId="{4DB0A912-015E-F54B-AFCF-9E01D80BB765}" type="pres">
      <dgm:prSet presAssocID="{49C5F9F7-AE5F-B141-BC2C-2898192A370D}" presName="parSpace" presStyleCnt="0"/>
      <dgm:spPr/>
    </dgm:pt>
    <dgm:pt modelId="{C2359B7F-CB8F-EC42-B4C3-050C16F42CFD}" type="pres">
      <dgm:prSet presAssocID="{6BA70F3A-3D54-3141-8E3E-3D20B1879B93}" presName="parTxOnly" presStyleLbl="node1" presStyleIdx="4" presStyleCnt="12">
        <dgm:presLayoutVars>
          <dgm:bulletEnabled val="1"/>
        </dgm:presLayoutVars>
      </dgm:prSet>
      <dgm:spPr/>
    </dgm:pt>
    <dgm:pt modelId="{82048E63-EC94-1E41-82BD-0145FBEB2C86}" type="pres">
      <dgm:prSet presAssocID="{7E870EA2-3781-594E-8F5D-95942472EA9D}" presName="parSpace" presStyleCnt="0"/>
      <dgm:spPr/>
    </dgm:pt>
    <dgm:pt modelId="{7F02DCD0-1033-D447-9CA9-3DA883DF1990}" type="pres">
      <dgm:prSet presAssocID="{F5D6B3E2-133D-864D-BA93-91387FC82374}" presName="parTxOnly" presStyleLbl="node1" presStyleIdx="5" presStyleCnt="12">
        <dgm:presLayoutVars>
          <dgm:bulletEnabled val="1"/>
        </dgm:presLayoutVars>
      </dgm:prSet>
      <dgm:spPr/>
    </dgm:pt>
    <dgm:pt modelId="{498E2210-870F-2C42-9932-7E74816A0C53}" type="pres">
      <dgm:prSet presAssocID="{44E84D39-CD13-334E-BCF2-2797D0B4F2E6}" presName="parSpace" presStyleCnt="0"/>
      <dgm:spPr/>
    </dgm:pt>
    <dgm:pt modelId="{83154A96-9DD8-B74C-85EB-5A9EE8918262}" type="pres">
      <dgm:prSet presAssocID="{9CB8935A-9D49-BB44-BD1B-5119A1C1C5C0}" presName="parTxOnly" presStyleLbl="node1" presStyleIdx="6" presStyleCnt="12">
        <dgm:presLayoutVars>
          <dgm:bulletEnabled val="1"/>
        </dgm:presLayoutVars>
      </dgm:prSet>
      <dgm:spPr/>
    </dgm:pt>
    <dgm:pt modelId="{6014F0C3-AD36-5947-8A3C-24BCB6C96936}" type="pres">
      <dgm:prSet presAssocID="{6EB7D773-B2F7-E541-B389-686ED9293BAD}" presName="parSpace" presStyleCnt="0"/>
      <dgm:spPr/>
    </dgm:pt>
    <dgm:pt modelId="{AB78FE09-DB85-3D44-BEB2-B271C5B807E0}" type="pres">
      <dgm:prSet presAssocID="{E5B03628-D444-844F-BCA0-A700B7607177}" presName="parTxOnly" presStyleLbl="node1" presStyleIdx="7" presStyleCnt="12">
        <dgm:presLayoutVars>
          <dgm:bulletEnabled val="1"/>
        </dgm:presLayoutVars>
      </dgm:prSet>
      <dgm:spPr/>
    </dgm:pt>
    <dgm:pt modelId="{559D444F-CAA1-A941-87E3-C7CF056E6AE3}" type="pres">
      <dgm:prSet presAssocID="{01C091AE-C10D-B249-94E1-17CD3B07AFB3}" presName="parSpace" presStyleCnt="0"/>
      <dgm:spPr/>
    </dgm:pt>
    <dgm:pt modelId="{B504BB1E-0653-6843-9F8F-CEACB35BAC88}" type="pres">
      <dgm:prSet presAssocID="{D0893B01-BFF4-3647-A373-B7F1672DC978}" presName="parTxOnly" presStyleLbl="node1" presStyleIdx="8" presStyleCnt="12">
        <dgm:presLayoutVars>
          <dgm:bulletEnabled val="1"/>
        </dgm:presLayoutVars>
      </dgm:prSet>
      <dgm:spPr/>
    </dgm:pt>
    <dgm:pt modelId="{01ED2D9F-A9CD-C844-9DD1-0CF45462E718}" type="pres">
      <dgm:prSet presAssocID="{AD42D8B3-BD14-3540-AFF2-493D10E4E67F}" presName="parSpace" presStyleCnt="0"/>
      <dgm:spPr/>
    </dgm:pt>
    <dgm:pt modelId="{BB6E7E5B-38D0-734F-ADEE-B01CFC8F1C00}" type="pres">
      <dgm:prSet presAssocID="{23C19E56-3F53-8240-9F9D-37417F772BD6}" presName="parTxOnly" presStyleLbl="node1" presStyleIdx="9" presStyleCnt="12">
        <dgm:presLayoutVars>
          <dgm:bulletEnabled val="1"/>
        </dgm:presLayoutVars>
      </dgm:prSet>
      <dgm:spPr/>
    </dgm:pt>
    <dgm:pt modelId="{0925315D-1875-D64E-BBA8-FF115AE4C551}" type="pres">
      <dgm:prSet presAssocID="{E6D0CBD5-5A72-9349-B78B-755469DDA692}" presName="parSpace" presStyleCnt="0"/>
      <dgm:spPr/>
    </dgm:pt>
    <dgm:pt modelId="{45FF2AAE-E4F9-1846-BDA0-0BBA049F3E35}" type="pres">
      <dgm:prSet presAssocID="{BC4B1D52-AC7D-EF40-ADC2-8191D7E636A5}" presName="parTxOnly" presStyleLbl="node1" presStyleIdx="10" presStyleCnt="12">
        <dgm:presLayoutVars>
          <dgm:bulletEnabled val="1"/>
        </dgm:presLayoutVars>
      </dgm:prSet>
      <dgm:spPr/>
    </dgm:pt>
    <dgm:pt modelId="{7F5ACB1D-0434-A54D-9C8D-E6ECFB8A2E79}" type="pres">
      <dgm:prSet presAssocID="{8155EBE7-145D-3045-B4D5-A2FB590F3E70}" presName="parSpace" presStyleCnt="0"/>
      <dgm:spPr/>
    </dgm:pt>
    <dgm:pt modelId="{1B83875F-83A0-6F40-958B-283950257C57}" type="pres">
      <dgm:prSet presAssocID="{924DCAD4-5F17-7C44-B591-115356CF3831}" presName="parTxOnly" presStyleLbl="node1" presStyleIdx="11" presStyleCnt="12">
        <dgm:presLayoutVars>
          <dgm:bulletEnabled val="1"/>
        </dgm:presLayoutVars>
      </dgm:prSet>
      <dgm:spPr/>
    </dgm:pt>
  </dgm:ptLst>
  <dgm:cxnLst>
    <dgm:cxn modelId="{F980A20C-828C-E545-A0E4-0E5291389543}" type="presOf" srcId="{E5B03628-D444-844F-BCA0-A700B7607177}" destId="{AB78FE09-DB85-3D44-BEB2-B271C5B807E0}" srcOrd="0" destOrd="0" presId="urn:microsoft.com/office/officeart/2005/8/layout/hChevron3"/>
    <dgm:cxn modelId="{B116FC17-799C-8843-BD75-1D37A9179AF6}" srcId="{BFB1C713-2822-0642-971D-67D8852E3364}" destId="{23C19E56-3F53-8240-9F9D-37417F772BD6}" srcOrd="9" destOrd="0" parTransId="{FC01C80A-BFFC-E441-BD6B-C2CE3754BC59}" sibTransId="{E6D0CBD5-5A72-9349-B78B-755469DDA692}"/>
    <dgm:cxn modelId="{B088E225-C870-0E47-B562-A50208D1A5EF}" srcId="{BFB1C713-2822-0642-971D-67D8852E3364}" destId="{65895D85-F9BC-9E43-8AC6-DA68BD2EBB0C}" srcOrd="1" destOrd="0" parTransId="{C80ABF91-119F-AD4D-A6A0-73F9DDED4537}" sibTransId="{9A502B5C-347D-DB42-83C5-CA2D69447932}"/>
    <dgm:cxn modelId="{9D32DE28-61BA-F744-846F-09D5DEFB0AE9}" srcId="{BFB1C713-2822-0642-971D-67D8852E3364}" destId="{9CB8935A-9D49-BB44-BD1B-5119A1C1C5C0}" srcOrd="6" destOrd="0" parTransId="{3EDA7E4D-DE64-544F-9589-AFE692B28099}" sibTransId="{6EB7D773-B2F7-E541-B389-686ED9293BAD}"/>
    <dgm:cxn modelId="{31D2073D-BAC2-E741-8362-8F8703223972}" srcId="{BFB1C713-2822-0642-971D-67D8852E3364}" destId="{201FA7D1-4673-164B-A870-07B69404D1D4}" srcOrd="3" destOrd="0" parTransId="{AA15B90E-7C06-A54F-AD91-0DC8E0016736}" sibTransId="{49C5F9F7-AE5F-B141-BC2C-2898192A370D}"/>
    <dgm:cxn modelId="{AE315445-0C6A-FC4A-BF84-72E1A361DC36}" type="presOf" srcId="{2E116C6B-C1B8-9143-8839-7BD327EF26AE}" destId="{0B98E2E4-7E61-BF45-9002-438D1AD64EC9}" srcOrd="0" destOrd="0" presId="urn:microsoft.com/office/officeart/2005/8/layout/hChevron3"/>
    <dgm:cxn modelId="{3233CB47-FAC6-FD4A-A75D-B66BF39D46E7}" type="presOf" srcId="{D0893B01-BFF4-3647-A373-B7F1672DC978}" destId="{B504BB1E-0653-6843-9F8F-CEACB35BAC88}" srcOrd="0" destOrd="0" presId="urn:microsoft.com/office/officeart/2005/8/layout/hChevron3"/>
    <dgm:cxn modelId="{3D3F0A4D-BE07-324D-B711-CE21D5F842D3}" type="presOf" srcId="{6BA70F3A-3D54-3141-8E3E-3D20B1879B93}" destId="{C2359B7F-CB8F-EC42-B4C3-050C16F42CFD}" srcOrd="0" destOrd="0" presId="urn:microsoft.com/office/officeart/2005/8/layout/hChevron3"/>
    <dgm:cxn modelId="{6DA81650-4740-2F40-989B-245A3E2BE897}" srcId="{BFB1C713-2822-0642-971D-67D8852E3364}" destId="{D0893B01-BFF4-3647-A373-B7F1672DC978}" srcOrd="8" destOrd="0" parTransId="{AF1AA3F2-1844-F342-99D9-D4850E230535}" sibTransId="{AD42D8B3-BD14-3540-AFF2-493D10E4E67F}"/>
    <dgm:cxn modelId="{1E4E5A63-97C3-774A-A86D-680314267EBB}" type="presOf" srcId="{23C19E56-3F53-8240-9F9D-37417F772BD6}" destId="{BB6E7E5B-38D0-734F-ADEE-B01CFC8F1C00}" srcOrd="0" destOrd="0" presId="urn:microsoft.com/office/officeart/2005/8/layout/hChevron3"/>
    <dgm:cxn modelId="{D2A5BE68-6B6A-FE4C-AE4C-F5FEDF9C5228}" type="presOf" srcId="{BC4B1D52-AC7D-EF40-ADC2-8191D7E636A5}" destId="{45FF2AAE-E4F9-1846-BDA0-0BBA049F3E35}" srcOrd="0" destOrd="0" presId="urn:microsoft.com/office/officeart/2005/8/layout/hChevron3"/>
    <dgm:cxn modelId="{136F216F-F1F9-B24A-8EB5-995E6A48E6E8}" srcId="{BFB1C713-2822-0642-971D-67D8852E3364}" destId="{F5D6B3E2-133D-864D-BA93-91387FC82374}" srcOrd="5" destOrd="0" parTransId="{A2ACC591-70E1-A64F-ACB2-35050E032A5D}" sibTransId="{44E84D39-CD13-334E-BCF2-2797D0B4F2E6}"/>
    <dgm:cxn modelId="{9C156B70-9915-584C-9B6A-D7EDF22D12B4}" srcId="{BFB1C713-2822-0642-971D-67D8852E3364}" destId="{9AABBBD2-5E5E-9A45-93E6-024DF8331810}" srcOrd="2" destOrd="0" parTransId="{8DE9B082-385A-054E-805A-93D0B928988D}" sibTransId="{7E92C188-48A2-A24E-9626-10646C9B8C4C}"/>
    <dgm:cxn modelId="{0AB0CC75-DA02-2A42-B2F6-267344D771A9}" srcId="{BFB1C713-2822-0642-971D-67D8852E3364}" destId="{BC4B1D52-AC7D-EF40-ADC2-8191D7E636A5}" srcOrd="10" destOrd="0" parTransId="{83E0DB81-AC78-F54A-AD88-CA0BED9551DC}" sibTransId="{8155EBE7-145D-3045-B4D5-A2FB590F3E70}"/>
    <dgm:cxn modelId="{DF7BF98A-FA4F-C143-83CC-B196C49B8071}" type="presOf" srcId="{9AABBBD2-5E5E-9A45-93E6-024DF8331810}" destId="{47904C27-172E-E045-91F3-8A5A0AC65125}"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4DAF7B91-8B6B-8B48-B798-9B33AF04C70C}" type="presOf" srcId="{924DCAD4-5F17-7C44-B591-115356CF3831}" destId="{1B83875F-83A0-6F40-958B-283950257C57}" srcOrd="0" destOrd="0" presId="urn:microsoft.com/office/officeart/2005/8/layout/hChevron3"/>
    <dgm:cxn modelId="{FE42BEA0-E062-B84F-BAB1-7F499112563E}" srcId="{BFB1C713-2822-0642-971D-67D8852E3364}" destId="{924DCAD4-5F17-7C44-B591-115356CF3831}" srcOrd="11" destOrd="0" parTransId="{9C4C81A4-0AE7-4641-9CC8-947D1A2983A6}" sibTransId="{17628B93-F602-0545-AA5B-7223EA392249}"/>
    <dgm:cxn modelId="{A2C11CA5-6CBE-7548-9C09-D06A89C2EC8C}" srcId="{BFB1C713-2822-0642-971D-67D8852E3364}" destId="{E5B03628-D444-844F-BCA0-A700B7607177}" srcOrd="7" destOrd="0" parTransId="{3AE3AD21-8F1A-564D-91F7-4C4E0785B2B2}" sibTransId="{01C091AE-C10D-B249-94E1-17CD3B07AFB3}"/>
    <dgm:cxn modelId="{61B4F7B1-EF4A-944B-B410-A57CB265355D}" type="presOf" srcId="{201FA7D1-4673-164B-A870-07B69404D1D4}" destId="{E569B5B3-1E70-B741-AAA2-79F249C73546}" srcOrd="0" destOrd="0" presId="urn:microsoft.com/office/officeart/2005/8/layout/hChevron3"/>
    <dgm:cxn modelId="{8A5068B5-B50A-DD41-A51D-91757C3ADE1B}" type="presOf" srcId="{9CB8935A-9D49-BB44-BD1B-5119A1C1C5C0}" destId="{83154A96-9DD8-B74C-85EB-5A9EE8918262}" srcOrd="0" destOrd="0" presId="urn:microsoft.com/office/officeart/2005/8/layout/hChevron3"/>
    <dgm:cxn modelId="{C643E0C0-94E1-9345-B4BE-9685BD2739CD}" srcId="{BFB1C713-2822-0642-971D-67D8852E3364}" destId="{6BA70F3A-3D54-3141-8E3E-3D20B1879B93}" srcOrd="4" destOrd="0" parTransId="{0C567076-8DF7-DE4A-A0EB-341373F865F0}" sibTransId="{7E870EA2-3781-594E-8F5D-95942472EA9D}"/>
    <dgm:cxn modelId="{16CD96D9-A9AB-4345-A522-F29D498563F8}" type="presOf" srcId="{BFB1C713-2822-0642-971D-67D8852E3364}" destId="{82E90554-E42A-5248-935B-DE2F8293B9CB}" srcOrd="0" destOrd="0" presId="urn:microsoft.com/office/officeart/2005/8/layout/hChevron3"/>
    <dgm:cxn modelId="{5CF2A2E8-CE8A-A44D-B17A-2C972C67B8C2}" type="presOf" srcId="{F5D6B3E2-133D-864D-BA93-91387FC82374}" destId="{7F02DCD0-1033-D447-9CA9-3DA883DF1990}" srcOrd="0" destOrd="0" presId="urn:microsoft.com/office/officeart/2005/8/layout/hChevron3"/>
    <dgm:cxn modelId="{12C09EF0-DE3F-404E-87CE-672A0D7E9043}" type="presOf" srcId="{65895D85-F9BC-9E43-8AC6-DA68BD2EBB0C}" destId="{91F73428-6E2C-1848-8C4C-42EAFE35EB4F}" srcOrd="0" destOrd="0" presId="urn:microsoft.com/office/officeart/2005/8/layout/hChevron3"/>
    <dgm:cxn modelId="{EDF476B2-4C00-FB4A-AEDB-92EDF83DCFBB}" type="presParOf" srcId="{82E90554-E42A-5248-935B-DE2F8293B9CB}" destId="{0B98E2E4-7E61-BF45-9002-438D1AD64EC9}" srcOrd="0" destOrd="0" presId="urn:microsoft.com/office/officeart/2005/8/layout/hChevron3"/>
    <dgm:cxn modelId="{1ED2F58B-692B-B148-80FE-54C8B8803756}" type="presParOf" srcId="{82E90554-E42A-5248-935B-DE2F8293B9CB}" destId="{C0E157E5-CE26-1542-8B42-34971273D584}" srcOrd="1" destOrd="0" presId="urn:microsoft.com/office/officeart/2005/8/layout/hChevron3"/>
    <dgm:cxn modelId="{CE2ADF18-A0B5-E448-A53F-FA59FDA27D50}" type="presParOf" srcId="{82E90554-E42A-5248-935B-DE2F8293B9CB}" destId="{91F73428-6E2C-1848-8C4C-42EAFE35EB4F}" srcOrd="2" destOrd="0" presId="urn:microsoft.com/office/officeart/2005/8/layout/hChevron3"/>
    <dgm:cxn modelId="{3B1BE68F-2EA5-7747-AAF8-E17C5986F158}" type="presParOf" srcId="{82E90554-E42A-5248-935B-DE2F8293B9CB}" destId="{5E3365C3-A6F2-2C40-A058-F759206C8753}" srcOrd="3" destOrd="0" presId="urn:microsoft.com/office/officeart/2005/8/layout/hChevron3"/>
    <dgm:cxn modelId="{9589AFB4-A507-BC4A-B24F-C1785F8BD4D2}" type="presParOf" srcId="{82E90554-E42A-5248-935B-DE2F8293B9CB}" destId="{47904C27-172E-E045-91F3-8A5A0AC65125}" srcOrd="4" destOrd="0" presId="urn:microsoft.com/office/officeart/2005/8/layout/hChevron3"/>
    <dgm:cxn modelId="{F4E21EDB-C533-4140-9FFC-30878E019E0B}" type="presParOf" srcId="{82E90554-E42A-5248-935B-DE2F8293B9CB}" destId="{037E5992-A1C2-114D-89BB-8FFC76AE48FF}" srcOrd="5" destOrd="0" presId="urn:microsoft.com/office/officeart/2005/8/layout/hChevron3"/>
    <dgm:cxn modelId="{8A3EC743-8B88-294C-A548-C029C8040801}" type="presParOf" srcId="{82E90554-E42A-5248-935B-DE2F8293B9CB}" destId="{E569B5B3-1E70-B741-AAA2-79F249C73546}" srcOrd="6" destOrd="0" presId="urn:microsoft.com/office/officeart/2005/8/layout/hChevron3"/>
    <dgm:cxn modelId="{E9B6A5F4-59B1-BA4A-8D95-355A7FD9352B}" type="presParOf" srcId="{82E90554-E42A-5248-935B-DE2F8293B9CB}" destId="{4DB0A912-015E-F54B-AFCF-9E01D80BB765}" srcOrd="7" destOrd="0" presId="urn:microsoft.com/office/officeart/2005/8/layout/hChevron3"/>
    <dgm:cxn modelId="{92A8C6E8-B9BB-BC45-AAB3-6D65687FC657}" type="presParOf" srcId="{82E90554-E42A-5248-935B-DE2F8293B9CB}" destId="{C2359B7F-CB8F-EC42-B4C3-050C16F42CFD}" srcOrd="8" destOrd="0" presId="urn:microsoft.com/office/officeart/2005/8/layout/hChevron3"/>
    <dgm:cxn modelId="{17704373-B3B9-5C49-A1A7-7B09F114E59C}" type="presParOf" srcId="{82E90554-E42A-5248-935B-DE2F8293B9CB}" destId="{82048E63-EC94-1E41-82BD-0145FBEB2C86}" srcOrd="9" destOrd="0" presId="urn:microsoft.com/office/officeart/2005/8/layout/hChevron3"/>
    <dgm:cxn modelId="{48066C31-AFBD-8348-9712-D1944FA93690}" type="presParOf" srcId="{82E90554-E42A-5248-935B-DE2F8293B9CB}" destId="{7F02DCD0-1033-D447-9CA9-3DA883DF1990}" srcOrd="10" destOrd="0" presId="urn:microsoft.com/office/officeart/2005/8/layout/hChevron3"/>
    <dgm:cxn modelId="{C52C50A3-8642-A845-B0D9-E084C50B1FBC}" type="presParOf" srcId="{82E90554-E42A-5248-935B-DE2F8293B9CB}" destId="{498E2210-870F-2C42-9932-7E74816A0C53}" srcOrd="11" destOrd="0" presId="urn:microsoft.com/office/officeart/2005/8/layout/hChevron3"/>
    <dgm:cxn modelId="{7ECD5879-ECC0-9F4C-B3DB-5702BF55A7C5}" type="presParOf" srcId="{82E90554-E42A-5248-935B-DE2F8293B9CB}" destId="{83154A96-9DD8-B74C-85EB-5A9EE8918262}" srcOrd="12" destOrd="0" presId="urn:microsoft.com/office/officeart/2005/8/layout/hChevron3"/>
    <dgm:cxn modelId="{801BE445-91FF-3742-AEF8-08D57CC9B86F}" type="presParOf" srcId="{82E90554-E42A-5248-935B-DE2F8293B9CB}" destId="{6014F0C3-AD36-5947-8A3C-24BCB6C96936}" srcOrd="13" destOrd="0" presId="urn:microsoft.com/office/officeart/2005/8/layout/hChevron3"/>
    <dgm:cxn modelId="{4CCCA911-CFF8-AB43-B87C-E1A898C218EA}" type="presParOf" srcId="{82E90554-E42A-5248-935B-DE2F8293B9CB}" destId="{AB78FE09-DB85-3D44-BEB2-B271C5B807E0}" srcOrd="14" destOrd="0" presId="urn:microsoft.com/office/officeart/2005/8/layout/hChevron3"/>
    <dgm:cxn modelId="{4D59F94B-0995-304F-91AE-18CABC87105F}" type="presParOf" srcId="{82E90554-E42A-5248-935B-DE2F8293B9CB}" destId="{559D444F-CAA1-A941-87E3-C7CF056E6AE3}" srcOrd="15" destOrd="0" presId="urn:microsoft.com/office/officeart/2005/8/layout/hChevron3"/>
    <dgm:cxn modelId="{9F93A210-E0F1-CE4F-86FF-2E222AF2BCE5}" type="presParOf" srcId="{82E90554-E42A-5248-935B-DE2F8293B9CB}" destId="{B504BB1E-0653-6843-9F8F-CEACB35BAC88}" srcOrd="16" destOrd="0" presId="urn:microsoft.com/office/officeart/2005/8/layout/hChevron3"/>
    <dgm:cxn modelId="{647E7B43-D0F2-0B43-91AD-4B002BBB4268}" type="presParOf" srcId="{82E90554-E42A-5248-935B-DE2F8293B9CB}" destId="{01ED2D9F-A9CD-C844-9DD1-0CF45462E718}" srcOrd="17" destOrd="0" presId="urn:microsoft.com/office/officeart/2005/8/layout/hChevron3"/>
    <dgm:cxn modelId="{9261E94F-832C-314C-B9B6-9C5745BE5205}" type="presParOf" srcId="{82E90554-E42A-5248-935B-DE2F8293B9CB}" destId="{BB6E7E5B-38D0-734F-ADEE-B01CFC8F1C00}" srcOrd="18" destOrd="0" presId="urn:microsoft.com/office/officeart/2005/8/layout/hChevron3"/>
    <dgm:cxn modelId="{C57D44B9-EAF5-DD46-838D-DB2F5D65BC67}" type="presParOf" srcId="{82E90554-E42A-5248-935B-DE2F8293B9CB}" destId="{0925315D-1875-D64E-BBA8-FF115AE4C551}" srcOrd="19" destOrd="0" presId="urn:microsoft.com/office/officeart/2005/8/layout/hChevron3"/>
    <dgm:cxn modelId="{DDA6B3C5-061D-4B46-9984-AD860354C618}" type="presParOf" srcId="{82E90554-E42A-5248-935B-DE2F8293B9CB}" destId="{45FF2AAE-E4F9-1846-BDA0-0BBA049F3E35}" srcOrd="20" destOrd="0" presId="urn:microsoft.com/office/officeart/2005/8/layout/hChevron3"/>
    <dgm:cxn modelId="{0AFC4A77-E166-894E-8152-456E13D3CB58}" type="presParOf" srcId="{82E90554-E42A-5248-935B-DE2F8293B9CB}" destId="{7F5ACB1D-0434-A54D-9C8D-E6ECFB8A2E79}" srcOrd="21" destOrd="0" presId="urn:microsoft.com/office/officeart/2005/8/layout/hChevron3"/>
    <dgm:cxn modelId="{86D30C8F-D766-D14A-8A97-0EF10E75D735}" type="presParOf" srcId="{82E90554-E42A-5248-935B-DE2F8293B9CB}" destId="{1B83875F-83A0-6F40-958B-283950257C57}" srcOrd="22" destOrd="0" presId="urn:microsoft.com/office/officeart/2005/8/layout/hChevron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0.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4_5" csCatId="accent4" phldr="1"/>
      <dgm:spPr/>
    </dgm:pt>
    <dgm:pt modelId="{2E116C6B-C1B8-9143-8839-7BD327EF26AE}">
      <dgm:prSet phldrT="[Text]"/>
      <dgm:spPr/>
      <dgm:t>
        <a:bodyPr/>
        <a:lstStyle/>
        <a:p>
          <a:r>
            <a:rPr lang="en-US" dirty="0"/>
            <a:t>Month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dgm:t>
        <a:bodyPr/>
        <a:lstStyle/>
        <a:p>
          <a:r>
            <a:rPr lang="en-US" dirty="0"/>
            <a:t>Month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a:solidFill>
          <a:schemeClr val="bg1">
            <a:lumMod val="85000"/>
          </a:schemeClr>
        </a:solidFill>
      </dgm:spPr>
      <dgm:t>
        <a:bodyPr/>
        <a:lstStyle/>
        <a:p>
          <a:r>
            <a:rPr lang="en-US" dirty="0"/>
            <a:t>Month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a:solidFill>
          <a:schemeClr val="bg1">
            <a:lumMod val="85000"/>
          </a:schemeClr>
        </a:solidFill>
      </dgm:spPr>
      <dgm:t>
        <a:bodyPr/>
        <a:lstStyle/>
        <a:p>
          <a:r>
            <a:rPr lang="en-US" dirty="0"/>
            <a:t>Month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6BA70F3A-3D54-3141-8E3E-3D20B1879B93}">
      <dgm:prSet phldrT="[Text]"/>
      <dgm:spPr>
        <a:solidFill>
          <a:schemeClr val="bg1">
            <a:lumMod val="85000"/>
          </a:schemeClr>
        </a:solidFill>
      </dgm:spPr>
      <dgm:t>
        <a:bodyPr/>
        <a:lstStyle/>
        <a:p>
          <a:r>
            <a:rPr lang="en-US" dirty="0"/>
            <a:t>Month 5</a:t>
          </a:r>
        </a:p>
      </dgm:t>
    </dgm:pt>
    <dgm:pt modelId="{0C567076-8DF7-DE4A-A0EB-341373F865F0}" type="parTrans" cxnId="{C643E0C0-94E1-9345-B4BE-9685BD2739CD}">
      <dgm:prSet/>
      <dgm:spPr/>
      <dgm:t>
        <a:bodyPr/>
        <a:lstStyle/>
        <a:p>
          <a:endParaRPr lang="en-US"/>
        </a:p>
      </dgm:t>
    </dgm:pt>
    <dgm:pt modelId="{7E870EA2-3781-594E-8F5D-95942472EA9D}" type="sibTrans" cxnId="{C643E0C0-94E1-9345-B4BE-9685BD2739CD}">
      <dgm:prSet/>
      <dgm:spPr/>
      <dgm:t>
        <a:bodyPr/>
        <a:lstStyle/>
        <a:p>
          <a:endParaRPr lang="en-US"/>
        </a:p>
      </dgm:t>
    </dgm:pt>
    <dgm:pt modelId="{F5D6B3E2-133D-864D-BA93-91387FC82374}">
      <dgm:prSet phldrT="[Text]"/>
      <dgm:spPr>
        <a:solidFill>
          <a:schemeClr val="bg1">
            <a:lumMod val="85000"/>
          </a:schemeClr>
        </a:solidFill>
      </dgm:spPr>
      <dgm:t>
        <a:bodyPr/>
        <a:lstStyle/>
        <a:p>
          <a:r>
            <a:rPr lang="en-US" dirty="0"/>
            <a:t>Month 6</a:t>
          </a:r>
        </a:p>
      </dgm:t>
    </dgm:pt>
    <dgm:pt modelId="{A2ACC591-70E1-A64F-ACB2-35050E032A5D}" type="parTrans" cxnId="{136F216F-F1F9-B24A-8EB5-995E6A48E6E8}">
      <dgm:prSet/>
      <dgm:spPr/>
      <dgm:t>
        <a:bodyPr/>
        <a:lstStyle/>
        <a:p>
          <a:endParaRPr lang="en-US"/>
        </a:p>
      </dgm:t>
    </dgm:pt>
    <dgm:pt modelId="{44E84D39-CD13-334E-BCF2-2797D0B4F2E6}" type="sibTrans" cxnId="{136F216F-F1F9-B24A-8EB5-995E6A48E6E8}">
      <dgm:prSet/>
      <dgm:spPr/>
      <dgm:t>
        <a:bodyPr/>
        <a:lstStyle/>
        <a:p>
          <a:endParaRPr lang="en-US"/>
        </a:p>
      </dgm:t>
    </dgm:pt>
    <dgm:pt modelId="{9CB8935A-9D49-BB44-BD1B-5119A1C1C5C0}">
      <dgm:prSet phldrT="[Text]"/>
      <dgm:spPr>
        <a:solidFill>
          <a:schemeClr val="bg1">
            <a:lumMod val="85000"/>
          </a:schemeClr>
        </a:solidFill>
      </dgm:spPr>
      <dgm:t>
        <a:bodyPr/>
        <a:lstStyle/>
        <a:p>
          <a:r>
            <a:rPr lang="en-US" dirty="0"/>
            <a:t>Month 7</a:t>
          </a:r>
        </a:p>
      </dgm:t>
    </dgm:pt>
    <dgm:pt modelId="{3EDA7E4D-DE64-544F-9589-AFE692B28099}" type="parTrans" cxnId="{9D32DE28-61BA-F744-846F-09D5DEFB0AE9}">
      <dgm:prSet/>
      <dgm:spPr/>
      <dgm:t>
        <a:bodyPr/>
        <a:lstStyle/>
        <a:p>
          <a:endParaRPr lang="en-US"/>
        </a:p>
      </dgm:t>
    </dgm:pt>
    <dgm:pt modelId="{6EB7D773-B2F7-E541-B389-686ED9293BAD}" type="sibTrans" cxnId="{9D32DE28-61BA-F744-846F-09D5DEFB0AE9}">
      <dgm:prSet/>
      <dgm:spPr/>
      <dgm:t>
        <a:bodyPr/>
        <a:lstStyle/>
        <a:p>
          <a:endParaRPr lang="en-US"/>
        </a:p>
      </dgm:t>
    </dgm:pt>
    <dgm:pt modelId="{E5B03628-D444-844F-BCA0-A700B7607177}">
      <dgm:prSet phldrT="[Text]"/>
      <dgm:spPr>
        <a:solidFill>
          <a:schemeClr val="bg1">
            <a:lumMod val="85000"/>
          </a:schemeClr>
        </a:solidFill>
      </dgm:spPr>
      <dgm:t>
        <a:bodyPr/>
        <a:lstStyle/>
        <a:p>
          <a:r>
            <a:rPr lang="en-US" dirty="0"/>
            <a:t>Month 8</a:t>
          </a:r>
        </a:p>
      </dgm:t>
    </dgm:pt>
    <dgm:pt modelId="{3AE3AD21-8F1A-564D-91F7-4C4E0785B2B2}" type="parTrans" cxnId="{A2C11CA5-6CBE-7548-9C09-D06A89C2EC8C}">
      <dgm:prSet/>
      <dgm:spPr/>
      <dgm:t>
        <a:bodyPr/>
        <a:lstStyle/>
        <a:p>
          <a:endParaRPr lang="en-US"/>
        </a:p>
      </dgm:t>
    </dgm:pt>
    <dgm:pt modelId="{01C091AE-C10D-B249-94E1-17CD3B07AFB3}" type="sibTrans" cxnId="{A2C11CA5-6CBE-7548-9C09-D06A89C2EC8C}">
      <dgm:prSet/>
      <dgm:spPr/>
      <dgm:t>
        <a:bodyPr/>
        <a:lstStyle/>
        <a:p>
          <a:endParaRPr lang="en-US"/>
        </a:p>
      </dgm:t>
    </dgm:pt>
    <dgm:pt modelId="{D0893B01-BFF4-3647-A373-B7F1672DC978}">
      <dgm:prSet phldrT="[Text]"/>
      <dgm:spPr>
        <a:solidFill>
          <a:schemeClr val="bg1">
            <a:lumMod val="85000"/>
          </a:schemeClr>
        </a:solidFill>
      </dgm:spPr>
      <dgm:t>
        <a:bodyPr/>
        <a:lstStyle/>
        <a:p>
          <a:r>
            <a:rPr lang="en-US" dirty="0"/>
            <a:t>Month 9</a:t>
          </a:r>
        </a:p>
      </dgm:t>
    </dgm:pt>
    <dgm:pt modelId="{AF1AA3F2-1844-F342-99D9-D4850E230535}" type="parTrans" cxnId="{6DA81650-4740-2F40-989B-245A3E2BE897}">
      <dgm:prSet/>
      <dgm:spPr/>
      <dgm:t>
        <a:bodyPr/>
        <a:lstStyle/>
        <a:p>
          <a:endParaRPr lang="en-US"/>
        </a:p>
      </dgm:t>
    </dgm:pt>
    <dgm:pt modelId="{AD42D8B3-BD14-3540-AFF2-493D10E4E67F}" type="sibTrans" cxnId="{6DA81650-4740-2F40-989B-245A3E2BE897}">
      <dgm:prSet/>
      <dgm:spPr/>
      <dgm:t>
        <a:bodyPr/>
        <a:lstStyle/>
        <a:p>
          <a:endParaRPr lang="en-US"/>
        </a:p>
      </dgm:t>
    </dgm:pt>
    <dgm:pt modelId="{23C19E56-3F53-8240-9F9D-37417F772BD6}">
      <dgm:prSet phldrT="[Text]"/>
      <dgm:spPr>
        <a:solidFill>
          <a:schemeClr val="bg1">
            <a:lumMod val="85000"/>
          </a:schemeClr>
        </a:solidFill>
      </dgm:spPr>
      <dgm:t>
        <a:bodyPr/>
        <a:lstStyle/>
        <a:p>
          <a:r>
            <a:rPr lang="en-US" dirty="0"/>
            <a:t>Month 10</a:t>
          </a:r>
        </a:p>
      </dgm:t>
    </dgm:pt>
    <dgm:pt modelId="{FC01C80A-BFFC-E441-BD6B-C2CE3754BC59}" type="parTrans" cxnId="{B116FC17-799C-8843-BD75-1D37A9179AF6}">
      <dgm:prSet/>
      <dgm:spPr/>
      <dgm:t>
        <a:bodyPr/>
        <a:lstStyle/>
        <a:p>
          <a:endParaRPr lang="en-US"/>
        </a:p>
      </dgm:t>
    </dgm:pt>
    <dgm:pt modelId="{E6D0CBD5-5A72-9349-B78B-755469DDA692}" type="sibTrans" cxnId="{B116FC17-799C-8843-BD75-1D37A9179AF6}">
      <dgm:prSet/>
      <dgm:spPr/>
      <dgm:t>
        <a:bodyPr/>
        <a:lstStyle/>
        <a:p>
          <a:endParaRPr lang="en-US"/>
        </a:p>
      </dgm:t>
    </dgm:pt>
    <dgm:pt modelId="{BC4B1D52-AC7D-EF40-ADC2-8191D7E636A5}">
      <dgm:prSet phldrT="[Text]"/>
      <dgm:spPr>
        <a:solidFill>
          <a:schemeClr val="bg1">
            <a:lumMod val="85000"/>
          </a:schemeClr>
        </a:solidFill>
      </dgm:spPr>
      <dgm:t>
        <a:bodyPr/>
        <a:lstStyle/>
        <a:p>
          <a:r>
            <a:rPr lang="en-US" dirty="0"/>
            <a:t>Month 11</a:t>
          </a:r>
        </a:p>
      </dgm:t>
    </dgm:pt>
    <dgm:pt modelId="{83E0DB81-AC78-F54A-AD88-CA0BED9551DC}" type="parTrans" cxnId="{0AB0CC75-DA02-2A42-B2F6-267344D771A9}">
      <dgm:prSet/>
      <dgm:spPr/>
      <dgm:t>
        <a:bodyPr/>
        <a:lstStyle/>
        <a:p>
          <a:endParaRPr lang="en-US"/>
        </a:p>
      </dgm:t>
    </dgm:pt>
    <dgm:pt modelId="{8155EBE7-145D-3045-B4D5-A2FB590F3E70}" type="sibTrans" cxnId="{0AB0CC75-DA02-2A42-B2F6-267344D771A9}">
      <dgm:prSet/>
      <dgm:spPr/>
      <dgm:t>
        <a:bodyPr/>
        <a:lstStyle/>
        <a:p>
          <a:endParaRPr lang="en-US"/>
        </a:p>
      </dgm:t>
    </dgm:pt>
    <dgm:pt modelId="{924DCAD4-5F17-7C44-B591-115356CF3831}">
      <dgm:prSet phldrT="[Text]"/>
      <dgm:spPr>
        <a:solidFill>
          <a:schemeClr val="bg1">
            <a:lumMod val="85000"/>
          </a:schemeClr>
        </a:solidFill>
      </dgm:spPr>
      <dgm:t>
        <a:bodyPr/>
        <a:lstStyle/>
        <a:p>
          <a:r>
            <a:rPr lang="en-US" dirty="0"/>
            <a:t>Month 12</a:t>
          </a:r>
        </a:p>
      </dgm:t>
    </dgm:pt>
    <dgm:pt modelId="{9C4C81A4-0AE7-4641-9CC8-947D1A2983A6}" type="parTrans" cxnId="{FE42BEA0-E062-B84F-BAB1-7F499112563E}">
      <dgm:prSet/>
      <dgm:spPr/>
      <dgm:t>
        <a:bodyPr/>
        <a:lstStyle/>
        <a:p>
          <a:endParaRPr lang="en-US"/>
        </a:p>
      </dgm:t>
    </dgm:pt>
    <dgm:pt modelId="{17628B93-F602-0545-AA5B-7223EA392249}" type="sibTrans" cxnId="{FE42BEA0-E062-B84F-BAB1-7F499112563E}">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12">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12">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12">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12">
        <dgm:presLayoutVars>
          <dgm:bulletEnabled val="1"/>
        </dgm:presLayoutVars>
      </dgm:prSet>
      <dgm:spPr/>
    </dgm:pt>
    <dgm:pt modelId="{4DB0A912-015E-F54B-AFCF-9E01D80BB765}" type="pres">
      <dgm:prSet presAssocID="{49C5F9F7-AE5F-B141-BC2C-2898192A370D}" presName="parSpace" presStyleCnt="0"/>
      <dgm:spPr/>
    </dgm:pt>
    <dgm:pt modelId="{C2359B7F-CB8F-EC42-B4C3-050C16F42CFD}" type="pres">
      <dgm:prSet presAssocID="{6BA70F3A-3D54-3141-8E3E-3D20B1879B93}" presName="parTxOnly" presStyleLbl="node1" presStyleIdx="4" presStyleCnt="12">
        <dgm:presLayoutVars>
          <dgm:bulletEnabled val="1"/>
        </dgm:presLayoutVars>
      </dgm:prSet>
      <dgm:spPr/>
    </dgm:pt>
    <dgm:pt modelId="{82048E63-EC94-1E41-82BD-0145FBEB2C86}" type="pres">
      <dgm:prSet presAssocID="{7E870EA2-3781-594E-8F5D-95942472EA9D}" presName="parSpace" presStyleCnt="0"/>
      <dgm:spPr/>
    </dgm:pt>
    <dgm:pt modelId="{7F02DCD0-1033-D447-9CA9-3DA883DF1990}" type="pres">
      <dgm:prSet presAssocID="{F5D6B3E2-133D-864D-BA93-91387FC82374}" presName="parTxOnly" presStyleLbl="node1" presStyleIdx="5" presStyleCnt="12">
        <dgm:presLayoutVars>
          <dgm:bulletEnabled val="1"/>
        </dgm:presLayoutVars>
      </dgm:prSet>
      <dgm:spPr/>
    </dgm:pt>
    <dgm:pt modelId="{498E2210-870F-2C42-9932-7E74816A0C53}" type="pres">
      <dgm:prSet presAssocID="{44E84D39-CD13-334E-BCF2-2797D0B4F2E6}" presName="parSpace" presStyleCnt="0"/>
      <dgm:spPr/>
    </dgm:pt>
    <dgm:pt modelId="{83154A96-9DD8-B74C-85EB-5A9EE8918262}" type="pres">
      <dgm:prSet presAssocID="{9CB8935A-9D49-BB44-BD1B-5119A1C1C5C0}" presName="parTxOnly" presStyleLbl="node1" presStyleIdx="6" presStyleCnt="12">
        <dgm:presLayoutVars>
          <dgm:bulletEnabled val="1"/>
        </dgm:presLayoutVars>
      </dgm:prSet>
      <dgm:spPr/>
    </dgm:pt>
    <dgm:pt modelId="{6014F0C3-AD36-5947-8A3C-24BCB6C96936}" type="pres">
      <dgm:prSet presAssocID="{6EB7D773-B2F7-E541-B389-686ED9293BAD}" presName="parSpace" presStyleCnt="0"/>
      <dgm:spPr/>
    </dgm:pt>
    <dgm:pt modelId="{AB78FE09-DB85-3D44-BEB2-B271C5B807E0}" type="pres">
      <dgm:prSet presAssocID="{E5B03628-D444-844F-BCA0-A700B7607177}" presName="parTxOnly" presStyleLbl="node1" presStyleIdx="7" presStyleCnt="12">
        <dgm:presLayoutVars>
          <dgm:bulletEnabled val="1"/>
        </dgm:presLayoutVars>
      </dgm:prSet>
      <dgm:spPr/>
    </dgm:pt>
    <dgm:pt modelId="{559D444F-CAA1-A941-87E3-C7CF056E6AE3}" type="pres">
      <dgm:prSet presAssocID="{01C091AE-C10D-B249-94E1-17CD3B07AFB3}" presName="parSpace" presStyleCnt="0"/>
      <dgm:spPr/>
    </dgm:pt>
    <dgm:pt modelId="{B504BB1E-0653-6843-9F8F-CEACB35BAC88}" type="pres">
      <dgm:prSet presAssocID="{D0893B01-BFF4-3647-A373-B7F1672DC978}" presName="parTxOnly" presStyleLbl="node1" presStyleIdx="8" presStyleCnt="12">
        <dgm:presLayoutVars>
          <dgm:bulletEnabled val="1"/>
        </dgm:presLayoutVars>
      </dgm:prSet>
      <dgm:spPr/>
    </dgm:pt>
    <dgm:pt modelId="{01ED2D9F-A9CD-C844-9DD1-0CF45462E718}" type="pres">
      <dgm:prSet presAssocID="{AD42D8B3-BD14-3540-AFF2-493D10E4E67F}" presName="parSpace" presStyleCnt="0"/>
      <dgm:spPr/>
    </dgm:pt>
    <dgm:pt modelId="{BB6E7E5B-38D0-734F-ADEE-B01CFC8F1C00}" type="pres">
      <dgm:prSet presAssocID="{23C19E56-3F53-8240-9F9D-37417F772BD6}" presName="parTxOnly" presStyleLbl="node1" presStyleIdx="9" presStyleCnt="12">
        <dgm:presLayoutVars>
          <dgm:bulletEnabled val="1"/>
        </dgm:presLayoutVars>
      </dgm:prSet>
      <dgm:spPr/>
    </dgm:pt>
    <dgm:pt modelId="{0925315D-1875-D64E-BBA8-FF115AE4C551}" type="pres">
      <dgm:prSet presAssocID="{E6D0CBD5-5A72-9349-B78B-755469DDA692}" presName="parSpace" presStyleCnt="0"/>
      <dgm:spPr/>
    </dgm:pt>
    <dgm:pt modelId="{45FF2AAE-E4F9-1846-BDA0-0BBA049F3E35}" type="pres">
      <dgm:prSet presAssocID="{BC4B1D52-AC7D-EF40-ADC2-8191D7E636A5}" presName="parTxOnly" presStyleLbl="node1" presStyleIdx="10" presStyleCnt="12">
        <dgm:presLayoutVars>
          <dgm:bulletEnabled val="1"/>
        </dgm:presLayoutVars>
      </dgm:prSet>
      <dgm:spPr/>
    </dgm:pt>
    <dgm:pt modelId="{7F5ACB1D-0434-A54D-9C8D-E6ECFB8A2E79}" type="pres">
      <dgm:prSet presAssocID="{8155EBE7-145D-3045-B4D5-A2FB590F3E70}" presName="parSpace" presStyleCnt="0"/>
      <dgm:spPr/>
    </dgm:pt>
    <dgm:pt modelId="{1B83875F-83A0-6F40-958B-283950257C57}" type="pres">
      <dgm:prSet presAssocID="{924DCAD4-5F17-7C44-B591-115356CF3831}" presName="parTxOnly" presStyleLbl="node1" presStyleIdx="11" presStyleCnt="12">
        <dgm:presLayoutVars>
          <dgm:bulletEnabled val="1"/>
        </dgm:presLayoutVars>
      </dgm:prSet>
      <dgm:spPr/>
    </dgm:pt>
  </dgm:ptLst>
  <dgm:cxnLst>
    <dgm:cxn modelId="{643ECE16-1450-4349-990D-30F895BE269A}" type="presOf" srcId="{D0893B01-BFF4-3647-A373-B7F1672DC978}" destId="{B504BB1E-0653-6843-9F8F-CEACB35BAC88}" srcOrd="0" destOrd="0" presId="urn:microsoft.com/office/officeart/2005/8/layout/hChevron3"/>
    <dgm:cxn modelId="{B116FC17-799C-8843-BD75-1D37A9179AF6}" srcId="{BFB1C713-2822-0642-971D-67D8852E3364}" destId="{23C19E56-3F53-8240-9F9D-37417F772BD6}" srcOrd="9" destOrd="0" parTransId="{FC01C80A-BFFC-E441-BD6B-C2CE3754BC59}" sibTransId="{E6D0CBD5-5A72-9349-B78B-755469DDA692}"/>
    <dgm:cxn modelId="{B088E225-C870-0E47-B562-A50208D1A5EF}" srcId="{BFB1C713-2822-0642-971D-67D8852E3364}" destId="{65895D85-F9BC-9E43-8AC6-DA68BD2EBB0C}" srcOrd="1" destOrd="0" parTransId="{C80ABF91-119F-AD4D-A6A0-73F9DDED4537}" sibTransId="{9A502B5C-347D-DB42-83C5-CA2D69447932}"/>
    <dgm:cxn modelId="{0A146928-4463-3C44-B16B-01855A88A75A}" type="presOf" srcId="{E5B03628-D444-844F-BCA0-A700B7607177}" destId="{AB78FE09-DB85-3D44-BEB2-B271C5B807E0}" srcOrd="0" destOrd="0" presId="urn:microsoft.com/office/officeart/2005/8/layout/hChevron3"/>
    <dgm:cxn modelId="{9D32DE28-61BA-F744-846F-09D5DEFB0AE9}" srcId="{BFB1C713-2822-0642-971D-67D8852E3364}" destId="{9CB8935A-9D49-BB44-BD1B-5119A1C1C5C0}" srcOrd="6" destOrd="0" parTransId="{3EDA7E4D-DE64-544F-9589-AFE692B28099}" sibTransId="{6EB7D773-B2F7-E541-B389-686ED9293BAD}"/>
    <dgm:cxn modelId="{F31BE02A-3203-3846-9624-576F61D8AA42}" type="presOf" srcId="{65895D85-F9BC-9E43-8AC6-DA68BD2EBB0C}" destId="{91F73428-6E2C-1848-8C4C-42EAFE35EB4F}" srcOrd="0" destOrd="0" presId="urn:microsoft.com/office/officeart/2005/8/layout/hChevron3"/>
    <dgm:cxn modelId="{31D2073D-BAC2-E741-8362-8F8703223972}" srcId="{BFB1C713-2822-0642-971D-67D8852E3364}" destId="{201FA7D1-4673-164B-A870-07B69404D1D4}" srcOrd="3" destOrd="0" parTransId="{AA15B90E-7C06-A54F-AD91-0DC8E0016736}" sibTransId="{49C5F9F7-AE5F-B141-BC2C-2898192A370D}"/>
    <dgm:cxn modelId="{5A41F23E-096E-AB44-9DD1-5B130625E634}" type="presOf" srcId="{6BA70F3A-3D54-3141-8E3E-3D20B1879B93}" destId="{C2359B7F-CB8F-EC42-B4C3-050C16F42CFD}" srcOrd="0" destOrd="0" presId="urn:microsoft.com/office/officeart/2005/8/layout/hChevron3"/>
    <dgm:cxn modelId="{6DA81650-4740-2F40-989B-245A3E2BE897}" srcId="{BFB1C713-2822-0642-971D-67D8852E3364}" destId="{D0893B01-BFF4-3647-A373-B7F1672DC978}" srcOrd="8" destOrd="0" parTransId="{AF1AA3F2-1844-F342-99D9-D4850E230535}" sibTransId="{AD42D8B3-BD14-3540-AFF2-493D10E4E67F}"/>
    <dgm:cxn modelId="{EAD4DF56-9629-BE4D-B646-21CD9364F325}" type="presOf" srcId="{23C19E56-3F53-8240-9F9D-37417F772BD6}" destId="{BB6E7E5B-38D0-734F-ADEE-B01CFC8F1C00}" srcOrd="0" destOrd="0" presId="urn:microsoft.com/office/officeart/2005/8/layout/hChevron3"/>
    <dgm:cxn modelId="{FC39F856-ECD5-2245-9B73-C57DBE8DAF0D}" type="presOf" srcId="{2E116C6B-C1B8-9143-8839-7BD327EF26AE}" destId="{0B98E2E4-7E61-BF45-9002-438D1AD64EC9}" srcOrd="0" destOrd="0" presId="urn:microsoft.com/office/officeart/2005/8/layout/hChevron3"/>
    <dgm:cxn modelId="{785CB257-868E-5F4A-8D1F-1566271E9083}" type="presOf" srcId="{201FA7D1-4673-164B-A870-07B69404D1D4}" destId="{E569B5B3-1E70-B741-AAA2-79F249C73546}" srcOrd="0" destOrd="0" presId="urn:microsoft.com/office/officeart/2005/8/layout/hChevron3"/>
    <dgm:cxn modelId="{F86E5961-7245-5244-ABF7-003C527EF808}" type="presOf" srcId="{9AABBBD2-5E5E-9A45-93E6-024DF8331810}" destId="{47904C27-172E-E045-91F3-8A5A0AC65125}" srcOrd="0" destOrd="0" presId="urn:microsoft.com/office/officeart/2005/8/layout/hChevron3"/>
    <dgm:cxn modelId="{136F216F-F1F9-B24A-8EB5-995E6A48E6E8}" srcId="{BFB1C713-2822-0642-971D-67D8852E3364}" destId="{F5D6B3E2-133D-864D-BA93-91387FC82374}" srcOrd="5" destOrd="0" parTransId="{A2ACC591-70E1-A64F-ACB2-35050E032A5D}" sibTransId="{44E84D39-CD13-334E-BCF2-2797D0B4F2E6}"/>
    <dgm:cxn modelId="{9C156B70-9915-584C-9B6A-D7EDF22D12B4}" srcId="{BFB1C713-2822-0642-971D-67D8852E3364}" destId="{9AABBBD2-5E5E-9A45-93E6-024DF8331810}" srcOrd="2" destOrd="0" parTransId="{8DE9B082-385A-054E-805A-93D0B928988D}" sibTransId="{7E92C188-48A2-A24E-9626-10646C9B8C4C}"/>
    <dgm:cxn modelId="{DB0B4C71-F576-194C-80A2-9FE426EAFB34}" type="presOf" srcId="{BC4B1D52-AC7D-EF40-ADC2-8191D7E636A5}" destId="{45FF2AAE-E4F9-1846-BDA0-0BBA049F3E35}" srcOrd="0" destOrd="0" presId="urn:microsoft.com/office/officeart/2005/8/layout/hChevron3"/>
    <dgm:cxn modelId="{0AB0CC75-DA02-2A42-B2F6-267344D771A9}" srcId="{BFB1C713-2822-0642-971D-67D8852E3364}" destId="{BC4B1D52-AC7D-EF40-ADC2-8191D7E636A5}" srcOrd="10" destOrd="0" parTransId="{83E0DB81-AC78-F54A-AD88-CA0BED9551DC}" sibTransId="{8155EBE7-145D-3045-B4D5-A2FB590F3E70}"/>
    <dgm:cxn modelId="{8667D28C-6FF2-2649-BBC1-DC50FE947FCD}" type="presOf" srcId="{9CB8935A-9D49-BB44-BD1B-5119A1C1C5C0}" destId="{83154A96-9DD8-B74C-85EB-5A9EE8918262}"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FE42BEA0-E062-B84F-BAB1-7F499112563E}" srcId="{BFB1C713-2822-0642-971D-67D8852E3364}" destId="{924DCAD4-5F17-7C44-B591-115356CF3831}" srcOrd="11" destOrd="0" parTransId="{9C4C81A4-0AE7-4641-9CC8-947D1A2983A6}" sibTransId="{17628B93-F602-0545-AA5B-7223EA392249}"/>
    <dgm:cxn modelId="{A2C11CA5-6CBE-7548-9C09-D06A89C2EC8C}" srcId="{BFB1C713-2822-0642-971D-67D8852E3364}" destId="{E5B03628-D444-844F-BCA0-A700B7607177}" srcOrd="7" destOrd="0" parTransId="{3AE3AD21-8F1A-564D-91F7-4C4E0785B2B2}" sibTransId="{01C091AE-C10D-B249-94E1-17CD3B07AFB3}"/>
    <dgm:cxn modelId="{FBF349B7-FE36-2F4C-A45E-188D55B03F0F}" type="presOf" srcId="{924DCAD4-5F17-7C44-B591-115356CF3831}" destId="{1B83875F-83A0-6F40-958B-283950257C57}" srcOrd="0" destOrd="0" presId="urn:microsoft.com/office/officeart/2005/8/layout/hChevron3"/>
    <dgm:cxn modelId="{C643E0C0-94E1-9345-B4BE-9685BD2739CD}" srcId="{BFB1C713-2822-0642-971D-67D8852E3364}" destId="{6BA70F3A-3D54-3141-8E3E-3D20B1879B93}" srcOrd="4" destOrd="0" parTransId="{0C567076-8DF7-DE4A-A0EB-341373F865F0}" sibTransId="{7E870EA2-3781-594E-8F5D-95942472EA9D}"/>
    <dgm:cxn modelId="{39D9C4CE-CDF5-8742-B672-7942106548B0}" type="presOf" srcId="{F5D6B3E2-133D-864D-BA93-91387FC82374}" destId="{7F02DCD0-1033-D447-9CA9-3DA883DF1990}" srcOrd="0" destOrd="0" presId="urn:microsoft.com/office/officeart/2005/8/layout/hChevron3"/>
    <dgm:cxn modelId="{87047EDE-09EB-3347-9576-DC0ED04696FA}" type="presOf" srcId="{BFB1C713-2822-0642-971D-67D8852E3364}" destId="{82E90554-E42A-5248-935B-DE2F8293B9CB}" srcOrd="0" destOrd="0" presId="urn:microsoft.com/office/officeart/2005/8/layout/hChevron3"/>
    <dgm:cxn modelId="{4880C929-7FD8-5C4C-9CE9-2E0742B11BB2}" type="presParOf" srcId="{82E90554-E42A-5248-935B-DE2F8293B9CB}" destId="{0B98E2E4-7E61-BF45-9002-438D1AD64EC9}" srcOrd="0" destOrd="0" presId="urn:microsoft.com/office/officeart/2005/8/layout/hChevron3"/>
    <dgm:cxn modelId="{B2B7BDFF-8177-4241-886C-5F5CF411B3A2}" type="presParOf" srcId="{82E90554-E42A-5248-935B-DE2F8293B9CB}" destId="{C0E157E5-CE26-1542-8B42-34971273D584}" srcOrd="1" destOrd="0" presId="urn:microsoft.com/office/officeart/2005/8/layout/hChevron3"/>
    <dgm:cxn modelId="{27E4C30F-941E-8048-92A1-A0A05A50B79A}" type="presParOf" srcId="{82E90554-E42A-5248-935B-DE2F8293B9CB}" destId="{91F73428-6E2C-1848-8C4C-42EAFE35EB4F}" srcOrd="2" destOrd="0" presId="urn:microsoft.com/office/officeart/2005/8/layout/hChevron3"/>
    <dgm:cxn modelId="{22FDA00B-3D09-4943-8182-64A73207CAB7}" type="presParOf" srcId="{82E90554-E42A-5248-935B-DE2F8293B9CB}" destId="{5E3365C3-A6F2-2C40-A058-F759206C8753}" srcOrd="3" destOrd="0" presId="urn:microsoft.com/office/officeart/2005/8/layout/hChevron3"/>
    <dgm:cxn modelId="{935249E4-7911-584F-9390-E2DF7A1F934B}" type="presParOf" srcId="{82E90554-E42A-5248-935B-DE2F8293B9CB}" destId="{47904C27-172E-E045-91F3-8A5A0AC65125}" srcOrd="4" destOrd="0" presId="urn:microsoft.com/office/officeart/2005/8/layout/hChevron3"/>
    <dgm:cxn modelId="{147EA829-4359-0D4D-93DF-1DE7D79A490F}" type="presParOf" srcId="{82E90554-E42A-5248-935B-DE2F8293B9CB}" destId="{037E5992-A1C2-114D-89BB-8FFC76AE48FF}" srcOrd="5" destOrd="0" presId="urn:microsoft.com/office/officeart/2005/8/layout/hChevron3"/>
    <dgm:cxn modelId="{89E6121A-9E18-E94A-8528-A48A8DC39B79}" type="presParOf" srcId="{82E90554-E42A-5248-935B-DE2F8293B9CB}" destId="{E569B5B3-1E70-B741-AAA2-79F249C73546}" srcOrd="6" destOrd="0" presId="urn:microsoft.com/office/officeart/2005/8/layout/hChevron3"/>
    <dgm:cxn modelId="{AFC0D559-BA5A-4E4C-9010-BC58010198E0}" type="presParOf" srcId="{82E90554-E42A-5248-935B-DE2F8293B9CB}" destId="{4DB0A912-015E-F54B-AFCF-9E01D80BB765}" srcOrd="7" destOrd="0" presId="urn:microsoft.com/office/officeart/2005/8/layout/hChevron3"/>
    <dgm:cxn modelId="{4A1F0E35-7EBA-924C-A322-AFFF48CAD37A}" type="presParOf" srcId="{82E90554-E42A-5248-935B-DE2F8293B9CB}" destId="{C2359B7F-CB8F-EC42-B4C3-050C16F42CFD}" srcOrd="8" destOrd="0" presId="urn:microsoft.com/office/officeart/2005/8/layout/hChevron3"/>
    <dgm:cxn modelId="{A9E07DD8-615C-FC4E-A36A-4AB085DBBDBC}" type="presParOf" srcId="{82E90554-E42A-5248-935B-DE2F8293B9CB}" destId="{82048E63-EC94-1E41-82BD-0145FBEB2C86}" srcOrd="9" destOrd="0" presId="urn:microsoft.com/office/officeart/2005/8/layout/hChevron3"/>
    <dgm:cxn modelId="{6866E699-88D6-6C48-A163-8A585951CE23}" type="presParOf" srcId="{82E90554-E42A-5248-935B-DE2F8293B9CB}" destId="{7F02DCD0-1033-D447-9CA9-3DA883DF1990}" srcOrd="10" destOrd="0" presId="urn:microsoft.com/office/officeart/2005/8/layout/hChevron3"/>
    <dgm:cxn modelId="{957588F2-FACD-B945-B650-91E274B99692}" type="presParOf" srcId="{82E90554-E42A-5248-935B-DE2F8293B9CB}" destId="{498E2210-870F-2C42-9932-7E74816A0C53}" srcOrd="11" destOrd="0" presId="urn:microsoft.com/office/officeart/2005/8/layout/hChevron3"/>
    <dgm:cxn modelId="{C1D7D1CB-092D-584E-A752-45E5E66EC739}" type="presParOf" srcId="{82E90554-E42A-5248-935B-DE2F8293B9CB}" destId="{83154A96-9DD8-B74C-85EB-5A9EE8918262}" srcOrd="12" destOrd="0" presId="urn:microsoft.com/office/officeart/2005/8/layout/hChevron3"/>
    <dgm:cxn modelId="{00A244D1-B991-5F40-A0CC-5F42264C4336}" type="presParOf" srcId="{82E90554-E42A-5248-935B-DE2F8293B9CB}" destId="{6014F0C3-AD36-5947-8A3C-24BCB6C96936}" srcOrd="13" destOrd="0" presId="urn:microsoft.com/office/officeart/2005/8/layout/hChevron3"/>
    <dgm:cxn modelId="{F42AEEF5-30AF-7546-986C-7E4B52CEC2CC}" type="presParOf" srcId="{82E90554-E42A-5248-935B-DE2F8293B9CB}" destId="{AB78FE09-DB85-3D44-BEB2-B271C5B807E0}" srcOrd="14" destOrd="0" presId="urn:microsoft.com/office/officeart/2005/8/layout/hChevron3"/>
    <dgm:cxn modelId="{67FDD139-E45A-974A-91A6-861D4DF306E2}" type="presParOf" srcId="{82E90554-E42A-5248-935B-DE2F8293B9CB}" destId="{559D444F-CAA1-A941-87E3-C7CF056E6AE3}" srcOrd="15" destOrd="0" presId="urn:microsoft.com/office/officeart/2005/8/layout/hChevron3"/>
    <dgm:cxn modelId="{DEDB6549-9FC2-3F4D-89BE-3D92DDBB3306}" type="presParOf" srcId="{82E90554-E42A-5248-935B-DE2F8293B9CB}" destId="{B504BB1E-0653-6843-9F8F-CEACB35BAC88}" srcOrd="16" destOrd="0" presId="urn:microsoft.com/office/officeart/2005/8/layout/hChevron3"/>
    <dgm:cxn modelId="{868CC1CB-F2DC-0747-8BEF-BAA56AB32252}" type="presParOf" srcId="{82E90554-E42A-5248-935B-DE2F8293B9CB}" destId="{01ED2D9F-A9CD-C844-9DD1-0CF45462E718}" srcOrd="17" destOrd="0" presId="urn:microsoft.com/office/officeart/2005/8/layout/hChevron3"/>
    <dgm:cxn modelId="{A3CFD63E-C06C-5441-B0AB-D6CFED9454A9}" type="presParOf" srcId="{82E90554-E42A-5248-935B-DE2F8293B9CB}" destId="{BB6E7E5B-38D0-734F-ADEE-B01CFC8F1C00}" srcOrd="18" destOrd="0" presId="urn:microsoft.com/office/officeart/2005/8/layout/hChevron3"/>
    <dgm:cxn modelId="{B7FE5316-B6F3-DB4C-B000-13D5F638565E}" type="presParOf" srcId="{82E90554-E42A-5248-935B-DE2F8293B9CB}" destId="{0925315D-1875-D64E-BBA8-FF115AE4C551}" srcOrd="19" destOrd="0" presId="urn:microsoft.com/office/officeart/2005/8/layout/hChevron3"/>
    <dgm:cxn modelId="{1994D8D6-CDDF-BC41-959A-30A2C2E5F927}" type="presParOf" srcId="{82E90554-E42A-5248-935B-DE2F8293B9CB}" destId="{45FF2AAE-E4F9-1846-BDA0-0BBA049F3E35}" srcOrd="20" destOrd="0" presId="urn:microsoft.com/office/officeart/2005/8/layout/hChevron3"/>
    <dgm:cxn modelId="{F7705C3E-EB3B-B84F-9ABA-F633C191DF3F}" type="presParOf" srcId="{82E90554-E42A-5248-935B-DE2F8293B9CB}" destId="{7F5ACB1D-0434-A54D-9C8D-E6ECFB8A2E79}" srcOrd="21" destOrd="0" presId="urn:microsoft.com/office/officeart/2005/8/layout/hChevron3"/>
    <dgm:cxn modelId="{172CAD9F-2B52-184B-8F10-AA1E3AA1FA07}" type="presParOf" srcId="{82E90554-E42A-5248-935B-DE2F8293B9CB}" destId="{1B83875F-83A0-6F40-958B-283950257C57}" srcOrd="22" destOrd="0" presId="urn:microsoft.com/office/officeart/2005/8/layout/hChevron3"/>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ata11.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4_5" csCatId="accent4" phldr="1"/>
      <dgm:spPr/>
    </dgm:pt>
    <dgm:pt modelId="{2E116C6B-C1B8-9143-8839-7BD327EF26AE}">
      <dgm:prSet phldrT="[Text]"/>
      <dgm:spPr>
        <a:solidFill>
          <a:schemeClr val="accent2"/>
        </a:solidFill>
      </dgm:spPr>
      <dgm:t>
        <a:bodyPr/>
        <a:lstStyle/>
        <a:p>
          <a:r>
            <a:rPr lang="en-US" dirty="0"/>
            <a:t>Month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dgm:t>
        <a:bodyPr/>
        <a:lstStyle/>
        <a:p>
          <a:r>
            <a:rPr lang="en-US" dirty="0"/>
            <a:t>Month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a:solidFill>
          <a:schemeClr val="accent2">
            <a:lumMod val="60000"/>
            <a:lumOff val="40000"/>
          </a:schemeClr>
        </a:solidFill>
      </dgm:spPr>
      <dgm:t>
        <a:bodyPr/>
        <a:lstStyle/>
        <a:p>
          <a:r>
            <a:rPr lang="en-US" dirty="0"/>
            <a:t>Month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a:solidFill>
          <a:schemeClr val="bg1">
            <a:lumMod val="85000"/>
          </a:schemeClr>
        </a:solidFill>
      </dgm:spPr>
      <dgm:t>
        <a:bodyPr/>
        <a:lstStyle/>
        <a:p>
          <a:r>
            <a:rPr lang="en-US" dirty="0"/>
            <a:t>Month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6BA70F3A-3D54-3141-8E3E-3D20B1879B93}">
      <dgm:prSet phldrT="[Text]"/>
      <dgm:spPr>
        <a:solidFill>
          <a:schemeClr val="bg1">
            <a:lumMod val="85000"/>
          </a:schemeClr>
        </a:solidFill>
      </dgm:spPr>
      <dgm:t>
        <a:bodyPr/>
        <a:lstStyle/>
        <a:p>
          <a:r>
            <a:rPr lang="en-US" dirty="0"/>
            <a:t>Month 5</a:t>
          </a:r>
        </a:p>
      </dgm:t>
    </dgm:pt>
    <dgm:pt modelId="{0C567076-8DF7-DE4A-A0EB-341373F865F0}" type="parTrans" cxnId="{C643E0C0-94E1-9345-B4BE-9685BD2739CD}">
      <dgm:prSet/>
      <dgm:spPr/>
      <dgm:t>
        <a:bodyPr/>
        <a:lstStyle/>
        <a:p>
          <a:endParaRPr lang="en-US"/>
        </a:p>
      </dgm:t>
    </dgm:pt>
    <dgm:pt modelId="{7E870EA2-3781-594E-8F5D-95942472EA9D}" type="sibTrans" cxnId="{C643E0C0-94E1-9345-B4BE-9685BD2739CD}">
      <dgm:prSet/>
      <dgm:spPr/>
      <dgm:t>
        <a:bodyPr/>
        <a:lstStyle/>
        <a:p>
          <a:endParaRPr lang="en-US"/>
        </a:p>
      </dgm:t>
    </dgm:pt>
    <dgm:pt modelId="{F5D6B3E2-133D-864D-BA93-91387FC82374}">
      <dgm:prSet phldrT="[Text]"/>
      <dgm:spPr>
        <a:solidFill>
          <a:schemeClr val="bg1">
            <a:lumMod val="85000"/>
          </a:schemeClr>
        </a:solidFill>
      </dgm:spPr>
      <dgm:t>
        <a:bodyPr/>
        <a:lstStyle/>
        <a:p>
          <a:r>
            <a:rPr lang="en-US" dirty="0"/>
            <a:t>Month 6</a:t>
          </a:r>
        </a:p>
      </dgm:t>
    </dgm:pt>
    <dgm:pt modelId="{A2ACC591-70E1-A64F-ACB2-35050E032A5D}" type="parTrans" cxnId="{136F216F-F1F9-B24A-8EB5-995E6A48E6E8}">
      <dgm:prSet/>
      <dgm:spPr/>
      <dgm:t>
        <a:bodyPr/>
        <a:lstStyle/>
        <a:p>
          <a:endParaRPr lang="en-US"/>
        </a:p>
      </dgm:t>
    </dgm:pt>
    <dgm:pt modelId="{44E84D39-CD13-334E-BCF2-2797D0B4F2E6}" type="sibTrans" cxnId="{136F216F-F1F9-B24A-8EB5-995E6A48E6E8}">
      <dgm:prSet/>
      <dgm:spPr/>
      <dgm:t>
        <a:bodyPr/>
        <a:lstStyle/>
        <a:p>
          <a:endParaRPr lang="en-US"/>
        </a:p>
      </dgm:t>
    </dgm:pt>
    <dgm:pt modelId="{9CB8935A-9D49-BB44-BD1B-5119A1C1C5C0}">
      <dgm:prSet phldrT="[Text]"/>
      <dgm:spPr>
        <a:solidFill>
          <a:schemeClr val="bg1">
            <a:lumMod val="85000"/>
          </a:schemeClr>
        </a:solidFill>
      </dgm:spPr>
      <dgm:t>
        <a:bodyPr/>
        <a:lstStyle/>
        <a:p>
          <a:r>
            <a:rPr lang="en-US" dirty="0"/>
            <a:t>Month 7</a:t>
          </a:r>
        </a:p>
      </dgm:t>
    </dgm:pt>
    <dgm:pt modelId="{3EDA7E4D-DE64-544F-9589-AFE692B28099}" type="parTrans" cxnId="{9D32DE28-61BA-F744-846F-09D5DEFB0AE9}">
      <dgm:prSet/>
      <dgm:spPr/>
      <dgm:t>
        <a:bodyPr/>
        <a:lstStyle/>
        <a:p>
          <a:endParaRPr lang="en-US"/>
        </a:p>
      </dgm:t>
    </dgm:pt>
    <dgm:pt modelId="{6EB7D773-B2F7-E541-B389-686ED9293BAD}" type="sibTrans" cxnId="{9D32DE28-61BA-F744-846F-09D5DEFB0AE9}">
      <dgm:prSet/>
      <dgm:spPr/>
      <dgm:t>
        <a:bodyPr/>
        <a:lstStyle/>
        <a:p>
          <a:endParaRPr lang="en-US"/>
        </a:p>
      </dgm:t>
    </dgm:pt>
    <dgm:pt modelId="{E5B03628-D444-844F-BCA0-A700B7607177}">
      <dgm:prSet phldrT="[Text]"/>
      <dgm:spPr>
        <a:solidFill>
          <a:schemeClr val="bg1">
            <a:lumMod val="85000"/>
          </a:schemeClr>
        </a:solidFill>
      </dgm:spPr>
      <dgm:t>
        <a:bodyPr/>
        <a:lstStyle/>
        <a:p>
          <a:r>
            <a:rPr lang="en-US" dirty="0"/>
            <a:t>Month 8</a:t>
          </a:r>
        </a:p>
      </dgm:t>
    </dgm:pt>
    <dgm:pt modelId="{3AE3AD21-8F1A-564D-91F7-4C4E0785B2B2}" type="parTrans" cxnId="{A2C11CA5-6CBE-7548-9C09-D06A89C2EC8C}">
      <dgm:prSet/>
      <dgm:spPr/>
      <dgm:t>
        <a:bodyPr/>
        <a:lstStyle/>
        <a:p>
          <a:endParaRPr lang="en-US"/>
        </a:p>
      </dgm:t>
    </dgm:pt>
    <dgm:pt modelId="{01C091AE-C10D-B249-94E1-17CD3B07AFB3}" type="sibTrans" cxnId="{A2C11CA5-6CBE-7548-9C09-D06A89C2EC8C}">
      <dgm:prSet/>
      <dgm:spPr/>
      <dgm:t>
        <a:bodyPr/>
        <a:lstStyle/>
        <a:p>
          <a:endParaRPr lang="en-US"/>
        </a:p>
      </dgm:t>
    </dgm:pt>
    <dgm:pt modelId="{D0893B01-BFF4-3647-A373-B7F1672DC978}">
      <dgm:prSet phldrT="[Text]"/>
      <dgm:spPr>
        <a:solidFill>
          <a:schemeClr val="bg1">
            <a:lumMod val="85000"/>
          </a:schemeClr>
        </a:solidFill>
      </dgm:spPr>
      <dgm:t>
        <a:bodyPr/>
        <a:lstStyle/>
        <a:p>
          <a:r>
            <a:rPr lang="en-US" dirty="0"/>
            <a:t>Month 9</a:t>
          </a:r>
        </a:p>
      </dgm:t>
    </dgm:pt>
    <dgm:pt modelId="{AF1AA3F2-1844-F342-99D9-D4850E230535}" type="parTrans" cxnId="{6DA81650-4740-2F40-989B-245A3E2BE897}">
      <dgm:prSet/>
      <dgm:spPr/>
      <dgm:t>
        <a:bodyPr/>
        <a:lstStyle/>
        <a:p>
          <a:endParaRPr lang="en-US"/>
        </a:p>
      </dgm:t>
    </dgm:pt>
    <dgm:pt modelId="{AD42D8B3-BD14-3540-AFF2-493D10E4E67F}" type="sibTrans" cxnId="{6DA81650-4740-2F40-989B-245A3E2BE897}">
      <dgm:prSet/>
      <dgm:spPr/>
      <dgm:t>
        <a:bodyPr/>
        <a:lstStyle/>
        <a:p>
          <a:endParaRPr lang="en-US"/>
        </a:p>
      </dgm:t>
    </dgm:pt>
    <dgm:pt modelId="{23C19E56-3F53-8240-9F9D-37417F772BD6}">
      <dgm:prSet phldrT="[Text]"/>
      <dgm:spPr>
        <a:solidFill>
          <a:schemeClr val="bg1">
            <a:lumMod val="85000"/>
          </a:schemeClr>
        </a:solidFill>
      </dgm:spPr>
      <dgm:t>
        <a:bodyPr/>
        <a:lstStyle/>
        <a:p>
          <a:r>
            <a:rPr lang="en-US" dirty="0"/>
            <a:t>Month 10</a:t>
          </a:r>
        </a:p>
      </dgm:t>
    </dgm:pt>
    <dgm:pt modelId="{FC01C80A-BFFC-E441-BD6B-C2CE3754BC59}" type="parTrans" cxnId="{B116FC17-799C-8843-BD75-1D37A9179AF6}">
      <dgm:prSet/>
      <dgm:spPr/>
      <dgm:t>
        <a:bodyPr/>
        <a:lstStyle/>
        <a:p>
          <a:endParaRPr lang="en-US"/>
        </a:p>
      </dgm:t>
    </dgm:pt>
    <dgm:pt modelId="{E6D0CBD5-5A72-9349-B78B-755469DDA692}" type="sibTrans" cxnId="{B116FC17-799C-8843-BD75-1D37A9179AF6}">
      <dgm:prSet/>
      <dgm:spPr/>
      <dgm:t>
        <a:bodyPr/>
        <a:lstStyle/>
        <a:p>
          <a:endParaRPr lang="en-US"/>
        </a:p>
      </dgm:t>
    </dgm:pt>
    <dgm:pt modelId="{BC4B1D52-AC7D-EF40-ADC2-8191D7E636A5}">
      <dgm:prSet phldrT="[Text]"/>
      <dgm:spPr>
        <a:solidFill>
          <a:schemeClr val="bg1">
            <a:lumMod val="85000"/>
          </a:schemeClr>
        </a:solidFill>
      </dgm:spPr>
      <dgm:t>
        <a:bodyPr/>
        <a:lstStyle/>
        <a:p>
          <a:r>
            <a:rPr lang="en-US" dirty="0"/>
            <a:t>Month 11</a:t>
          </a:r>
        </a:p>
      </dgm:t>
    </dgm:pt>
    <dgm:pt modelId="{83E0DB81-AC78-F54A-AD88-CA0BED9551DC}" type="parTrans" cxnId="{0AB0CC75-DA02-2A42-B2F6-267344D771A9}">
      <dgm:prSet/>
      <dgm:spPr/>
      <dgm:t>
        <a:bodyPr/>
        <a:lstStyle/>
        <a:p>
          <a:endParaRPr lang="en-US"/>
        </a:p>
      </dgm:t>
    </dgm:pt>
    <dgm:pt modelId="{8155EBE7-145D-3045-B4D5-A2FB590F3E70}" type="sibTrans" cxnId="{0AB0CC75-DA02-2A42-B2F6-267344D771A9}">
      <dgm:prSet/>
      <dgm:spPr/>
      <dgm:t>
        <a:bodyPr/>
        <a:lstStyle/>
        <a:p>
          <a:endParaRPr lang="en-US"/>
        </a:p>
      </dgm:t>
    </dgm:pt>
    <dgm:pt modelId="{924DCAD4-5F17-7C44-B591-115356CF3831}">
      <dgm:prSet phldrT="[Text]"/>
      <dgm:spPr>
        <a:solidFill>
          <a:schemeClr val="bg1">
            <a:lumMod val="85000"/>
          </a:schemeClr>
        </a:solidFill>
      </dgm:spPr>
      <dgm:t>
        <a:bodyPr/>
        <a:lstStyle/>
        <a:p>
          <a:r>
            <a:rPr lang="en-US" dirty="0"/>
            <a:t>Month 12</a:t>
          </a:r>
        </a:p>
      </dgm:t>
    </dgm:pt>
    <dgm:pt modelId="{9C4C81A4-0AE7-4641-9CC8-947D1A2983A6}" type="parTrans" cxnId="{FE42BEA0-E062-B84F-BAB1-7F499112563E}">
      <dgm:prSet/>
      <dgm:spPr/>
      <dgm:t>
        <a:bodyPr/>
        <a:lstStyle/>
        <a:p>
          <a:endParaRPr lang="en-US"/>
        </a:p>
      </dgm:t>
    </dgm:pt>
    <dgm:pt modelId="{17628B93-F602-0545-AA5B-7223EA392249}" type="sibTrans" cxnId="{FE42BEA0-E062-B84F-BAB1-7F499112563E}">
      <dgm:prSet/>
      <dgm:spPr/>
      <dgm:t>
        <a:bodyPr/>
        <a:lstStyle/>
        <a:p>
          <a:endParaRPr lang="en-US"/>
        </a:p>
      </dgm:t>
    </dgm:pt>
    <dgm:pt modelId="{144FF393-90D4-1C47-B26E-3E60791B6667}">
      <dgm:prSet phldrT="[Text]"/>
      <dgm:spPr>
        <a:solidFill>
          <a:schemeClr val="bg1">
            <a:lumMod val="85000"/>
          </a:schemeClr>
        </a:solidFill>
      </dgm:spPr>
      <dgm:t>
        <a:bodyPr/>
        <a:lstStyle/>
        <a:p>
          <a:r>
            <a:rPr lang="en-US" dirty="0"/>
            <a:t>Month 13</a:t>
          </a:r>
        </a:p>
      </dgm:t>
    </dgm:pt>
    <dgm:pt modelId="{23CF473F-B74D-E141-B20B-6C5FD0BCA8A9}" type="parTrans" cxnId="{6C707CC9-D627-1F4B-B686-364769C41B91}">
      <dgm:prSet/>
      <dgm:spPr/>
      <dgm:t>
        <a:bodyPr/>
        <a:lstStyle/>
        <a:p>
          <a:endParaRPr lang="en-US"/>
        </a:p>
      </dgm:t>
    </dgm:pt>
    <dgm:pt modelId="{7E547161-DF57-2346-A0BB-3E64C4189DB4}" type="sibTrans" cxnId="{6C707CC9-D627-1F4B-B686-364769C41B91}">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13">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13">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13">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13">
        <dgm:presLayoutVars>
          <dgm:bulletEnabled val="1"/>
        </dgm:presLayoutVars>
      </dgm:prSet>
      <dgm:spPr/>
    </dgm:pt>
    <dgm:pt modelId="{4DB0A912-015E-F54B-AFCF-9E01D80BB765}" type="pres">
      <dgm:prSet presAssocID="{49C5F9F7-AE5F-B141-BC2C-2898192A370D}" presName="parSpace" presStyleCnt="0"/>
      <dgm:spPr/>
    </dgm:pt>
    <dgm:pt modelId="{C2359B7F-CB8F-EC42-B4C3-050C16F42CFD}" type="pres">
      <dgm:prSet presAssocID="{6BA70F3A-3D54-3141-8E3E-3D20B1879B93}" presName="parTxOnly" presStyleLbl="node1" presStyleIdx="4" presStyleCnt="13">
        <dgm:presLayoutVars>
          <dgm:bulletEnabled val="1"/>
        </dgm:presLayoutVars>
      </dgm:prSet>
      <dgm:spPr/>
    </dgm:pt>
    <dgm:pt modelId="{82048E63-EC94-1E41-82BD-0145FBEB2C86}" type="pres">
      <dgm:prSet presAssocID="{7E870EA2-3781-594E-8F5D-95942472EA9D}" presName="parSpace" presStyleCnt="0"/>
      <dgm:spPr/>
    </dgm:pt>
    <dgm:pt modelId="{7F02DCD0-1033-D447-9CA9-3DA883DF1990}" type="pres">
      <dgm:prSet presAssocID="{F5D6B3E2-133D-864D-BA93-91387FC82374}" presName="parTxOnly" presStyleLbl="node1" presStyleIdx="5" presStyleCnt="13">
        <dgm:presLayoutVars>
          <dgm:bulletEnabled val="1"/>
        </dgm:presLayoutVars>
      </dgm:prSet>
      <dgm:spPr/>
    </dgm:pt>
    <dgm:pt modelId="{498E2210-870F-2C42-9932-7E74816A0C53}" type="pres">
      <dgm:prSet presAssocID="{44E84D39-CD13-334E-BCF2-2797D0B4F2E6}" presName="parSpace" presStyleCnt="0"/>
      <dgm:spPr/>
    </dgm:pt>
    <dgm:pt modelId="{83154A96-9DD8-B74C-85EB-5A9EE8918262}" type="pres">
      <dgm:prSet presAssocID="{9CB8935A-9D49-BB44-BD1B-5119A1C1C5C0}" presName="parTxOnly" presStyleLbl="node1" presStyleIdx="6" presStyleCnt="13">
        <dgm:presLayoutVars>
          <dgm:bulletEnabled val="1"/>
        </dgm:presLayoutVars>
      </dgm:prSet>
      <dgm:spPr/>
    </dgm:pt>
    <dgm:pt modelId="{6014F0C3-AD36-5947-8A3C-24BCB6C96936}" type="pres">
      <dgm:prSet presAssocID="{6EB7D773-B2F7-E541-B389-686ED9293BAD}" presName="parSpace" presStyleCnt="0"/>
      <dgm:spPr/>
    </dgm:pt>
    <dgm:pt modelId="{AB78FE09-DB85-3D44-BEB2-B271C5B807E0}" type="pres">
      <dgm:prSet presAssocID="{E5B03628-D444-844F-BCA0-A700B7607177}" presName="parTxOnly" presStyleLbl="node1" presStyleIdx="7" presStyleCnt="13">
        <dgm:presLayoutVars>
          <dgm:bulletEnabled val="1"/>
        </dgm:presLayoutVars>
      </dgm:prSet>
      <dgm:spPr/>
    </dgm:pt>
    <dgm:pt modelId="{559D444F-CAA1-A941-87E3-C7CF056E6AE3}" type="pres">
      <dgm:prSet presAssocID="{01C091AE-C10D-B249-94E1-17CD3B07AFB3}" presName="parSpace" presStyleCnt="0"/>
      <dgm:spPr/>
    </dgm:pt>
    <dgm:pt modelId="{B504BB1E-0653-6843-9F8F-CEACB35BAC88}" type="pres">
      <dgm:prSet presAssocID="{D0893B01-BFF4-3647-A373-B7F1672DC978}" presName="parTxOnly" presStyleLbl="node1" presStyleIdx="8" presStyleCnt="13">
        <dgm:presLayoutVars>
          <dgm:bulletEnabled val="1"/>
        </dgm:presLayoutVars>
      </dgm:prSet>
      <dgm:spPr/>
    </dgm:pt>
    <dgm:pt modelId="{01ED2D9F-A9CD-C844-9DD1-0CF45462E718}" type="pres">
      <dgm:prSet presAssocID="{AD42D8B3-BD14-3540-AFF2-493D10E4E67F}" presName="parSpace" presStyleCnt="0"/>
      <dgm:spPr/>
    </dgm:pt>
    <dgm:pt modelId="{BB6E7E5B-38D0-734F-ADEE-B01CFC8F1C00}" type="pres">
      <dgm:prSet presAssocID="{23C19E56-3F53-8240-9F9D-37417F772BD6}" presName="parTxOnly" presStyleLbl="node1" presStyleIdx="9" presStyleCnt="13">
        <dgm:presLayoutVars>
          <dgm:bulletEnabled val="1"/>
        </dgm:presLayoutVars>
      </dgm:prSet>
      <dgm:spPr/>
    </dgm:pt>
    <dgm:pt modelId="{0925315D-1875-D64E-BBA8-FF115AE4C551}" type="pres">
      <dgm:prSet presAssocID="{E6D0CBD5-5A72-9349-B78B-755469DDA692}" presName="parSpace" presStyleCnt="0"/>
      <dgm:spPr/>
    </dgm:pt>
    <dgm:pt modelId="{45FF2AAE-E4F9-1846-BDA0-0BBA049F3E35}" type="pres">
      <dgm:prSet presAssocID="{BC4B1D52-AC7D-EF40-ADC2-8191D7E636A5}" presName="parTxOnly" presStyleLbl="node1" presStyleIdx="10" presStyleCnt="13">
        <dgm:presLayoutVars>
          <dgm:bulletEnabled val="1"/>
        </dgm:presLayoutVars>
      </dgm:prSet>
      <dgm:spPr/>
    </dgm:pt>
    <dgm:pt modelId="{7F5ACB1D-0434-A54D-9C8D-E6ECFB8A2E79}" type="pres">
      <dgm:prSet presAssocID="{8155EBE7-145D-3045-B4D5-A2FB590F3E70}" presName="parSpace" presStyleCnt="0"/>
      <dgm:spPr/>
    </dgm:pt>
    <dgm:pt modelId="{1B83875F-83A0-6F40-958B-283950257C57}" type="pres">
      <dgm:prSet presAssocID="{924DCAD4-5F17-7C44-B591-115356CF3831}" presName="parTxOnly" presStyleLbl="node1" presStyleIdx="11" presStyleCnt="13">
        <dgm:presLayoutVars>
          <dgm:bulletEnabled val="1"/>
        </dgm:presLayoutVars>
      </dgm:prSet>
      <dgm:spPr/>
    </dgm:pt>
    <dgm:pt modelId="{8EB7BB4E-E9A1-F24B-B55E-3548D21FCEC0}" type="pres">
      <dgm:prSet presAssocID="{17628B93-F602-0545-AA5B-7223EA392249}" presName="parSpace" presStyleCnt="0"/>
      <dgm:spPr/>
    </dgm:pt>
    <dgm:pt modelId="{D9FE7833-CFF6-5C4D-BDB6-40FBA1FD31FE}" type="pres">
      <dgm:prSet presAssocID="{144FF393-90D4-1C47-B26E-3E60791B6667}" presName="parTxOnly" presStyleLbl="node1" presStyleIdx="12" presStyleCnt="13">
        <dgm:presLayoutVars>
          <dgm:bulletEnabled val="1"/>
        </dgm:presLayoutVars>
      </dgm:prSet>
      <dgm:spPr/>
    </dgm:pt>
  </dgm:ptLst>
  <dgm:cxnLst>
    <dgm:cxn modelId="{BF430314-BE79-2C45-98F0-A0C3E043E669}" type="presOf" srcId="{9CB8935A-9D49-BB44-BD1B-5119A1C1C5C0}" destId="{83154A96-9DD8-B74C-85EB-5A9EE8918262}" srcOrd="0" destOrd="0" presId="urn:microsoft.com/office/officeart/2005/8/layout/hChevron3"/>
    <dgm:cxn modelId="{B116FC17-799C-8843-BD75-1D37A9179AF6}" srcId="{BFB1C713-2822-0642-971D-67D8852E3364}" destId="{23C19E56-3F53-8240-9F9D-37417F772BD6}" srcOrd="9" destOrd="0" parTransId="{FC01C80A-BFFC-E441-BD6B-C2CE3754BC59}" sibTransId="{E6D0CBD5-5A72-9349-B78B-755469DDA692}"/>
    <dgm:cxn modelId="{12298D21-A6A3-D941-9C45-4111760581AA}" type="presOf" srcId="{23C19E56-3F53-8240-9F9D-37417F772BD6}" destId="{BB6E7E5B-38D0-734F-ADEE-B01CFC8F1C00}" srcOrd="0" destOrd="0" presId="urn:microsoft.com/office/officeart/2005/8/layout/hChevron3"/>
    <dgm:cxn modelId="{FFEB1122-ED43-A74B-B967-2882EBFD3F4A}" type="presOf" srcId="{F5D6B3E2-133D-864D-BA93-91387FC82374}" destId="{7F02DCD0-1033-D447-9CA9-3DA883DF1990}" srcOrd="0" destOrd="0" presId="urn:microsoft.com/office/officeart/2005/8/layout/hChevron3"/>
    <dgm:cxn modelId="{B088E225-C870-0E47-B562-A50208D1A5EF}" srcId="{BFB1C713-2822-0642-971D-67D8852E3364}" destId="{65895D85-F9BC-9E43-8AC6-DA68BD2EBB0C}" srcOrd="1" destOrd="0" parTransId="{C80ABF91-119F-AD4D-A6A0-73F9DDED4537}" sibTransId="{9A502B5C-347D-DB42-83C5-CA2D69447932}"/>
    <dgm:cxn modelId="{9D32DE28-61BA-F744-846F-09D5DEFB0AE9}" srcId="{BFB1C713-2822-0642-971D-67D8852E3364}" destId="{9CB8935A-9D49-BB44-BD1B-5119A1C1C5C0}" srcOrd="6" destOrd="0" parTransId="{3EDA7E4D-DE64-544F-9589-AFE692B28099}" sibTransId="{6EB7D773-B2F7-E541-B389-686ED9293BAD}"/>
    <dgm:cxn modelId="{31D2073D-BAC2-E741-8362-8F8703223972}" srcId="{BFB1C713-2822-0642-971D-67D8852E3364}" destId="{201FA7D1-4673-164B-A870-07B69404D1D4}" srcOrd="3" destOrd="0" parTransId="{AA15B90E-7C06-A54F-AD91-0DC8E0016736}" sibTransId="{49C5F9F7-AE5F-B141-BC2C-2898192A370D}"/>
    <dgm:cxn modelId="{A15DE944-6647-1D47-AC62-BDC0C851B6CB}" type="presOf" srcId="{E5B03628-D444-844F-BCA0-A700B7607177}" destId="{AB78FE09-DB85-3D44-BEB2-B271C5B807E0}" srcOrd="0" destOrd="0" presId="urn:microsoft.com/office/officeart/2005/8/layout/hChevron3"/>
    <dgm:cxn modelId="{BB230D48-D907-D044-A677-0E0D14352994}" type="presOf" srcId="{D0893B01-BFF4-3647-A373-B7F1672DC978}" destId="{B504BB1E-0653-6843-9F8F-CEACB35BAC88}" srcOrd="0" destOrd="0" presId="urn:microsoft.com/office/officeart/2005/8/layout/hChevron3"/>
    <dgm:cxn modelId="{C3C7A74D-E42A-5745-B6BB-01D9A10D3228}" type="presOf" srcId="{65895D85-F9BC-9E43-8AC6-DA68BD2EBB0C}" destId="{91F73428-6E2C-1848-8C4C-42EAFE35EB4F}" srcOrd="0" destOrd="0" presId="urn:microsoft.com/office/officeart/2005/8/layout/hChevron3"/>
    <dgm:cxn modelId="{6DA81650-4740-2F40-989B-245A3E2BE897}" srcId="{BFB1C713-2822-0642-971D-67D8852E3364}" destId="{D0893B01-BFF4-3647-A373-B7F1672DC978}" srcOrd="8" destOrd="0" parTransId="{AF1AA3F2-1844-F342-99D9-D4850E230535}" sibTransId="{AD42D8B3-BD14-3540-AFF2-493D10E4E67F}"/>
    <dgm:cxn modelId="{F881245B-C0A4-A04A-85A0-CC617616A09C}" type="presOf" srcId="{BC4B1D52-AC7D-EF40-ADC2-8191D7E636A5}" destId="{45FF2AAE-E4F9-1846-BDA0-0BBA049F3E35}" srcOrd="0" destOrd="0" presId="urn:microsoft.com/office/officeart/2005/8/layout/hChevron3"/>
    <dgm:cxn modelId="{136F216F-F1F9-B24A-8EB5-995E6A48E6E8}" srcId="{BFB1C713-2822-0642-971D-67D8852E3364}" destId="{F5D6B3E2-133D-864D-BA93-91387FC82374}" srcOrd="5" destOrd="0" parTransId="{A2ACC591-70E1-A64F-ACB2-35050E032A5D}" sibTransId="{44E84D39-CD13-334E-BCF2-2797D0B4F2E6}"/>
    <dgm:cxn modelId="{9C156B70-9915-584C-9B6A-D7EDF22D12B4}" srcId="{BFB1C713-2822-0642-971D-67D8852E3364}" destId="{9AABBBD2-5E5E-9A45-93E6-024DF8331810}" srcOrd="2" destOrd="0" parTransId="{8DE9B082-385A-054E-805A-93D0B928988D}" sibTransId="{7E92C188-48A2-A24E-9626-10646C9B8C4C}"/>
    <dgm:cxn modelId="{0AB0CC75-DA02-2A42-B2F6-267344D771A9}" srcId="{BFB1C713-2822-0642-971D-67D8852E3364}" destId="{BC4B1D52-AC7D-EF40-ADC2-8191D7E636A5}" srcOrd="10" destOrd="0" parTransId="{83E0DB81-AC78-F54A-AD88-CA0BED9551DC}" sibTransId="{8155EBE7-145D-3045-B4D5-A2FB590F3E70}"/>
    <dgm:cxn modelId="{6BD50B7C-7C1C-944F-BA28-A6EDE56F003F}" type="presOf" srcId="{2E116C6B-C1B8-9143-8839-7BD327EF26AE}" destId="{0B98E2E4-7E61-BF45-9002-438D1AD64EC9}"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DCF6D298-5242-B944-BB5A-4725397AC049}" type="presOf" srcId="{144FF393-90D4-1C47-B26E-3E60791B6667}" destId="{D9FE7833-CFF6-5C4D-BDB6-40FBA1FD31FE}" srcOrd="0" destOrd="0" presId="urn:microsoft.com/office/officeart/2005/8/layout/hChevron3"/>
    <dgm:cxn modelId="{FE42BEA0-E062-B84F-BAB1-7F499112563E}" srcId="{BFB1C713-2822-0642-971D-67D8852E3364}" destId="{924DCAD4-5F17-7C44-B591-115356CF3831}" srcOrd="11" destOrd="0" parTransId="{9C4C81A4-0AE7-4641-9CC8-947D1A2983A6}" sibTransId="{17628B93-F602-0545-AA5B-7223EA392249}"/>
    <dgm:cxn modelId="{C0ABBCA4-3C20-4D47-9E5F-DBFBD1670A8D}" type="presOf" srcId="{924DCAD4-5F17-7C44-B591-115356CF3831}" destId="{1B83875F-83A0-6F40-958B-283950257C57}" srcOrd="0" destOrd="0" presId="urn:microsoft.com/office/officeart/2005/8/layout/hChevron3"/>
    <dgm:cxn modelId="{A2C11CA5-6CBE-7548-9C09-D06A89C2EC8C}" srcId="{BFB1C713-2822-0642-971D-67D8852E3364}" destId="{E5B03628-D444-844F-BCA0-A700B7607177}" srcOrd="7" destOrd="0" parTransId="{3AE3AD21-8F1A-564D-91F7-4C4E0785B2B2}" sibTransId="{01C091AE-C10D-B249-94E1-17CD3B07AFB3}"/>
    <dgm:cxn modelId="{A3698FA9-2F3E-9C45-9664-9D0FE7CC6461}" type="presOf" srcId="{6BA70F3A-3D54-3141-8E3E-3D20B1879B93}" destId="{C2359B7F-CB8F-EC42-B4C3-050C16F42CFD}" srcOrd="0" destOrd="0" presId="urn:microsoft.com/office/officeart/2005/8/layout/hChevron3"/>
    <dgm:cxn modelId="{C12DE5B5-1B65-7241-8F4A-D0130B8F34F3}" type="presOf" srcId="{BFB1C713-2822-0642-971D-67D8852E3364}" destId="{82E90554-E42A-5248-935B-DE2F8293B9CB}" srcOrd="0" destOrd="0" presId="urn:microsoft.com/office/officeart/2005/8/layout/hChevron3"/>
    <dgm:cxn modelId="{C643E0C0-94E1-9345-B4BE-9685BD2739CD}" srcId="{BFB1C713-2822-0642-971D-67D8852E3364}" destId="{6BA70F3A-3D54-3141-8E3E-3D20B1879B93}" srcOrd="4" destOrd="0" parTransId="{0C567076-8DF7-DE4A-A0EB-341373F865F0}" sibTransId="{7E870EA2-3781-594E-8F5D-95942472EA9D}"/>
    <dgm:cxn modelId="{6C707CC9-D627-1F4B-B686-364769C41B91}" srcId="{BFB1C713-2822-0642-971D-67D8852E3364}" destId="{144FF393-90D4-1C47-B26E-3E60791B6667}" srcOrd="12" destOrd="0" parTransId="{23CF473F-B74D-E141-B20B-6C5FD0BCA8A9}" sibTransId="{7E547161-DF57-2346-A0BB-3E64C4189DB4}"/>
    <dgm:cxn modelId="{274C27F1-E303-C44C-82B7-4F11F6A0EE40}" type="presOf" srcId="{201FA7D1-4673-164B-A870-07B69404D1D4}" destId="{E569B5B3-1E70-B741-AAA2-79F249C73546}" srcOrd="0" destOrd="0" presId="urn:microsoft.com/office/officeart/2005/8/layout/hChevron3"/>
    <dgm:cxn modelId="{6AB250F8-6668-8A42-953A-03646B70AC63}" type="presOf" srcId="{9AABBBD2-5E5E-9A45-93E6-024DF8331810}" destId="{47904C27-172E-E045-91F3-8A5A0AC65125}" srcOrd="0" destOrd="0" presId="urn:microsoft.com/office/officeart/2005/8/layout/hChevron3"/>
    <dgm:cxn modelId="{268BBB34-4382-F14B-AF13-B5261908CB44}" type="presParOf" srcId="{82E90554-E42A-5248-935B-DE2F8293B9CB}" destId="{0B98E2E4-7E61-BF45-9002-438D1AD64EC9}" srcOrd="0" destOrd="0" presId="urn:microsoft.com/office/officeart/2005/8/layout/hChevron3"/>
    <dgm:cxn modelId="{B5F9C012-FC45-E742-A5A3-ABB3880EF584}" type="presParOf" srcId="{82E90554-E42A-5248-935B-DE2F8293B9CB}" destId="{C0E157E5-CE26-1542-8B42-34971273D584}" srcOrd="1" destOrd="0" presId="urn:microsoft.com/office/officeart/2005/8/layout/hChevron3"/>
    <dgm:cxn modelId="{906FC723-E701-6046-BD75-342E9C89C747}" type="presParOf" srcId="{82E90554-E42A-5248-935B-DE2F8293B9CB}" destId="{91F73428-6E2C-1848-8C4C-42EAFE35EB4F}" srcOrd="2" destOrd="0" presId="urn:microsoft.com/office/officeart/2005/8/layout/hChevron3"/>
    <dgm:cxn modelId="{8E62D9C8-B51D-0C4D-89FC-BC22089A5C09}" type="presParOf" srcId="{82E90554-E42A-5248-935B-DE2F8293B9CB}" destId="{5E3365C3-A6F2-2C40-A058-F759206C8753}" srcOrd="3" destOrd="0" presId="urn:microsoft.com/office/officeart/2005/8/layout/hChevron3"/>
    <dgm:cxn modelId="{62025BDB-3F37-D04A-B251-9FF92AD4B43C}" type="presParOf" srcId="{82E90554-E42A-5248-935B-DE2F8293B9CB}" destId="{47904C27-172E-E045-91F3-8A5A0AC65125}" srcOrd="4" destOrd="0" presId="urn:microsoft.com/office/officeart/2005/8/layout/hChevron3"/>
    <dgm:cxn modelId="{30BB74A4-4173-EB42-9AF2-06692387CDFD}" type="presParOf" srcId="{82E90554-E42A-5248-935B-DE2F8293B9CB}" destId="{037E5992-A1C2-114D-89BB-8FFC76AE48FF}" srcOrd="5" destOrd="0" presId="urn:microsoft.com/office/officeart/2005/8/layout/hChevron3"/>
    <dgm:cxn modelId="{101F8644-D805-8E46-A678-94FD4D0029E4}" type="presParOf" srcId="{82E90554-E42A-5248-935B-DE2F8293B9CB}" destId="{E569B5B3-1E70-B741-AAA2-79F249C73546}" srcOrd="6" destOrd="0" presId="urn:microsoft.com/office/officeart/2005/8/layout/hChevron3"/>
    <dgm:cxn modelId="{48E8A4E2-FCDA-3B43-AD9D-4F8DEE78B09D}" type="presParOf" srcId="{82E90554-E42A-5248-935B-DE2F8293B9CB}" destId="{4DB0A912-015E-F54B-AFCF-9E01D80BB765}" srcOrd="7" destOrd="0" presId="urn:microsoft.com/office/officeart/2005/8/layout/hChevron3"/>
    <dgm:cxn modelId="{54988397-6AE7-9C49-9253-2C89A2976A26}" type="presParOf" srcId="{82E90554-E42A-5248-935B-DE2F8293B9CB}" destId="{C2359B7F-CB8F-EC42-B4C3-050C16F42CFD}" srcOrd="8" destOrd="0" presId="urn:microsoft.com/office/officeart/2005/8/layout/hChevron3"/>
    <dgm:cxn modelId="{B699FB5A-D774-DE45-9F58-46AE58511682}" type="presParOf" srcId="{82E90554-E42A-5248-935B-DE2F8293B9CB}" destId="{82048E63-EC94-1E41-82BD-0145FBEB2C86}" srcOrd="9" destOrd="0" presId="urn:microsoft.com/office/officeart/2005/8/layout/hChevron3"/>
    <dgm:cxn modelId="{4263ED80-DE62-BE42-8106-1C1A0503D9B3}" type="presParOf" srcId="{82E90554-E42A-5248-935B-DE2F8293B9CB}" destId="{7F02DCD0-1033-D447-9CA9-3DA883DF1990}" srcOrd="10" destOrd="0" presId="urn:microsoft.com/office/officeart/2005/8/layout/hChevron3"/>
    <dgm:cxn modelId="{5EB4B2C4-0A5D-AB45-B25C-58B1510F7A44}" type="presParOf" srcId="{82E90554-E42A-5248-935B-DE2F8293B9CB}" destId="{498E2210-870F-2C42-9932-7E74816A0C53}" srcOrd="11" destOrd="0" presId="urn:microsoft.com/office/officeart/2005/8/layout/hChevron3"/>
    <dgm:cxn modelId="{A475A508-2008-DB46-BC1D-66E1040ABD3F}" type="presParOf" srcId="{82E90554-E42A-5248-935B-DE2F8293B9CB}" destId="{83154A96-9DD8-B74C-85EB-5A9EE8918262}" srcOrd="12" destOrd="0" presId="urn:microsoft.com/office/officeart/2005/8/layout/hChevron3"/>
    <dgm:cxn modelId="{FBADD6A3-A4FD-BB43-9E2C-C5AF885D769D}" type="presParOf" srcId="{82E90554-E42A-5248-935B-DE2F8293B9CB}" destId="{6014F0C3-AD36-5947-8A3C-24BCB6C96936}" srcOrd="13" destOrd="0" presId="urn:microsoft.com/office/officeart/2005/8/layout/hChevron3"/>
    <dgm:cxn modelId="{52E9F291-5B3B-084A-8F06-6EDCFB3780EA}" type="presParOf" srcId="{82E90554-E42A-5248-935B-DE2F8293B9CB}" destId="{AB78FE09-DB85-3D44-BEB2-B271C5B807E0}" srcOrd="14" destOrd="0" presId="urn:microsoft.com/office/officeart/2005/8/layout/hChevron3"/>
    <dgm:cxn modelId="{8EB8E104-0D97-B241-A93A-B15464416DDE}" type="presParOf" srcId="{82E90554-E42A-5248-935B-DE2F8293B9CB}" destId="{559D444F-CAA1-A941-87E3-C7CF056E6AE3}" srcOrd="15" destOrd="0" presId="urn:microsoft.com/office/officeart/2005/8/layout/hChevron3"/>
    <dgm:cxn modelId="{54EAB2DA-43FD-C54C-8C5D-13E5BB9F4448}" type="presParOf" srcId="{82E90554-E42A-5248-935B-DE2F8293B9CB}" destId="{B504BB1E-0653-6843-9F8F-CEACB35BAC88}" srcOrd="16" destOrd="0" presId="urn:microsoft.com/office/officeart/2005/8/layout/hChevron3"/>
    <dgm:cxn modelId="{C7F29F41-4050-A74C-8495-7B9892BA5C05}" type="presParOf" srcId="{82E90554-E42A-5248-935B-DE2F8293B9CB}" destId="{01ED2D9F-A9CD-C844-9DD1-0CF45462E718}" srcOrd="17" destOrd="0" presId="urn:microsoft.com/office/officeart/2005/8/layout/hChevron3"/>
    <dgm:cxn modelId="{BFBAEEB6-B03C-5544-8CE4-3D7BB5CE42DB}" type="presParOf" srcId="{82E90554-E42A-5248-935B-DE2F8293B9CB}" destId="{BB6E7E5B-38D0-734F-ADEE-B01CFC8F1C00}" srcOrd="18" destOrd="0" presId="urn:microsoft.com/office/officeart/2005/8/layout/hChevron3"/>
    <dgm:cxn modelId="{52957244-0A7F-644B-A1D4-046A37E1756E}" type="presParOf" srcId="{82E90554-E42A-5248-935B-DE2F8293B9CB}" destId="{0925315D-1875-D64E-BBA8-FF115AE4C551}" srcOrd="19" destOrd="0" presId="urn:microsoft.com/office/officeart/2005/8/layout/hChevron3"/>
    <dgm:cxn modelId="{D3DFFD0B-17E9-8D45-AD2A-FB315F8E9E71}" type="presParOf" srcId="{82E90554-E42A-5248-935B-DE2F8293B9CB}" destId="{45FF2AAE-E4F9-1846-BDA0-0BBA049F3E35}" srcOrd="20" destOrd="0" presId="urn:microsoft.com/office/officeart/2005/8/layout/hChevron3"/>
    <dgm:cxn modelId="{3DBD9C7C-2184-3641-A3C1-651B1E02F21A}" type="presParOf" srcId="{82E90554-E42A-5248-935B-DE2F8293B9CB}" destId="{7F5ACB1D-0434-A54D-9C8D-E6ECFB8A2E79}" srcOrd="21" destOrd="0" presId="urn:microsoft.com/office/officeart/2005/8/layout/hChevron3"/>
    <dgm:cxn modelId="{91615AA9-93E8-C548-9731-698C6893FF5C}" type="presParOf" srcId="{82E90554-E42A-5248-935B-DE2F8293B9CB}" destId="{1B83875F-83A0-6F40-958B-283950257C57}" srcOrd="22" destOrd="0" presId="urn:microsoft.com/office/officeart/2005/8/layout/hChevron3"/>
    <dgm:cxn modelId="{5A05AD36-6A5E-6E4B-9D43-1979D7FFCE64}" type="presParOf" srcId="{82E90554-E42A-5248-935B-DE2F8293B9CB}" destId="{8EB7BB4E-E9A1-F24B-B55E-3548D21FCEC0}" srcOrd="23" destOrd="0" presId="urn:microsoft.com/office/officeart/2005/8/layout/hChevron3"/>
    <dgm:cxn modelId="{A460278B-4EDE-CF4C-92B1-2C339594E707}" type="presParOf" srcId="{82E90554-E42A-5248-935B-DE2F8293B9CB}" destId="{D9FE7833-CFF6-5C4D-BDB6-40FBA1FD31FE}" srcOrd="24" destOrd="0" presId="urn:microsoft.com/office/officeart/2005/8/layout/hChevron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2.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4_5" csCatId="accent4" phldr="1"/>
      <dgm:spPr/>
    </dgm:pt>
    <dgm:pt modelId="{2E116C6B-C1B8-9143-8839-7BD327EF26AE}">
      <dgm:prSet phldrT="[Text]"/>
      <dgm:spPr>
        <a:solidFill>
          <a:schemeClr val="accent2"/>
        </a:solidFill>
      </dgm:spPr>
      <dgm:t>
        <a:bodyPr/>
        <a:lstStyle/>
        <a:p>
          <a:r>
            <a:rPr lang="en-US" dirty="0"/>
            <a:t>Month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dgm:t>
        <a:bodyPr/>
        <a:lstStyle/>
        <a:p>
          <a:r>
            <a:rPr lang="en-US" dirty="0"/>
            <a:t>Month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dgm:t>
        <a:bodyPr/>
        <a:lstStyle/>
        <a:p>
          <a:r>
            <a:rPr lang="en-US" dirty="0"/>
            <a:t>Month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dgm:t>
        <a:bodyPr/>
        <a:lstStyle/>
        <a:p>
          <a:r>
            <a:rPr lang="en-US" dirty="0"/>
            <a:t>Month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6BA70F3A-3D54-3141-8E3E-3D20B1879B93}">
      <dgm:prSet phldrT="[Text]"/>
      <dgm:spPr/>
      <dgm:t>
        <a:bodyPr/>
        <a:lstStyle/>
        <a:p>
          <a:r>
            <a:rPr lang="en-US" dirty="0"/>
            <a:t>Month 5</a:t>
          </a:r>
        </a:p>
      </dgm:t>
    </dgm:pt>
    <dgm:pt modelId="{0C567076-8DF7-DE4A-A0EB-341373F865F0}" type="parTrans" cxnId="{C643E0C0-94E1-9345-B4BE-9685BD2739CD}">
      <dgm:prSet/>
      <dgm:spPr/>
      <dgm:t>
        <a:bodyPr/>
        <a:lstStyle/>
        <a:p>
          <a:endParaRPr lang="en-US"/>
        </a:p>
      </dgm:t>
    </dgm:pt>
    <dgm:pt modelId="{7E870EA2-3781-594E-8F5D-95942472EA9D}" type="sibTrans" cxnId="{C643E0C0-94E1-9345-B4BE-9685BD2739CD}">
      <dgm:prSet/>
      <dgm:spPr/>
      <dgm:t>
        <a:bodyPr/>
        <a:lstStyle/>
        <a:p>
          <a:endParaRPr lang="en-US"/>
        </a:p>
      </dgm:t>
    </dgm:pt>
    <dgm:pt modelId="{F5D6B3E2-133D-864D-BA93-91387FC82374}">
      <dgm:prSet phldrT="[Text]"/>
      <dgm:spPr/>
      <dgm:t>
        <a:bodyPr/>
        <a:lstStyle/>
        <a:p>
          <a:r>
            <a:rPr lang="en-US" dirty="0"/>
            <a:t>Month 6</a:t>
          </a:r>
        </a:p>
      </dgm:t>
    </dgm:pt>
    <dgm:pt modelId="{A2ACC591-70E1-A64F-ACB2-35050E032A5D}" type="parTrans" cxnId="{136F216F-F1F9-B24A-8EB5-995E6A48E6E8}">
      <dgm:prSet/>
      <dgm:spPr/>
      <dgm:t>
        <a:bodyPr/>
        <a:lstStyle/>
        <a:p>
          <a:endParaRPr lang="en-US"/>
        </a:p>
      </dgm:t>
    </dgm:pt>
    <dgm:pt modelId="{44E84D39-CD13-334E-BCF2-2797D0B4F2E6}" type="sibTrans" cxnId="{136F216F-F1F9-B24A-8EB5-995E6A48E6E8}">
      <dgm:prSet/>
      <dgm:spPr/>
      <dgm:t>
        <a:bodyPr/>
        <a:lstStyle/>
        <a:p>
          <a:endParaRPr lang="en-US"/>
        </a:p>
      </dgm:t>
    </dgm:pt>
    <dgm:pt modelId="{9CB8935A-9D49-BB44-BD1B-5119A1C1C5C0}">
      <dgm:prSet phldrT="[Text]"/>
      <dgm:spPr>
        <a:solidFill>
          <a:schemeClr val="accent2">
            <a:lumMod val="60000"/>
            <a:lumOff val="40000"/>
          </a:schemeClr>
        </a:solidFill>
      </dgm:spPr>
      <dgm:t>
        <a:bodyPr/>
        <a:lstStyle/>
        <a:p>
          <a:r>
            <a:rPr lang="en-US" dirty="0"/>
            <a:t>Month 7</a:t>
          </a:r>
        </a:p>
      </dgm:t>
    </dgm:pt>
    <dgm:pt modelId="{3EDA7E4D-DE64-544F-9589-AFE692B28099}" type="parTrans" cxnId="{9D32DE28-61BA-F744-846F-09D5DEFB0AE9}">
      <dgm:prSet/>
      <dgm:spPr/>
      <dgm:t>
        <a:bodyPr/>
        <a:lstStyle/>
        <a:p>
          <a:endParaRPr lang="en-US"/>
        </a:p>
      </dgm:t>
    </dgm:pt>
    <dgm:pt modelId="{6EB7D773-B2F7-E541-B389-686ED9293BAD}" type="sibTrans" cxnId="{9D32DE28-61BA-F744-846F-09D5DEFB0AE9}">
      <dgm:prSet/>
      <dgm:spPr/>
      <dgm:t>
        <a:bodyPr/>
        <a:lstStyle/>
        <a:p>
          <a:endParaRPr lang="en-US"/>
        </a:p>
      </dgm:t>
    </dgm:pt>
    <dgm:pt modelId="{E5B03628-D444-844F-BCA0-A700B7607177}">
      <dgm:prSet phldrT="[Text]"/>
      <dgm:spPr>
        <a:solidFill>
          <a:schemeClr val="bg1">
            <a:lumMod val="85000"/>
          </a:schemeClr>
        </a:solidFill>
      </dgm:spPr>
      <dgm:t>
        <a:bodyPr/>
        <a:lstStyle/>
        <a:p>
          <a:r>
            <a:rPr lang="en-US" dirty="0"/>
            <a:t>Month 8</a:t>
          </a:r>
        </a:p>
      </dgm:t>
    </dgm:pt>
    <dgm:pt modelId="{3AE3AD21-8F1A-564D-91F7-4C4E0785B2B2}" type="parTrans" cxnId="{A2C11CA5-6CBE-7548-9C09-D06A89C2EC8C}">
      <dgm:prSet/>
      <dgm:spPr/>
      <dgm:t>
        <a:bodyPr/>
        <a:lstStyle/>
        <a:p>
          <a:endParaRPr lang="en-US"/>
        </a:p>
      </dgm:t>
    </dgm:pt>
    <dgm:pt modelId="{01C091AE-C10D-B249-94E1-17CD3B07AFB3}" type="sibTrans" cxnId="{A2C11CA5-6CBE-7548-9C09-D06A89C2EC8C}">
      <dgm:prSet/>
      <dgm:spPr/>
      <dgm:t>
        <a:bodyPr/>
        <a:lstStyle/>
        <a:p>
          <a:endParaRPr lang="en-US"/>
        </a:p>
      </dgm:t>
    </dgm:pt>
    <dgm:pt modelId="{D0893B01-BFF4-3647-A373-B7F1672DC978}">
      <dgm:prSet phldrT="[Text]"/>
      <dgm:spPr>
        <a:solidFill>
          <a:schemeClr val="bg1">
            <a:lumMod val="85000"/>
          </a:schemeClr>
        </a:solidFill>
      </dgm:spPr>
      <dgm:t>
        <a:bodyPr/>
        <a:lstStyle/>
        <a:p>
          <a:r>
            <a:rPr lang="en-US" dirty="0"/>
            <a:t>Month 9</a:t>
          </a:r>
        </a:p>
      </dgm:t>
    </dgm:pt>
    <dgm:pt modelId="{AF1AA3F2-1844-F342-99D9-D4850E230535}" type="parTrans" cxnId="{6DA81650-4740-2F40-989B-245A3E2BE897}">
      <dgm:prSet/>
      <dgm:spPr/>
      <dgm:t>
        <a:bodyPr/>
        <a:lstStyle/>
        <a:p>
          <a:endParaRPr lang="en-US"/>
        </a:p>
      </dgm:t>
    </dgm:pt>
    <dgm:pt modelId="{AD42D8B3-BD14-3540-AFF2-493D10E4E67F}" type="sibTrans" cxnId="{6DA81650-4740-2F40-989B-245A3E2BE897}">
      <dgm:prSet/>
      <dgm:spPr/>
      <dgm:t>
        <a:bodyPr/>
        <a:lstStyle/>
        <a:p>
          <a:endParaRPr lang="en-US"/>
        </a:p>
      </dgm:t>
    </dgm:pt>
    <dgm:pt modelId="{23C19E56-3F53-8240-9F9D-37417F772BD6}">
      <dgm:prSet phldrT="[Text]"/>
      <dgm:spPr>
        <a:solidFill>
          <a:schemeClr val="bg1">
            <a:lumMod val="85000"/>
          </a:schemeClr>
        </a:solidFill>
      </dgm:spPr>
      <dgm:t>
        <a:bodyPr/>
        <a:lstStyle/>
        <a:p>
          <a:r>
            <a:rPr lang="en-US" dirty="0"/>
            <a:t>Month 10</a:t>
          </a:r>
        </a:p>
      </dgm:t>
    </dgm:pt>
    <dgm:pt modelId="{FC01C80A-BFFC-E441-BD6B-C2CE3754BC59}" type="parTrans" cxnId="{B116FC17-799C-8843-BD75-1D37A9179AF6}">
      <dgm:prSet/>
      <dgm:spPr/>
      <dgm:t>
        <a:bodyPr/>
        <a:lstStyle/>
        <a:p>
          <a:endParaRPr lang="en-US"/>
        </a:p>
      </dgm:t>
    </dgm:pt>
    <dgm:pt modelId="{E6D0CBD5-5A72-9349-B78B-755469DDA692}" type="sibTrans" cxnId="{B116FC17-799C-8843-BD75-1D37A9179AF6}">
      <dgm:prSet/>
      <dgm:spPr/>
      <dgm:t>
        <a:bodyPr/>
        <a:lstStyle/>
        <a:p>
          <a:endParaRPr lang="en-US"/>
        </a:p>
      </dgm:t>
    </dgm:pt>
    <dgm:pt modelId="{BC4B1D52-AC7D-EF40-ADC2-8191D7E636A5}">
      <dgm:prSet phldrT="[Text]"/>
      <dgm:spPr>
        <a:solidFill>
          <a:schemeClr val="bg1">
            <a:lumMod val="85000"/>
          </a:schemeClr>
        </a:solidFill>
      </dgm:spPr>
      <dgm:t>
        <a:bodyPr/>
        <a:lstStyle/>
        <a:p>
          <a:r>
            <a:rPr lang="en-US" dirty="0"/>
            <a:t>Month 11</a:t>
          </a:r>
        </a:p>
      </dgm:t>
    </dgm:pt>
    <dgm:pt modelId="{83E0DB81-AC78-F54A-AD88-CA0BED9551DC}" type="parTrans" cxnId="{0AB0CC75-DA02-2A42-B2F6-267344D771A9}">
      <dgm:prSet/>
      <dgm:spPr/>
      <dgm:t>
        <a:bodyPr/>
        <a:lstStyle/>
        <a:p>
          <a:endParaRPr lang="en-US"/>
        </a:p>
      </dgm:t>
    </dgm:pt>
    <dgm:pt modelId="{8155EBE7-145D-3045-B4D5-A2FB590F3E70}" type="sibTrans" cxnId="{0AB0CC75-DA02-2A42-B2F6-267344D771A9}">
      <dgm:prSet/>
      <dgm:spPr/>
      <dgm:t>
        <a:bodyPr/>
        <a:lstStyle/>
        <a:p>
          <a:endParaRPr lang="en-US"/>
        </a:p>
      </dgm:t>
    </dgm:pt>
    <dgm:pt modelId="{924DCAD4-5F17-7C44-B591-115356CF3831}">
      <dgm:prSet phldrT="[Text]"/>
      <dgm:spPr>
        <a:solidFill>
          <a:schemeClr val="bg1">
            <a:lumMod val="85000"/>
          </a:schemeClr>
        </a:solidFill>
      </dgm:spPr>
      <dgm:t>
        <a:bodyPr/>
        <a:lstStyle/>
        <a:p>
          <a:r>
            <a:rPr lang="en-US" dirty="0"/>
            <a:t>Month 12</a:t>
          </a:r>
        </a:p>
      </dgm:t>
    </dgm:pt>
    <dgm:pt modelId="{9C4C81A4-0AE7-4641-9CC8-947D1A2983A6}" type="parTrans" cxnId="{FE42BEA0-E062-B84F-BAB1-7F499112563E}">
      <dgm:prSet/>
      <dgm:spPr/>
      <dgm:t>
        <a:bodyPr/>
        <a:lstStyle/>
        <a:p>
          <a:endParaRPr lang="en-US"/>
        </a:p>
      </dgm:t>
    </dgm:pt>
    <dgm:pt modelId="{17628B93-F602-0545-AA5B-7223EA392249}" type="sibTrans" cxnId="{FE42BEA0-E062-B84F-BAB1-7F499112563E}">
      <dgm:prSet/>
      <dgm:spPr/>
      <dgm:t>
        <a:bodyPr/>
        <a:lstStyle/>
        <a:p>
          <a:endParaRPr lang="en-US"/>
        </a:p>
      </dgm:t>
    </dgm:pt>
    <dgm:pt modelId="{9526696C-77A4-2E4A-B2BF-595A0BD10A5A}">
      <dgm:prSet phldrT="[Text]"/>
      <dgm:spPr>
        <a:solidFill>
          <a:schemeClr val="bg1">
            <a:lumMod val="85000"/>
          </a:schemeClr>
        </a:solidFill>
      </dgm:spPr>
      <dgm:t>
        <a:bodyPr/>
        <a:lstStyle/>
        <a:p>
          <a:r>
            <a:rPr lang="en-US" dirty="0"/>
            <a:t>Month 13</a:t>
          </a:r>
        </a:p>
      </dgm:t>
    </dgm:pt>
    <dgm:pt modelId="{F93A787D-C852-6A48-B2B9-37B4FCEEFC4F}" type="parTrans" cxnId="{E587FA4F-0298-7D49-AA47-120D1D293B5F}">
      <dgm:prSet/>
      <dgm:spPr/>
      <dgm:t>
        <a:bodyPr/>
        <a:lstStyle/>
        <a:p>
          <a:endParaRPr lang="en-US"/>
        </a:p>
      </dgm:t>
    </dgm:pt>
    <dgm:pt modelId="{62666BDA-35DD-0B48-ABAA-E680C661328D}" type="sibTrans" cxnId="{E587FA4F-0298-7D49-AA47-120D1D293B5F}">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13">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13">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13">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13">
        <dgm:presLayoutVars>
          <dgm:bulletEnabled val="1"/>
        </dgm:presLayoutVars>
      </dgm:prSet>
      <dgm:spPr/>
    </dgm:pt>
    <dgm:pt modelId="{4DB0A912-015E-F54B-AFCF-9E01D80BB765}" type="pres">
      <dgm:prSet presAssocID="{49C5F9F7-AE5F-B141-BC2C-2898192A370D}" presName="parSpace" presStyleCnt="0"/>
      <dgm:spPr/>
    </dgm:pt>
    <dgm:pt modelId="{C2359B7F-CB8F-EC42-B4C3-050C16F42CFD}" type="pres">
      <dgm:prSet presAssocID="{6BA70F3A-3D54-3141-8E3E-3D20B1879B93}" presName="parTxOnly" presStyleLbl="node1" presStyleIdx="4" presStyleCnt="13">
        <dgm:presLayoutVars>
          <dgm:bulletEnabled val="1"/>
        </dgm:presLayoutVars>
      </dgm:prSet>
      <dgm:spPr/>
    </dgm:pt>
    <dgm:pt modelId="{82048E63-EC94-1E41-82BD-0145FBEB2C86}" type="pres">
      <dgm:prSet presAssocID="{7E870EA2-3781-594E-8F5D-95942472EA9D}" presName="parSpace" presStyleCnt="0"/>
      <dgm:spPr/>
    </dgm:pt>
    <dgm:pt modelId="{7F02DCD0-1033-D447-9CA9-3DA883DF1990}" type="pres">
      <dgm:prSet presAssocID="{F5D6B3E2-133D-864D-BA93-91387FC82374}" presName="parTxOnly" presStyleLbl="node1" presStyleIdx="5" presStyleCnt="13">
        <dgm:presLayoutVars>
          <dgm:bulletEnabled val="1"/>
        </dgm:presLayoutVars>
      </dgm:prSet>
      <dgm:spPr/>
    </dgm:pt>
    <dgm:pt modelId="{498E2210-870F-2C42-9932-7E74816A0C53}" type="pres">
      <dgm:prSet presAssocID="{44E84D39-CD13-334E-BCF2-2797D0B4F2E6}" presName="parSpace" presStyleCnt="0"/>
      <dgm:spPr/>
    </dgm:pt>
    <dgm:pt modelId="{83154A96-9DD8-B74C-85EB-5A9EE8918262}" type="pres">
      <dgm:prSet presAssocID="{9CB8935A-9D49-BB44-BD1B-5119A1C1C5C0}" presName="parTxOnly" presStyleLbl="node1" presStyleIdx="6" presStyleCnt="13">
        <dgm:presLayoutVars>
          <dgm:bulletEnabled val="1"/>
        </dgm:presLayoutVars>
      </dgm:prSet>
      <dgm:spPr/>
    </dgm:pt>
    <dgm:pt modelId="{6014F0C3-AD36-5947-8A3C-24BCB6C96936}" type="pres">
      <dgm:prSet presAssocID="{6EB7D773-B2F7-E541-B389-686ED9293BAD}" presName="parSpace" presStyleCnt="0"/>
      <dgm:spPr/>
    </dgm:pt>
    <dgm:pt modelId="{AB78FE09-DB85-3D44-BEB2-B271C5B807E0}" type="pres">
      <dgm:prSet presAssocID="{E5B03628-D444-844F-BCA0-A700B7607177}" presName="parTxOnly" presStyleLbl="node1" presStyleIdx="7" presStyleCnt="13">
        <dgm:presLayoutVars>
          <dgm:bulletEnabled val="1"/>
        </dgm:presLayoutVars>
      </dgm:prSet>
      <dgm:spPr/>
    </dgm:pt>
    <dgm:pt modelId="{559D444F-CAA1-A941-87E3-C7CF056E6AE3}" type="pres">
      <dgm:prSet presAssocID="{01C091AE-C10D-B249-94E1-17CD3B07AFB3}" presName="parSpace" presStyleCnt="0"/>
      <dgm:spPr/>
    </dgm:pt>
    <dgm:pt modelId="{B504BB1E-0653-6843-9F8F-CEACB35BAC88}" type="pres">
      <dgm:prSet presAssocID="{D0893B01-BFF4-3647-A373-B7F1672DC978}" presName="parTxOnly" presStyleLbl="node1" presStyleIdx="8" presStyleCnt="13">
        <dgm:presLayoutVars>
          <dgm:bulletEnabled val="1"/>
        </dgm:presLayoutVars>
      </dgm:prSet>
      <dgm:spPr/>
    </dgm:pt>
    <dgm:pt modelId="{01ED2D9F-A9CD-C844-9DD1-0CF45462E718}" type="pres">
      <dgm:prSet presAssocID="{AD42D8B3-BD14-3540-AFF2-493D10E4E67F}" presName="parSpace" presStyleCnt="0"/>
      <dgm:spPr/>
    </dgm:pt>
    <dgm:pt modelId="{BB6E7E5B-38D0-734F-ADEE-B01CFC8F1C00}" type="pres">
      <dgm:prSet presAssocID="{23C19E56-3F53-8240-9F9D-37417F772BD6}" presName="parTxOnly" presStyleLbl="node1" presStyleIdx="9" presStyleCnt="13">
        <dgm:presLayoutVars>
          <dgm:bulletEnabled val="1"/>
        </dgm:presLayoutVars>
      </dgm:prSet>
      <dgm:spPr/>
    </dgm:pt>
    <dgm:pt modelId="{0925315D-1875-D64E-BBA8-FF115AE4C551}" type="pres">
      <dgm:prSet presAssocID="{E6D0CBD5-5A72-9349-B78B-755469DDA692}" presName="parSpace" presStyleCnt="0"/>
      <dgm:spPr/>
    </dgm:pt>
    <dgm:pt modelId="{45FF2AAE-E4F9-1846-BDA0-0BBA049F3E35}" type="pres">
      <dgm:prSet presAssocID="{BC4B1D52-AC7D-EF40-ADC2-8191D7E636A5}" presName="parTxOnly" presStyleLbl="node1" presStyleIdx="10" presStyleCnt="13">
        <dgm:presLayoutVars>
          <dgm:bulletEnabled val="1"/>
        </dgm:presLayoutVars>
      </dgm:prSet>
      <dgm:spPr/>
    </dgm:pt>
    <dgm:pt modelId="{7F5ACB1D-0434-A54D-9C8D-E6ECFB8A2E79}" type="pres">
      <dgm:prSet presAssocID="{8155EBE7-145D-3045-B4D5-A2FB590F3E70}" presName="parSpace" presStyleCnt="0"/>
      <dgm:spPr/>
    </dgm:pt>
    <dgm:pt modelId="{1B83875F-83A0-6F40-958B-283950257C57}" type="pres">
      <dgm:prSet presAssocID="{924DCAD4-5F17-7C44-B591-115356CF3831}" presName="parTxOnly" presStyleLbl="node1" presStyleIdx="11" presStyleCnt="13">
        <dgm:presLayoutVars>
          <dgm:bulletEnabled val="1"/>
        </dgm:presLayoutVars>
      </dgm:prSet>
      <dgm:spPr/>
    </dgm:pt>
    <dgm:pt modelId="{7FFCB684-24AD-D74B-AA57-13CD08687A8C}" type="pres">
      <dgm:prSet presAssocID="{17628B93-F602-0545-AA5B-7223EA392249}" presName="parSpace" presStyleCnt="0"/>
      <dgm:spPr/>
    </dgm:pt>
    <dgm:pt modelId="{BBB798EE-38F8-1F45-9421-49138A3A2230}" type="pres">
      <dgm:prSet presAssocID="{9526696C-77A4-2E4A-B2BF-595A0BD10A5A}" presName="parTxOnly" presStyleLbl="node1" presStyleIdx="12" presStyleCnt="13">
        <dgm:presLayoutVars>
          <dgm:bulletEnabled val="1"/>
        </dgm:presLayoutVars>
      </dgm:prSet>
      <dgm:spPr/>
    </dgm:pt>
  </dgm:ptLst>
  <dgm:cxnLst>
    <dgm:cxn modelId="{DAFE7402-91C8-B443-BDCA-0801A09D8F5E}" type="presOf" srcId="{9AABBBD2-5E5E-9A45-93E6-024DF8331810}" destId="{47904C27-172E-E045-91F3-8A5A0AC65125}" srcOrd="0" destOrd="0" presId="urn:microsoft.com/office/officeart/2005/8/layout/hChevron3"/>
    <dgm:cxn modelId="{74789902-A710-7342-B595-E18337A167D2}" type="presOf" srcId="{F5D6B3E2-133D-864D-BA93-91387FC82374}" destId="{7F02DCD0-1033-D447-9CA9-3DA883DF1990}" srcOrd="0" destOrd="0" presId="urn:microsoft.com/office/officeart/2005/8/layout/hChevron3"/>
    <dgm:cxn modelId="{CC55A804-0DEF-FD4D-81F2-FC6B44F2A893}" type="presOf" srcId="{E5B03628-D444-844F-BCA0-A700B7607177}" destId="{AB78FE09-DB85-3D44-BEB2-B271C5B807E0}" srcOrd="0" destOrd="0" presId="urn:microsoft.com/office/officeart/2005/8/layout/hChevron3"/>
    <dgm:cxn modelId="{5DB0FB0B-65F3-0F46-A113-5EAE2F0CC8A3}" type="presOf" srcId="{2E116C6B-C1B8-9143-8839-7BD327EF26AE}" destId="{0B98E2E4-7E61-BF45-9002-438D1AD64EC9}" srcOrd="0" destOrd="0" presId="urn:microsoft.com/office/officeart/2005/8/layout/hChevron3"/>
    <dgm:cxn modelId="{B116FC17-799C-8843-BD75-1D37A9179AF6}" srcId="{BFB1C713-2822-0642-971D-67D8852E3364}" destId="{23C19E56-3F53-8240-9F9D-37417F772BD6}" srcOrd="9" destOrd="0" parTransId="{FC01C80A-BFFC-E441-BD6B-C2CE3754BC59}" sibTransId="{E6D0CBD5-5A72-9349-B78B-755469DDA692}"/>
    <dgm:cxn modelId="{173B361E-289D-A44B-847D-7C5B38C02833}" type="presOf" srcId="{924DCAD4-5F17-7C44-B591-115356CF3831}" destId="{1B83875F-83A0-6F40-958B-283950257C57}" srcOrd="0" destOrd="0" presId="urn:microsoft.com/office/officeart/2005/8/layout/hChevron3"/>
    <dgm:cxn modelId="{B088E225-C870-0E47-B562-A50208D1A5EF}" srcId="{BFB1C713-2822-0642-971D-67D8852E3364}" destId="{65895D85-F9BC-9E43-8AC6-DA68BD2EBB0C}" srcOrd="1" destOrd="0" parTransId="{C80ABF91-119F-AD4D-A6A0-73F9DDED4537}" sibTransId="{9A502B5C-347D-DB42-83C5-CA2D69447932}"/>
    <dgm:cxn modelId="{9D32DE28-61BA-F744-846F-09D5DEFB0AE9}" srcId="{BFB1C713-2822-0642-971D-67D8852E3364}" destId="{9CB8935A-9D49-BB44-BD1B-5119A1C1C5C0}" srcOrd="6" destOrd="0" parTransId="{3EDA7E4D-DE64-544F-9589-AFE692B28099}" sibTransId="{6EB7D773-B2F7-E541-B389-686ED9293BAD}"/>
    <dgm:cxn modelId="{31D2073D-BAC2-E741-8362-8F8703223972}" srcId="{BFB1C713-2822-0642-971D-67D8852E3364}" destId="{201FA7D1-4673-164B-A870-07B69404D1D4}" srcOrd="3" destOrd="0" parTransId="{AA15B90E-7C06-A54F-AD91-0DC8E0016736}" sibTransId="{49C5F9F7-AE5F-B141-BC2C-2898192A370D}"/>
    <dgm:cxn modelId="{2036C94A-7B3A-9643-A5B0-6B5392A07E34}" type="presOf" srcId="{9526696C-77A4-2E4A-B2BF-595A0BD10A5A}" destId="{BBB798EE-38F8-1F45-9421-49138A3A2230}" srcOrd="0" destOrd="0" presId="urn:microsoft.com/office/officeart/2005/8/layout/hChevron3"/>
    <dgm:cxn modelId="{E587FA4F-0298-7D49-AA47-120D1D293B5F}" srcId="{BFB1C713-2822-0642-971D-67D8852E3364}" destId="{9526696C-77A4-2E4A-B2BF-595A0BD10A5A}" srcOrd="12" destOrd="0" parTransId="{F93A787D-C852-6A48-B2B9-37B4FCEEFC4F}" sibTransId="{62666BDA-35DD-0B48-ABAA-E680C661328D}"/>
    <dgm:cxn modelId="{6DA81650-4740-2F40-989B-245A3E2BE897}" srcId="{BFB1C713-2822-0642-971D-67D8852E3364}" destId="{D0893B01-BFF4-3647-A373-B7F1672DC978}" srcOrd="8" destOrd="0" parTransId="{AF1AA3F2-1844-F342-99D9-D4850E230535}" sibTransId="{AD42D8B3-BD14-3540-AFF2-493D10E4E67F}"/>
    <dgm:cxn modelId="{427E5151-B06D-6C45-8577-1F94AA42F71C}" type="presOf" srcId="{6BA70F3A-3D54-3141-8E3E-3D20B1879B93}" destId="{C2359B7F-CB8F-EC42-B4C3-050C16F42CFD}" srcOrd="0" destOrd="0" presId="urn:microsoft.com/office/officeart/2005/8/layout/hChevron3"/>
    <dgm:cxn modelId="{74BED55A-208D-D840-B946-1DE1DAB04548}" type="presOf" srcId="{201FA7D1-4673-164B-A870-07B69404D1D4}" destId="{E569B5B3-1E70-B741-AAA2-79F249C73546}" srcOrd="0" destOrd="0" presId="urn:microsoft.com/office/officeart/2005/8/layout/hChevron3"/>
    <dgm:cxn modelId="{136F216F-F1F9-B24A-8EB5-995E6A48E6E8}" srcId="{BFB1C713-2822-0642-971D-67D8852E3364}" destId="{F5D6B3E2-133D-864D-BA93-91387FC82374}" srcOrd="5" destOrd="0" parTransId="{A2ACC591-70E1-A64F-ACB2-35050E032A5D}" sibTransId="{44E84D39-CD13-334E-BCF2-2797D0B4F2E6}"/>
    <dgm:cxn modelId="{9C156B70-9915-584C-9B6A-D7EDF22D12B4}" srcId="{BFB1C713-2822-0642-971D-67D8852E3364}" destId="{9AABBBD2-5E5E-9A45-93E6-024DF8331810}" srcOrd="2" destOrd="0" parTransId="{8DE9B082-385A-054E-805A-93D0B928988D}" sibTransId="{7E92C188-48A2-A24E-9626-10646C9B8C4C}"/>
    <dgm:cxn modelId="{9AE2FE71-0E53-784C-B20C-FD6C344C1F9E}" type="presOf" srcId="{D0893B01-BFF4-3647-A373-B7F1672DC978}" destId="{B504BB1E-0653-6843-9F8F-CEACB35BAC88}" srcOrd="0" destOrd="0" presId="urn:microsoft.com/office/officeart/2005/8/layout/hChevron3"/>
    <dgm:cxn modelId="{0AB0CC75-DA02-2A42-B2F6-267344D771A9}" srcId="{BFB1C713-2822-0642-971D-67D8852E3364}" destId="{BC4B1D52-AC7D-EF40-ADC2-8191D7E636A5}" srcOrd="10" destOrd="0" parTransId="{83E0DB81-AC78-F54A-AD88-CA0BED9551DC}" sibTransId="{8155EBE7-145D-3045-B4D5-A2FB590F3E70}"/>
    <dgm:cxn modelId="{B5A89290-E25F-8B44-AD1D-0769AF918FCB}" srcId="{BFB1C713-2822-0642-971D-67D8852E3364}" destId="{2E116C6B-C1B8-9143-8839-7BD327EF26AE}" srcOrd="0" destOrd="0" parTransId="{5E426208-14FB-3E44-B270-31A7C637ADFD}" sibTransId="{DDBD4537-9A4A-BD43-ACD0-8C0F074CEBB7}"/>
    <dgm:cxn modelId="{FE42BEA0-E062-B84F-BAB1-7F499112563E}" srcId="{BFB1C713-2822-0642-971D-67D8852E3364}" destId="{924DCAD4-5F17-7C44-B591-115356CF3831}" srcOrd="11" destOrd="0" parTransId="{9C4C81A4-0AE7-4641-9CC8-947D1A2983A6}" sibTransId="{17628B93-F602-0545-AA5B-7223EA392249}"/>
    <dgm:cxn modelId="{A2C11CA5-6CBE-7548-9C09-D06A89C2EC8C}" srcId="{BFB1C713-2822-0642-971D-67D8852E3364}" destId="{E5B03628-D444-844F-BCA0-A700B7607177}" srcOrd="7" destOrd="0" parTransId="{3AE3AD21-8F1A-564D-91F7-4C4E0785B2B2}" sibTransId="{01C091AE-C10D-B249-94E1-17CD3B07AFB3}"/>
    <dgm:cxn modelId="{C807B5AF-38FB-1E4B-8880-8D5C7763A22B}" type="presOf" srcId="{9CB8935A-9D49-BB44-BD1B-5119A1C1C5C0}" destId="{83154A96-9DD8-B74C-85EB-5A9EE8918262}" srcOrd="0" destOrd="0" presId="urn:microsoft.com/office/officeart/2005/8/layout/hChevron3"/>
    <dgm:cxn modelId="{C643E0C0-94E1-9345-B4BE-9685BD2739CD}" srcId="{BFB1C713-2822-0642-971D-67D8852E3364}" destId="{6BA70F3A-3D54-3141-8E3E-3D20B1879B93}" srcOrd="4" destOrd="0" parTransId="{0C567076-8DF7-DE4A-A0EB-341373F865F0}" sibTransId="{7E870EA2-3781-594E-8F5D-95942472EA9D}"/>
    <dgm:cxn modelId="{C14500D2-922C-ED4E-B6DA-C5EB46DA3F1F}" type="presOf" srcId="{BC4B1D52-AC7D-EF40-ADC2-8191D7E636A5}" destId="{45FF2AAE-E4F9-1846-BDA0-0BBA049F3E35}" srcOrd="0" destOrd="0" presId="urn:microsoft.com/office/officeart/2005/8/layout/hChevron3"/>
    <dgm:cxn modelId="{B52892DB-7D4E-764C-8E3A-A6FEFC33BB50}" type="presOf" srcId="{BFB1C713-2822-0642-971D-67D8852E3364}" destId="{82E90554-E42A-5248-935B-DE2F8293B9CB}" srcOrd="0" destOrd="0" presId="urn:microsoft.com/office/officeart/2005/8/layout/hChevron3"/>
    <dgm:cxn modelId="{723B8FDC-F1EE-874D-BB3F-6A01044A7B7F}" type="presOf" srcId="{23C19E56-3F53-8240-9F9D-37417F772BD6}" destId="{BB6E7E5B-38D0-734F-ADEE-B01CFC8F1C00}" srcOrd="0" destOrd="0" presId="urn:microsoft.com/office/officeart/2005/8/layout/hChevron3"/>
    <dgm:cxn modelId="{0818D2E1-E0C5-3549-9619-E1A02380F117}" type="presOf" srcId="{65895D85-F9BC-9E43-8AC6-DA68BD2EBB0C}" destId="{91F73428-6E2C-1848-8C4C-42EAFE35EB4F}" srcOrd="0" destOrd="0" presId="urn:microsoft.com/office/officeart/2005/8/layout/hChevron3"/>
    <dgm:cxn modelId="{A3656F49-7EA6-2C4E-BF44-96EA80605E2D}" type="presParOf" srcId="{82E90554-E42A-5248-935B-DE2F8293B9CB}" destId="{0B98E2E4-7E61-BF45-9002-438D1AD64EC9}" srcOrd="0" destOrd="0" presId="urn:microsoft.com/office/officeart/2005/8/layout/hChevron3"/>
    <dgm:cxn modelId="{26A7D80F-6116-9D48-A1B6-FBAF8CC048EE}" type="presParOf" srcId="{82E90554-E42A-5248-935B-DE2F8293B9CB}" destId="{C0E157E5-CE26-1542-8B42-34971273D584}" srcOrd="1" destOrd="0" presId="urn:microsoft.com/office/officeart/2005/8/layout/hChevron3"/>
    <dgm:cxn modelId="{CA793954-6DB8-8349-A3F0-D9A3F50C00EC}" type="presParOf" srcId="{82E90554-E42A-5248-935B-DE2F8293B9CB}" destId="{91F73428-6E2C-1848-8C4C-42EAFE35EB4F}" srcOrd="2" destOrd="0" presId="urn:microsoft.com/office/officeart/2005/8/layout/hChevron3"/>
    <dgm:cxn modelId="{DDE3C493-57E2-244F-8C56-6A5865019785}" type="presParOf" srcId="{82E90554-E42A-5248-935B-DE2F8293B9CB}" destId="{5E3365C3-A6F2-2C40-A058-F759206C8753}" srcOrd="3" destOrd="0" presId="urn:microsoft.com/office/officeart/2005/8/layout/hChevron3"/>
    <dgm:cxn modelId="{59D163CE-E2D8-224C-8381-6A2FDAACB299}" type="presParOf" srcId="{82E90554-E42A-5248-935B-DE2F8293B9CB}" destId="{47904C27-172E-E045-91F3-8A5A0AC65125}" srcOrd="4" destOrd="0" presId="urn:microsoft.com/office/officeart/2005/8/layout/hChevron3"/>
    <dgm:cxn modelId="{83CB1908-592F-B745-8E32-0F0C02D0A1D4}" type="presParOf" srcId="{82E90554-E42A-5248-935B-DE2F8293B9CB}" destId="{037E5992-A1C2-114D-89BB-8FFC76AE48FF}" srcOrd="5" destOrd="0" presId="urn:microsoft.com/office/officeart/2005/8/layout/hChevron3"/>
    <dgm:cxn modelId="{5A41F765-5083-6C45-BF59-5BB54E4941EA}" type="presParOf" srcId="{82E90554-E42A-5248-935B-DE2F8293B9CB}" destId="{E569B5B3-1E70-B741-AAA2-79F249C73546}" srcOrd="6" destOrd="0" presId="urn:microsoft.com/office/officeart/2005/8/layout/hChevron3"/>
    <dgm:cxn modelId="{DD53B0DD-9AF6-2F4E-8ECE-C849041752C0}" type="presParOf" srcId="{82E90554-E42A-5248-935B-DE2F8293B9CB}" destId="{4DB0A912-015E-F54B-AFCF-9E01D80BB765}" srcOrd="7" destOrd="0" presId="urn:microsoft.com/office/officeart/2005/8/layout/hChevron3"/>
    <dgm:cxn modelId="{208F656A-9D58-114B-A455-1C6F46F73CEA}" type="presParOf" srcId="{82E90554-E42A-5248-935B-DE2F8293B9CB}" destId="{C2359B7F-CB8F-EC42-B4C3-050C16F42CFD}" srcOrd="8" destOrd="0" presId="urn:microsoft.com/office/officeart/2005/8/layout/hChevron3"/>
    <dgm:cxn modelId="{47137E7C-D94E-C646-922D-2E940B43BE54}" type="presParOf" srcId="{82E90554-E42A-5248-935B-DE2F8293B9CB}" destId="{82048E63-EC94-1E41-82BD-0145FBEB2C86}" srcOrd="9" destOrd="0" presId="urn:microsoft.com/office/officeart/2005/8/layout/hChevron3"/>
    <dgm:cxn modelId="{A3F18044-B150-774E-983F-606616B448B6}" type="presParOf" srcId="{82E90554-E42A-5248-935B-DE2F8293B9CB}" destId="{7F02DCD0-1033-D447-9CA9-3DA883DF1990}" srcOrd="10" destOrd="0" presId="urn:microsoft.com/office/officeart/2005/8/layout/hChevron3"/>
    <dgm:cxn modelId="{18816170-4015-1E4E-8AF5-AA03CF8D7900}" type="presParOf" srcId="{82E90554-E42A-5248-935B-DE2F8293B9CB}" destId="{498E2210-870F-2C42-9932-7E74816A0C53}" srcOrd="11" destOrd="0" presId="urn:microsoft.com/office/officeart/2005/8/layout/hChevron3"/>
    <dgm:cxn modelId="{27FA156E-8883-F241-BE77-7FA94EEAC095}" type="presParOf" srcId="{82E90554-E42A-5248-935B-DE2F8293B9CB}" destId="{83154A96-9DD8-B74C-85EB-5A9EE8918262}" srcOrd="12" destOrd="0" presId="urn:microsoft.com/office/officeart/2005/8/layout/hChevron3"/>
    <dgm:cxn modelId="{A2774972-8320-4F40-923E-F4F511EA14E3}" type="presParOf" srcId="{82E90554-E42A-5248-935B-DE2F8293B9CB}" destId="{6014F0C3-AD36-5947-8A3C-24BCB6C96936}" srcOrd="13" destOrd="0" presId="urn:microsoft.com/office/officeart/2005/8/layout/hChevron3"/>
    <dgm:cxn modelId="{6B825224-DBF8-8549-885E-E341E3D0C160}" type="presParOf" srcId="{82E90554-E42A-5248-935B-DE2F8293B9CB}" destId="{AB78FE09-DB85-3D44-BEB2-B271C5B807E0}" srcOrd="14" destOrd="0" presId="urn:microsoft.com/office/officeart/2005/8/layout/hChevron3"/>
    <dgm:cxn modelId="{6D891284-1EBD-4A48-B4B1-B500FCF952E6}" type="presParOf" srcId="{82E90554-E42A-5248-935B-DE2F8293B9CB}" destId="{559D444F-CAA1-A941-87E3-C7CF056E6AE3}" srcOrd="15" destOrd="0" presId="urn:microsoft.com/office/officeart/2005/8/layout/hChevron3"/>
    <dgm:cxn modelId="{5AF98DD2-8BCF-F04A-A09A-20DE29A2DFBC}" type="presParOf" srcId="{82E90554-E42A-5248-935B-DE2F8293B9CB}" destId="{B504BB1E-0653-6843-9F8F-CEACB35BAC88}" srcOrd="16" destOrd="0" presId="urn:microsoft.com/office/officeart/2005/8/layout/hChevron3"/>
    <dgm:cxn modelId="{CD405194-68F6-0941-B0FC-509E773E1D4D}" type="presParOf" srcId="{82E90554-E42A-5248-935B-DE2F8293B9CB}" destId="{01ED2D9F-A9CD-C844-9DD1-0CF45462E718}" srcOrd="17" destOrd="0" presId="urn:microsoft.com/office/officeart/2005/8/layout/hChevron3"/>
    <dgm:cxn modelId="{9FFB9D48-ABCF-EE44-ABDB-31AFE4C4D835}" type="presParOf" srcId="{82E90554-E42A-5248-935B-DE2F8293B9CB}" destId="{BB6E7E5B-38D0-734F-ADEE-B01CFC8F1C00}" srcOrd="18" destOrd="0" presId="urn:microsoft.com/office/officeart/2005/8/layout/hChevron3"/>
    <dgm:cxn modelId="{A125C5D9-2AD3-E844-8595-6A6F847D62B8}" type="presParOf" srcId="{82E90554-E42A-5248-935B-DE2F8293B9CB}" destId="{0925315D-1875-D64E-BBA8-FF115AE4C551}" srcOrd="19" destOrd="0" presId="urn:microsoft.com/office/officeart/2005/8/layout/hChevron3"/>
    <dgm:cxn modelId="{C42935E6-82DC-0D43-B54C-50A170D42B60}" type="presParOf" srcId="{82E90554-E42A-5248-935B-DE2F8293B9CB}" destId="{45FF2AAE-E4F9-1846-BDA0-0BBA049F3E35}" srcOrd="20" destOrd="0" presId="urn:microsoft.com/office/officeart/2005/8/layout/hChevron3"/>
    <dgm:cxn modelId="{C71EAC61-DE6D-D24C-84B8-EC4937319BF0}" type="presParOf" srcId="{82E90554-E42A-5248-935B-DE2F8293B9CB}" destId="{7F5ACB1D-0434-A54D-9C8D-E6ECFB8A2E79}" srcOrd="21" destOrd="0" presId="urn:microsoft.com/office/officeart/2005/8/layout/hChevron3"/>
    <dgm:cxn modelId="{B5049F68-7514-AA4B-8272-5DF30645EE8D}" type="presParOf" srcId="{82E90554-E42A-5248-935B-DE2F8293B9CB}" destId="{1B83875F-83A0-6F40-958B-283950257C57}" srcOrd="22" destOrd="0" presId="urn:microsoft.com/office/officeart/2005/8/layout/hChevron3"/>
    <dgm:cxn modelId="{ED41E083-0CD5-9646-9E35-99C3A92F82E2}" type="presParOf" srcId="{82E90554-E42A-5248-935B-DE2F8293B9CB}" destId="{7FFCB684-24AD-D74B-AA57-13CD08687A8C}" srcOrd="23" destOrd="0" presId="urn:microsoft.com/office/officeart/2005/8/layout/hChevron3"/>
    <dgm:cxn modelId="{ACCB9CB5-D5FC-AE4D-876B-B9B3E714E7D5}" type="presParOf" srcId="{82E90554-E42A-5248-935B-DE2F8293B9CB}" destId="{BBB798EE-38F8-1F45-9421-49138A3A2230}" srcOrd="24" destOrd="0" presId="urn:microsoft.com/office/officeart/2005/8/layout/hChevron3"/>
  </dgm:cxnLst>
  <dgm:bg/>
  <dgm:whole/>
  <dgm:extLst>
    <a:ext uri="http://schemas.microsoft.com/office/drawing/2008/diagram">
      <dsp:dataModelExt xmlns:dsp="http://schemas.microsoft.com/office/drawing/2008/diagram" relId="rId11" minVer="http://schemas.openxmlformats.org/drawingml/2006/diagram"/>
    </a:ext>
  </dgm:extLst>
</dgm:dataModel>
</file>

<file path=ppt/diagrams/data13.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4_5" csCatId="accent4" phldr="1"/>
      <dgm:spPr/>
    </dgm:pt>
    <dgm:pt modelId="{2E116C6B-C1B8-9143-8839-7BD327EF26AE}">
      <dgm:prSet phldrT="[Text]"/>
      <dgm:spPr>
        <a:solidFill>
          <a:schemeClr val="accent2"/>
        </a:solidFill>
      </dgm:spPr>
      <dgm:t>
        <a:bodyPr/>
        <a:lstStyle/>
        <a:p>
          <a:r>
            <a:rPr lang="en-US" dirty="0"/>
            <a:t>Month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dgm:t>
        <a:bodyPr/>
        <a:lstStyle/>
        <a:p>
          <a:r>
            <a:rPr lang="en-US" dirty="0"/>
            <a:t>Month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dgm:t>
        <a:bodyPr/>
        <a:lstStyle/>
        <a:p>
          <a:r>
            <a:rPr lang="en-US" dirty="0"/>
            <a:t>Month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dgm:t>
        <a:bodyPr/>
        <a:lstStyle/>
        <a:p>
          <a:r>
            <a:rPr lang="en-US" dirty="0"/>
            <a:t>Month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6BA70F3A-3D54-3141-8E3E-3D20B1879B93}">
      <dgm:prSet phldrT="[Text]"/>
      <dgm:spPr/>
      <dgm:t>
        <a:bodyPr/>
        <a:lstStyle/>
        <a:p>
          <a:r>
            <a:rPr lang="en-US" dirty="0"/>
            <a:t>Month 5</a:t>
          </a:r>
        </a:p>
      </dgm:t>
    </dgm:pt>
    <dgm:pt modelId="{0C567076-8DF7-DE4A-A0EB-341373F865F0}" type="parTrans" cxnId="{C643E0C0-94E1-9345-B4BE-9685BD2739CD}">
      <dgm:prSet/>
      <dgm:spPr/>
      <dgm:t>
        <a:bodyPr/>
        <a:lstStyle/>
        <a:p>
          <a:endParaRPr lang="en-US"/>
        </a:p>
      </dgm:t>
    </dgm:pt>
    <dgm:pt modelId="{7E870EA2-3781-594E-8F5D-95942472EA9D}" type="sibTrans" cxnId="{C643E0C0-94E1-9345-B4BE-9685BD2739CD}">
      <dgm:prSet/>
      <dgm:spPr/>
      <dgm:t>
        <a:bodyPr/>
        <a:lstStyle/>
        <a:p>
          <a:endParaRPr lang="en-US"/>
        </a:p>
      </dgm:t>
    </dgm:pt>
    <dgm:pt modelId="{F5D6B3E2-133D-864D-BA93-91387FC82374}">
      <dgm:prSet phldrT="[Text]"/>
      <dgm:spPr/>
      <dgm:t>
        <a:bodyPr/>
        <a:lstStyle/>
        <a:p>
          <a:r>
            <a:rPr lang="en-US" dirty="0"/>
            <a:t>Month 6</a:t>
          </a:r>
        </a:p>
      </dgm:t>
    </dgm:pt>
    <dgm:pt modelId="{A2ACC591-70E1-A64F-ACB2-35050E032A5D}" type="parTrans" cxnId="{136F216F-F1F9-B24A-8EB5-995E6A48E6E8}">
      <dgm:prSet/>
      <dgm:spPr/>
      <dgm:t>
        <a:bodyPr/>
        <a:lstStyle/>
        <a:p>
          <a:endParaRPr lang="en-US"/>
        </a:p>
      </dgm:t>
    </dgm:pt>
    <dgm:pt modelId="{44E84D39-CD13-334E-BCF2-2797D0B4F2E6}" type="sibTrans" cxnId="{136F216F-F1F9-B24A-8EB5-995E6A48E6E8}">
      <dgm:prSet/>
      <dgm:spPr/>
      <dgm:t>
        <a:bodyPr/>
        <a:lstStyle/>
        <a:p>
          <a:endParaRPr lang="en-US"/>
        </a:p>
      </dgm:t>
    </dgm:pt>
    <dgm:pt modelId="{9CB8935A-9D49-BB44-BD1B-5119A1C1C5C0}">
      <dgm:prSet phldrT="[Text]"/>
      <dgm:spPr/>
      <dgm:t>
        <a:bodyPr/>
        <a:lstStyle/>
        <a:p>
          <a:r>
            <a:rPr lang="en-US" dirty="0"/>
            <a:t>Month 7</a:t>
          </a:r>
        </a:p>
      </dgm:t>
    </dgm:pt>
    <dgm:pt modelId="{3EDA7E4D-DE64-544F-9589-AFE692B28099}" type="parTrans" cxnId="{9D32DE28-61BA-F744-846F-09D5DEFB0AE9}">
      <dgm:prSet/>
      <dgm:spPr/>
      <dgm:t>
        <a:bodyPr/>
        <a:lstStyle/>
        <a:p>
          <a:endParaRPr lang="en-US"/>
        </a:p>
      </dgm:t>
    </dgm:pt>
    <dgm:pt modelId="{6EB7D773-B2F7-E541-B389-686ED9293BAD}" type="sibTrans" cxnId="{9D32DE28-61BA-F744-846F-09D5DEFB0AE9}">
      <dgm:prSet/>
      <dgm:spPr/>
      <dgm:t>
        <a:bodyPr/>
        <a:lstStyle/>
        <a:p>
          <a:endParaRPr lang="en-US"/>
        </a:p>
      </dgm:t>
    </dgm:pt>
    <dgm:pt modelId="{E5B03628-D444-844F-BCA0-A700B7607177}">
      <dgm:prSet phldrT="[Text]"/>
      <dgm:spPr/>
      <dgm:t>
        <a:bodyPr/>
        <a:lstStyle/>
        <a:p>
          <a:r>
            <a:rPr lang="en-US" dirty="0"/>
            <a:t>Month 8</a:t>
          </a:r>
        </a:p>
      </dgm:t>
    </dgm:pt>
    <dgm:pt modelId="{3AE3AD21-8F1A-564D-91F7-4C4E0785B2B2}" type="parTrans" cxnId="{A2C11CA5-6CBE-7548-9C09-D06A89C2EC8C}">
      <dgm:prSet/>
      <dgm:spPr/>
      <dgm:t>
        <a:bodyPr/>
        <a:lstStyle/>
        <a:p>
          <a:endParaRPr lang="en-US"/>
        </a:p>
      </dgm:t>
    </dgm:pt>
    <dgm:pt modelId="{01C091AE-C10D-B249-94E1-17CD3B07AFB3}" type="sibTrans" cxnId="{A2C11CA5-6CBE-7548-9C09-D06A89C2EC8C}">
      <dgm:prSet/>
      <dgm:spPr/>
      <dgm:t>
        <a:bodyPr/>
        <a:lstStyle/>
        <a:p>
          <a:endParaRPr lang="en-US"/>
        </a:p>
      </dgm:t>
    </dgm:pt>
    <dgm:pt modelId="{D0893B01-BFF4-3647-A373-B7F1672DC978}">
      <dgm:prSet phldrT="[Text]"/>
      <dgm:spPr/>
      <dgm:t>
        <a:bodyPr/>
        <a:lstStyle/>
        <a:p>
          <a:r>
            <a:rPr lang="en-US" dirty="0"/>
            <a:t>Month 9</a:t>
          </a:r>
        </a:p>
      </dgm:t>
    </dgm:pt>
    <dgm:pt modelId="{AF1AA3F2-1844-F342-99D9-D4850E230535}" type="parTrans" cxnId="{6DA81650-4740-2F40-989B-245A3E2BE897}">
      <dgm:prSet/>
      <dgm:spPr/>
      <dgm:t>
        <a:bodyPr/>
        <a:lstStyle/>
        <a:p>
          <a:endParaRPr lang="en-US"/>
        </a:p>
      </dgm:t>
    </dgm:pt>
    <dgm:pt modelId="{AD42D8B3-BD14-3540-AFF2-493D10E4E67F}" type="sibTrans" cxnId="{6DA81650-4740-2F40-989B-245A3E2BE897}">
      <dgm:prSet/>
      <dgm:spPr/>
      <dgm:t>
        <a:bodyPr/>
        <a:lstStyle/>
        <a:p>
          <a:endParaRPr lang="en-US"/>
        </a:p>
      </dgm:t>
    </dgm:pt>
    <dgm:pt modelId="{23C19E56-3F53-8240-9F9D-37417F772BD6}">
      <dgm:prSet phldrT="[Text]"/>
      <dgm:spPr/>
      <dgm:t>
        <a:bodyPr/>
        <a:lstStyle/>
        <a:p>
          <a:r>
            <a:rPr lang="en-US" dirty="0"/>
            <a:t>Month 10</a:t>
          </a:r>
        </a:p>
      </dgm:t>
    </dgm:pt>
    <dgm:pt modelId="{FC01C80A-BFFC-E441-BD6B-C2CE3754BC59}" type="parTrans" cxnId="{B116FC17-799C-8843-BD75-1D37A9179AF6}">
      <dgm:prSet/>
      <dgm:spPr/>
      <dgm:t>
        <a:bodyPr/>
        <a:lstStyle/>
        <a:p>
          <a:endParaRPr lang="en-US"/>
        </a:p>
      </dgm:t>
    </dgm:pt>
    <dgm:pt modelId="{E6D0CBD5-5A72-9349-B78B-755469DDA692}" type="sibTrans" cxnId="{B116FC17-799C-8843-BD75-1D37A9179AF6}">
      <dgm:prSet/>
      <dgm:spPr/>
      <dgm:t>
        <a:bodyPr/>
        <a:lstStyle/>
        <a:p>
          <a:endParaRPr lang="en-US"/>
        </a:p>
      </dgm:t>
    </dgm:pt>
    <dgm:pt modelId="{BC4B1D52-AC7D-EF40-ADC2-8191D7E636A5}">
      <dgm:prSet phldrT="[Text]"/>
      <dgm:spPr/>
      <dgm:t>
        <a:bodyPr/>
        <a:lstStyle/>
        <a:p>
          <a:r>
            <a:rPr lang="en-US" dirty="0"/>
            <a:t>Month 11</a:t>
          </a:r>
        </a:p>
      </dgm:t>
    </dgm:pt>
    <dgm:pt modelId="{83E0DB81-AC78-F54A-AD88-CA0BED9551DC}" type="parTrans" cxnId="{0AB0CC75-DA02-2A42-B2F6-267344D771A9}">
      <dgm:prSet/>
      <dgm:spPr/>
      <dgm:t>
        <a:bodyPr/>
        <a:lstStyle/>
        <a:p>
          <a:endParaRPr lang="en-US"/>
        </a:p>
      </dgm:t>
    </dgm:pt>
    <dgm:pt modelId="{8155EBE7-145D-3045-B4D5-A2FB590F3E70}" type="sibTrans" cxnId="{0AB0CC75-DA02-2A42-B2F6-267344D771A9}">
      <dgm:prSet/>
      <dgm:spPr/>
      <dgm:t>
        <a:bodyPr/>
        <a:lstStyle/>
        <a:p>
          <a:endParaRPr lang="en-US"/>
        </a:p>
      </dgm:t>
    </dgm:pt>
    <dgm:pt modelId="{924DCAD4-5F17-7C44-B591-115356CF3831}">
      <dgm:prSet phldrT="[Text]"/>
      <dgm:spPr/>
      <dgm:t>
        <a:bodyPr/>
        <a:lstStyle/>
        <a:p>
          <a:r>
            <a:rPr lang="en-US" dirty="0"/>
            <a:t>Month 12</a:t>
          </a:r>
        </a:p>
      </dgm:t>
    </dgm:pt>
    <dgm:pt modelId="{9C4C81A4-0AE7-4641-9CC8-947D1A2983A6}" type="parTrans" cxnId="{FE42BEA0-E062-B84F-BAB1-7F499112563E}">
      <dgm:prSet/>
      <dgm:spPr/>
      <dgm:t>
        <a:bodyPr/>
        <a:lstStyle/>
        <a:p>
          <a:endParaRPr lang="en-US"/>
        </a:p>
      </dgm:t>
    </dgm:pt>
    <dgm:pt modelId="{17628B93-F602-0545-AA5B-7223EA392249}" type="sibTrans" cxnId="{FE42BEA0-E062-B84F-BAB1-7F499112563E}">
      <dgm:prSet/>
      <dgm:spPr/>
      <dgm:t>
        <a:bodyPr/>
        <a:lstStyle/>
        <a:p>
          <a:endParaRPr lang="en-US"/>
        </a:p>
      </dgm:t>
    </dgm:pt>
    <dgm:pt modelId="{D9CB18D2-92C4-D04E-9E97-760BBBAD9BB5}">
      <dgm:prSet phldrT="[Text]"/>
      <dgm:spPr>
        <a:solidFill>
          <a:schemeClr val="accent2">
            <a:lumMod val="60000"/>
            <a:lumOff val="40000"/>
          </a:schemeClr>
        </a:solidFill>
      </dgm:spPr>
      <dgm:t>
        <a:bodyPr/>
        <a:lstStyle/>
        <a:p>
          <a:r>
            <a:rPr lang="en-US" dirty="0"/>
            <a:t>Month 13</a:t>
          </a:r>
        </a:p>
      </dgm:t>
    </dgm:pt>
    <dgm:pt modelId="{76E1D242-40BB-F746-8931-79F5A4FDF008}" type="parTrans" cxnId="{6B686C27-1D33-C847-AD2D-0B1E68F56A4D}">
      <dgm:prSet/>
      <dgm:spPr/>
      <dgm:t>
        <a:bodyPr/>
        <a:lstStyle/>
        <a:p>
          <a:endParaRPr lang="en-US"/>
        </a:p>
      </dgm:t>
    </dgm:pt>
    <dgm:pt modelId="{6D9A4214-BC40-1C44-BB23-8875060CEDE8}" type="sibTrans" cxnId="{6B686C27-1D33-C847-AD2D-0B1E68F56A4D}">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13">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13">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13">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13">
        <dgm:presLayoutVars>
          <dgm:bulletEnabled val="1"/>
        </dgm:presLayoutVars>
      </dgm:prSet>
      <dgm:spPr/>
    </dgm:pt>
    <dgm:pt modelId="{4DB0A912-015E-F54B-AFCF-9E01D80BB765}" type="pres">
      <dgm:prSet presAssocID="{49C5F9F7-AE5F-B141-BC2C-2898192A370D}" presName="parSpace" presStyleCnt="0"/>
      <dgm:spPr/>
    </dgm:pt>
    <dgm:pt modelId="{C2359B7F-CB8F-EC42-B4C3-050C16F42CFD}" type="pres">
      <dgm:prSet presAssocID="{6BA70F3A-3D54-3141-8E3E-3D20B1879B93}" presName="parTxOnly" presStyleLbl="node1" presStyleIdx="4" presStyleCnt="13">
        <dgm:presLayoutVars>
          <dgm:bulletEnabled val="1"/>
        </dgm:presLayoutVars>
      </dgm:prSet>
      <dgm:spPr/>
    </dgm:pt>
    <dgm:pt modelId="{82048E63-EC94-1E41-82BD-0145FBEB2C86}" type="pres">
      <dgm:prSet presAssocID="{7E870EA2-3781-594E-8F5D-95942472EA9D}" presName="parSpace" presStyleCnt="0"/>
      <dgm:spPr/>
    </dgm:pt>
    <dgm:pt modelId="{7F02DCD0-1033-D447-9CA9-3DA883DF1990}" type="pres">
      <dgm:prSet presAssocID="{F5D6B3E2-133D-864D-BA93-91387FC82374}" presName="parTxOnly" presStyleLbl="node1" presStyleIdx="5" presStyleCnt="13">
        <dgm:presLayoutVars>
          <dgm:bulletEnabled val="1"/>
        </dgm:presLayoutVars>
      </dgm:prSet>
      <dgm:spPr/>
    </dgm:pt>
    <dgm:pt modelId="{498E2210-870F-2C42-9932-7E74816A0C53}" type="pres">
      <dgm:prSet presAssocID="{44E84D39-CD13-334E-BCF2-2797D0B4F2E6}" presName="parSpace" presStyleCnt="0"/>
      <dgm:spPr/>
    </dgm:pt>
    <dgm:pt modelId="{83154A96-9DD8-B74C-85EB-5A9EE8918262}" type="pres">
      <dgm:prSet presAssocID="{9CB8935A-9D49-BB44-BD1B-5119A1C1C5C0}" presName="parTxOnly" presStyleLbl="node1" presStyleIdx="6" presStyleCnt="13">
        <dgm:presLayoutVars>
          <dgm:bulletEnabled val="1"/>
        </dgm:presLayoutVars>
      </dgm:prSet>
      <dgm:spPr/>
    </dgm:pt>
    <dgm:pt modelId="{6014F0C3-AD36-5947-8A3C-24BCB6C96936}" type="pres">
      <dgm:prSet presAssocID="{6EB7D773-B2F7-E541-B389-686ED9293BAD}" presName="parSpace" presStyleCnt="0"/>
      <dgm:spPr/>
    </dgm:pt>
    <dgm:pt modelId="{AB78FE09-DB85-3D44-BEB2-B271C5B807E0}" type="pres">
      <dgm:prSet presAssocID="{E5B03628-D444-844F-BCA0-A700B7607177}" presName="parTxOnly" presStyleLbl="node1" presStyleIdx="7" presStyleCnt="13">
        <dgm:presLayoutVars>
          <dgm:bulletEnabled val="1"/>
        </dgm:presLayoutVars>
      </dgm:prSet>
      <dgm:spPr/>
    </dgm:pt>
    <dgm:pt modelId="{559D444F-CAA1-A941-87E3-C7CF056E6AE3}" type="pres">
      <dgm:prSet presAssocID="{01C091AE-C10D-B249-94E1-17CD3B07AFB3}" presName="parSpace" presStyleCnt="0"/>
      <dgm:spPr/>
    </dgm:pt>
    <dgm:pt modelId="{B504BB1E-0653-6843-9F8F-CEACB35BAC88}" type="pres">
      <dgm:prSet presAssocID="{D0893B01-BFF4-3647-A373-B7F1672DC978}" presName="parTxOnly" presStyleLbl="node1" presStyleIdx="8" presStyleCnt="13">
        <dgm:presLayoutVars>
          <dgm:bulletEnabled val="1"/>
        </dgm:presLayoutVars>
      </dgm:prSet>
      <dgm:spPr/>
    </dgm:pt>
    <dgm:pt modelId="{01ED2D9F-A9CD-C844-9DD1-0CF45462E718}" type="pres">
      <dgm:prSet presAssocID="{AD42D8B3-BD14-3540-AFF2-493D10E4E67F}" presName="parSpace" presStyleCnt="0"/>
      <dgm:spPr/>
    </dgm:pt>
    <dgm:pt modelId="{BB6E7E5B-38D0-734F-ADEE-B01CFC8F1C00}" type="pres">
      <dgm:prSet presAssocID="{23C19E56-3F53-8240-9F9D-37417F772BD6}" presName="parTxOnly" presStyleLbl="node1" presStyleIdx="9" presStyleCnt="13">
        <dgm:presLayoutVars>
          <dgm:bulletEnabled val="1"/>
        </dgm:presLayoutVars>
      </dgm:prSet>
      <dgm:spPr/>
    </dgm:pt>
    <dgm:pt modelId="{0925315D-1875-D64E-BBA8-FF115AE4C551}" type="pres">
      <dgm:prSet presAssocID="{E6D0CBD5-5A72-9349-B78B-755469DDA692}" presName="parSpace" presStyleCnt="0"/>
      <dgm:spPr/>
    </dgm:pt>
    <dgm:pt modelId="{45FF2AAE-E4F9-1846-BDA0-0BBA049F3E35}" type="pres">
      <dgm:prSet presAssocID="{BC4B1D52-AC7D-EF40-ADC2-8191D7E636A5}" presName="parTxOnly" presStyleLbl="node1" presStyleIdx="10" presStyleCnt="13">
        <dgm:presLayoutVars>
          <dgm:bulletEnabled val="1"/>
        </dgm:presLayoutVars>
      </dgm:prSet>
      <dgm:spPr/>
    </dgm:pt>
    <dgm:pt modelId="{7F5ACB1D-0434-A54D-9C8D-E6ECFB8A2E79}" type="pres">
      <dgm:prSet presAssocID="{8155EBE7-145D-3045-B4D5-A2FB590F3E70}" presName="parSpace" presStyleCnt="0"/>
      <dgm:spPr/>
    </dgm:pt>
    <dgm:pt modelId="{1B83875F-83A0-6F40-958B-283950257C57}" type="pres">
      <dgm:prSet presAssocID="{924DCAD4-5F17-7C44-B591-115356CF3831}" presName="parTxOnly" presStyleLbl="node1" presStyleIdx="11" presStyleCnt="13">
        <dgm:presLayoutVars>
          <dgm:bulletEnabled val="1"/>
        </dgm:presLayoutVars>
      </dgm:prSet>
      <dgm:spPr/>
    </dgm:pt>
    <dgm:pt modelId="{1C1C1757-8782-9A43-AC7E-F0FE18E16775}" type="pres">
      <dgm:prSet presAssocID="{17628B93-F602-0545-AA5B-7223EA392249}" presName="parSpace" presStyleCnt="0"/>
      <dgm:spPr/>
    </dgm:pt>
    <dgm:pt modelId="{8EDA0878-A070-3946-944D-D17A834CF102}" type="pres">
      <dgm:prSet presAssocID="{D9CB18D2-92C4-D04E-9E97-760BBBAD9BB5}" presName="parTxOnly" presStyleLbl="node1" presStyleIdx="12" presStyleCnt="13">
        <dgm:presLayoutVars>
          <dgm:bulletEnabled val="1"/>
        </dgm:presLayoutVars>
      </dgm:prSet>
      <dgm:spPr/>
    </dgm:pt>
  </dgm:ptLst>
  <dgm:cxnLst>
    <dgm:cxn modelId="{3D02010A-BDE0-0F43-8BB1-DF79AC87A7A9}" type="presOf" srcId="{9AABBBD2-5E5E-9A45-93E6-024DF8331810}" destId="{47904C27-172E-E045-91F3-8A5A0AC65125}" srcOrd="0" destOrd="0" presId="urn:microsoft.com/office/officeart/2005/8/layout/hChevron3"/>
    <dgm:cxn modelId="{B4960515-5E46-084B-B304-FFF55ED63631}" type="presOf" srcId="{65895D85-F9BC-9E43-8AC6-DA68BD2EBB0C}" destId="{91F73428-6E2C-1848-8C4C-42EAFE35EB4F}" srcOrd="0" destOrd="0" presId="urn:microsoft.com/office/officeart/2005/8/layout/hChevron3"/>
    <dgm:cxn modelId="{B116FC17-799C-8843-BD75-1D37A9179AF6}" srcId="{BFB1C713-2822-0642-971D-67D8852E3364}" destId="{23C19E56-3F53-8240-9F9D-37417F772BD6}" srcOrd="9" destOrd="0" parTransId="{FC01C80A-BFFC-E441-BD6B-C2CE3754BC59}" sibTransId="{E6D0CBD5-5A72-9349-B78B-755469DDA692}"/>
    <dgm:cxn modelId="{B088E225-C870-0E47-B562-A50208D1A5EF}" srcId="{BFB1C713-2822-0642-971D-67D8852E3364}" destId="{65895D85-F9BC-9E43-8AC6-DA68BD2EBB0C}" srcOrd="1" destOrd="0" parTransId="{C80ABF91-119F-AD4D-A6A0-73F9DDED4537}" sibTransId="{9A502B5C-347D-DB42-83C5-CA2D69447932}"/>
    <dgm:cxn modelId="{6B686C27-1D33-C847-AD2D-0B1E68F56A4D}" srcId="{BFB1C713-2822-0642-971D-67D8852E3364}" destId="{D9CB18D2-92C4-D04E-9E97-760BBBAD9BB5}" srcOrd="12" destOrd="0" parTransId="{76E1D242-40BB-F746-8931-79F5A4FDF008}" sibTransId="{6D9A4214-BC40-1C44-BB23-8875060CEDE8}"/>
    <dgm:cxn modelId="{9D32DE28-61BA-F744-846F-09D5DEFB0AE9}" srcId="{BFB1C713-2822-0642-971D-67D8852E3364}" destId="{9CB8935A-9D49-BB44-BD1B-5119A1C1C5C0}" srcOrd="6" destOrd="0" parTransId="{3EDA7E4D-DE64-544F-9589-AFE692B28099}" sibTransId="{6EB7D773-B2F7-E541-B389-686ED9293BAD}"/>
    <dgm:cxn modelId="{9B59572C-9A8C-304C-AFF9-78649529D5EF}" type="presOf" srcId="{BFB1C713-2822-0642-971D-67D8852E3364}" destId="{82E90554-E42A-5248-935B-DE2F8293B9CB}" srcOrd="0" destOrd="0" presId="urn:microsoft.com/office/officeart/2005/8/layout/hChevron3"/>
    <dgm:cxn modelId="{E7B9143B-277B-4D4C-9E29-0CDACE031EA1}" type="presOf" srcId="{E5B03628-D444-844F-BCA0-A700B7607177}" destId="{AB78FE09-DB85-3D44-BEB2-B271C5B807E0}" srcOrd="0" destOrd="0" presId="urn:microsoft.com/office/officeart/2005/8/layout/hChevron3"/>
    <dgm:cxn modelId="{31D2073D-BAC2-E741-8362-8F8703223972}" srcId="{BFB1C713-2822-0642-971D-67D8852E3364}" destId="{201FA7D1-4673-164B-A870-07B69404D1D4}" srcOrd="3" destOrd="0" parTransId="{AA15B90E-7C06-A54F-AD91-0DC8E0016736}" sibTransId="{49C5F9F7-AE5F-B141-BC2C-2898192A370D}"/>
    <dgm:cxn modelId="{BC432844-F3FC-C04E-B396-07F35E8708E4}" type="presOf" srcId="{D0893B01-BFF4-3647-A373-B7F1672DC978}" destId="{B504BB1E-0653-6843-9F8F-CEACB35BAC88}" srcOrd="0" destOrd="0" presId="urn:microsoft.com/office/officeart/2005/8/layout/hChevron3"/>
    <dgm:cxn modelId="{6DA81650-4740-2F40-989B-245A3E2BE897}" srcId="{BFB1C713-2822-0642-971D-67D8852E3364}" destId="{D0893B01-BFF4-3647-A373-B7F1672DC978}" srcOrd="8" destOrd="0" parTransId="{AF1AA3F2-1844-F342-99D9-D4850E230535}" sibTransId="{AD42D8B3-BD14-3540-AFF2-493D10E4E67F}"/>
    <dgm:cxn modelId="{136F216F-F1F9-B24A-8EB5-995E6A48E6E8}" srcId="{BFB1C713-2822-0642-971D-67D8852E3364}" destId="{F5D6B3E2-133D-864D-BA93-91387FC82374}" srcOrd="5" destOrd="0" parTransId="{A2ACC591-70E1-A64F-ACB2-35050E032A5D}" sibTransId="{44E84D39-CD13-334E-BCF2-2797D0B4F2E6}"/>
    <dgm:cxn modelId="{9C156B70-9915-584C-9B6A-D7EDF22D12B4}" srcId="{BFB1C713-2822-0642-971D-67D8852E3364}" destId="{9AABBBD2-5E5E-9A45-93E6-024DF8331810}" srcOrd="2" destOrd="0" parTransId="{8DE9B082-385A-054E-805A-93D0B928988D}" sibTransId="{7E92C188-48A2-A24E-9626-10646C9B8C4C}"/>
    <dgm:cxn modelId="{9AEA2974-7A83-F74F-BB09-A9E1123DC95B}" type="presOf" srcId="{201FA7D1-4673-164B-A870-07B69404D1D4}" destId="{E569B5B3-1E70-B741-AAA2-79F249C73546}" srcOrd="0" destOrd="0" presId="urn:microsoft.com/office/officeart/2005/8/layout/hChevron3"/>
    <dgm:cxn modelId="{0AB0CC75-DA02-2A42-B2F6-267344D771A9}" srcId="{BFB1C713-2822-0642-971D-67D8852E3364}" destId="{BC4B1D52-AC7D-EF40-ADC2-8191D7E636A5}" srcOrd="10" destOrd="0" parTransId="{83E0DB81-AC78-F54A-AD88-CA0BED9551DC}" sibTransId="{8155EBE7-145D-3045-B4D5-A2FB590F3E70}"/>
    <dgm:cxn modelId="{4171957D-60C9-D346-A015-1E35C94A1556}" type="presOf" srcId="{2E116C6B-C1B8-9143-8839-7BD327EF26AE}" destId="{0B98E2E4-7E61-BF45-9002-438D1AD64EC9}" srcOrd="0" destOrd="0" presId="urn:microsoft.com/office/officeart/2005/8/layout/hChevron3"/>
    <dgm:cxn modelId="{509CE081-742C-3C48-9032-CEC4915C0014}" type="presOf" srcId="{F5D6B3E2-133D-864D-BA93-91387FC82374}" destId="{7F02DCD0-1033-D447-9CA9-3DA883DF1990}"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DC6ED19C-C00A-E443-B95E-D0B6E95E940A}" type="presOf" srcId="{6BA70F3A-3D54-3141-8E3E-3D20B1879B93}" destId="{C2359B7F-CB8F-EC42-B4C3-050C16F42CFD}" srcOrd="0" destOrd="0" presId="urn:microsoft.com/office/officeart/2005/8/layout/hChevron3"/>
    <dgm:cxn modelId="{FE42BEA0-E062-B84F-BAB1-7F499112563E}" srcId="{BFB1C713-2822-0642-971D-67D8852E3364}" destId="{924DCAD4-5F17-7C44-B591-115356CF3831}" srcOrd="11" destOrd="0" parTransId="{9C4C81A4-0AE7-4641-9CC8-947D1A2983A6}" sibTransId="{17628B93-F602-0545-AA5B-7223EA392249}"/>
    <dgm:cxn modelId="{E7318CA3-E2E7-5245-87C4-A305B5C682F7}" type="presOf" srcId="{D9CB18D2-92C4-D04E-9E97-760BBBAD9BB5}" destId="{8EDA0878-A070-3946-944D-D17A834CF102}" srcOrd="0" destOrd="0" presId="urn:microsoft.com/office/officeart/2005/8/layout/hChevron3"/>
    <dgm:cxn modelId="{A2C11CA5-6CBE-7548-9C09-D06A89C2EC8C}" srcId="{BFB1C713-2822-0642-971D-67D8852E3364}" destId="{E5B03628-D444-844F-BCA0-A700B7607177}" srcOrd="7" destOrd="0" parTransId="{3AE3AD21-8F1A-564D-91F7-4C4E0785B2B2}" sibTransId="{01C091AE-C10D-B249-94E1-17CD3B07AFB3}"/>
    <dgm:cxn modelId="{B40814B9-C60F-114F-B845-F7A646D0D5E1}" type="presOf" srcId="{23C19E56-3F53-8240-9F9D-37417F772BD6}" destId="{BB6E7E5B-38D0-734F-ADEE-B01CFC8F1C00}" srcOrd="0" destOrd="0" presId="urn:microsoft.com/office/officeart/2005/8/layout/hChevron3"/>
    <dgm:cxn modelId="{A73242BD-3052-FF4B-B507-ACAA75A6CDC3}" type="presOf" srcId="{BC4B1D52-AC7D-EF40-ADC2-8191D7E636A5}" destId="{45FF2AAE-E4F9-1846-BDA0-0BBA049F3E35}" srcOrd="0" destOrd="0" presId="urn:microsoft.com/office/officeart/2005/8/layout/hChevron3"/>
    <dgm:cxn modelId="{C643E0C0-94E1-9345-B4BE-9685BD2739CD}" srcId="{BFB1C713-2822-0642-971D-67D8852E3364}" destId="{6BA70F3A-3D54-3141-8E3E-3D20B1879B93}" srcOrd="4" destOrd="0" parTransId="{0C567076-8DF7-DE4A-A0EB-341373F865F0}" sibTransId="{7E870EA2-3781-594E-8F5D-95942472EA9D}"/>
    <dgm:cxn modelId="{6E2218D7-C96C-FE45-A6DB-40CD9FEB533D}" type="presOf" srcId="{924DCAD4-5F17-7C44-B591-115356CF3831}" destId="{1B83875F-83A0-6F40-958B-283950257C57}" srcOrd="0" destOrd="0" presId="urn:microsoft.com/office/officeart/2005/8/layout/hChevron3"/>
    <dgm:cxn modelId="{B5557BDF-6398-6D48-ACCD-FB4BE9C80CE2}" type="presOf" srcId="{9CB8935A-9D49-BB44-BD1B-5119A1C1C5C0}" destId="{83154A96-9DD8-B74C-85EB-5A9EE8918262}" srcOrd="0" destOrd="0" presId="urn:microsoft.com/office/officeart/2005/8/layout/hChevron3"/>
    <dgm:cxn modelId="{42A9981A-9277-644B-AC79-46B6B541679A}" type="presParOf" srcId="{82E90554-E42A-5248-935B-DE2F8293B9CB}" destId="{0B98E2E4-7E61-BF45-9002-438D1AD64EC9}" srcOrd="0" destOrd="0" presId="urn:microsoft.com/office/officeart/2005/8/layout/hChevron3"/>
    <dgm:cxn modelId="{5A208360-6F4C-4E43-800E-6D6BA4F34B2A}" type="presParOf" srcId="{82E90554-E42A-5248-935B-DE2F8293B9CB}" destId="{C0E157E5-CE26-1542-8B42-34971273D584}" srcOrd="1" destOrd="0" presId="urn:microsoft.com/office/officeart/2005/8/layout/hChevron3"/>
    <dgm:cxn modelId="{3258DE3C-F2EF-514A-9EC4-5CFEA07D812B}" type="presParOf" srcId="{82E90554-E42A-5248-935B-DE2F8293B9CB}" destId="{91F73428-6E2C-1848-8C4C-42EAFE35EB4F}" srcOrd="2" destOrd="0" presId="urn:microsoft.com/office/officeart/2005/8/layout/hChevron3"/>
    <dgm:cxn modelId="{CD0F7CD6-9E55-F44D-BFBF-8EC515DC6426}" type="presParOf" srcId="{82E90554-E42A-5248-935B-DE2F8293B9CB}" destId="{5E3365C3-A6F2-2C40-A058-F759206C8753}" srcOrd="3" destOrd="0" presId="urn:microsoft.com/office/officeart/2005/8/layout/hChevron3"/>
    <dgm:cxn modelId="{65166FD9-0CF1-4740-BAF7-04591CB6894E}" type="presParOf" srcId="{82E90554-E42A-5248-935B-DE2F8293B9CB}" destId="{47904C27-172E-E045-91F3-8A5A0AC65125}" srcOrd="4" destOrd="0" presId="urn:microsoft.com/office/officeart/2005/8/layout/hChevron3"/>
    <dgm:cxn modelId="{C012743D-B5A0-A54F-BCC7-DF1E42BF2D68}" type="presParOf" srcId="{82E90554-E42A-5248-935B-DE2F8293B9CB}" destId="{037E5992-A1C2-114D-89BB-8FFC76AE48FF}" srcOrd="5" destOrd="0" presId="urn:microsoft.com/office/officeart/2005/8/layout/hChevron3"/>
    <dgm:cxn modelId="{BF9E6A7D-A2E8-3849-B125-69702664E91E}" type="presParOf" srcId="{82E90554-E42A-5248-935B-DE2F8293B9CB}" destId="{E569B5B3-1E70-B741-AAA2-79F249C73546}" srcOrd="6" destOrd="0" presId="urn:microsoft.com/office/officeart/2005/8/layout/hChevron3"/>
    <dgm:cxn modelId="{4D2C21D4-581C-B749-A3B5-DBD53521A9D5}" type="presParOf" srcId="{82E90554-E42A-5248-935B-DE2F8293B9CB}" destId="{4DB0A912-015E-F54B-AFCF-9E01D80BB765}" srcOrd="7" destOrd="0" presId="urn:microsoft.com/office/officeart/2005/8/layout/hChevron3"/>
    <dgm:cxn modelId="{777A34AB-26FD-004A-B16C-C27140CED363}" type="presParOf" srcId="{82E90554-E42A-5248-935B-DE2F8293B9CB}" destId="{C2359B7F-CB8F-EC42-B4C3-050C16F42CFD}" srcOrd="8" destOrd="0" presId="urn:microsoft.com/office/officeart/2005/8/layout/hChevron3"/>
    <dgm:cxn modelId="{4EC2B081-0721-5640-8F8C-4412953876B0}" type="presParOf" srcId="{82E90554-E42A-5248-935B-DE2F8293B9CB}" destId="{82048E63-EC94-1E41-82BD-0145FBEB2C86}" srcOrd="9" destOrd="0" presId="urn:microsoft.com/office/officeart/2005/8/layout/hChevron3"/>
    <dgm:cxn modelId="{BB244CFC-A231-5542-B125-A327B3BE44ED}" type="presParOf" srcId="{82E90554-E42A-5248-935B-DE2F8293B9CB}" destId="{7F02DCD0-1033-D447-9CA9-3DA883DF1990}" srcOrd="10" destOrd="0" presId="urn:microsoft.com/office/officeart/2005/8/layout/hChevron3"/>
    <dgm:cxn modelId="{BBE15B75-1CFC-C24E-B65D-50AB784041C8}" type="presParOf" srcId="{82E90554-E42A-5248-935B-DE2F8293B9CB}" destId="{498E2210-870F-2C42-9932-7E74816A0C53}" srcOrd="11" destOrd="0" presId="urn:microsoft.com/office/officeart/2005/8/layout/hChevron3"/>
    <dgm:cxn modelId="{C47CA628-232F-F54E-99A5-BD119287DA6F}" type="presParOf" srcId="{82E90554-E42A-5248-935B-DE2F8293B9CB}" destId="{83154A96-9DD8-B74C-85EB-5A9EE8918262}" srcOrd="12" destOrd="0" presId="urn:microsoft.com/office/officeart/2005/8/layout/hChevron3"/>
    <dgm:cxn modelId="{7A401149-BE5B-4B40-9E03-78CF8C223836}" type="presParOf" srcId="{82E90554-E42A-5248-935B-DE2F8293B9CB}" destId="{6014F0C3-AD36-5947-8A3C-24BCB6C96936}" srcOrd="13" destOrd="0" presId="urn:microsoft.com/office/officeart/2005/8/layout/hChevron3"/>
    <dgm:cxn modelId="{B4E4883C-906F-8842-B4AF-E112AFFFA8A6}" type="presParOf" srcId="{82E90554-E42A-5248-935B-DE2F8293B9CB}" destId="{AB78FE09-DB85-3D44-BEB2-B271C5B807E0}" srcOrd="14" destOrd="0" presId="urn:microsoft.com/office/officeart/2005/8/layout/hChevron3"/>
    <dgm:cxn modelId="{EB3A2D07-2F99-494F-A6AC-8D835FCEBA98}" type="presParOf" srcId="{82E90554-E42A-5248-935B-DE2F8293B9CB}" destId="{559D444F-CAA1-A941-87E3-C7CF056E6AE3}" srcOrd="15" destOrd="0" presId="urn:microsoft.com/office/officeart/2005/8/layout/hChevron3"/>
    <dgm:cxn modelId="{512ED6C9-2272-9E44-BB88-DFBA4619527D}" type="presParOf" srcId="{82E90554-E42A-5248-935B-DE2F8293B9CB}" destId="{B504BB1E-0653-6843-9F8F-CEACB35BAC88}" srcOrd="16" destOrd="0" presId="urn:microsoft.com/office/officeart/2005/8/layout/hChevron3"/>
    <dgm:cxn modelId="{BA14006A-4A3F-F647-8D4F-F0571429739F}" type="presParOf" srcId="{82E90554-E42A-5248-935B-DE2F8293B9CB}" destId="{01ED2D9F-A9CD-C844-9DD1-0CF45462E718}" srcOrd="17" destOrd="0" presId="urn:microsoft.com/office/officeart/2005/8/layout/hChevron3"/>
    <dgm:cxn modelId="{A1C06ABD-D993-1147-8A91-8FAA6BEDEBF2}" type="presParOf" srcId="{82E90554-E42A-5248-935B-DE2F8293B9CB}" destId="{BB6E7E5B-38D0-734F-ADEE-B01CFC8F1C00}" srcOrd="18" destOrd="0" presId="urn:microsoft.com/office/officeart/2005/8/layout/hChevron3"/>
    <dgm:cxn modelId="{2460E4BE-1043-9241-B2A0-0110F35E7094}" type="presParOf" srcId="{82E90554-E42A-5248-935B-DE2F8293B9CB}" destId="{0925315D-1875-D64E-BBA8-FF115AE4C551}" srcOrd="19" destOrd="0" presId="urn:microsoft.com/office/officeart/2005/8/layout/hChevron3"/>
    <dgm:cxn modelId="{B6A60DD8-C503-4D45-80C7-03DED08D7AA9}" type="presParOf" srcId="{82E90554-E42A-5248-935B-DE2F8293B9CB}" destId="{45FF2AAE-E4F9-1846-BDA0-0BBA049F3E35}" srcOrd="20" destOrd="0" presId="urn:microsoft.com/office/officeart/2005/8/layout/hChevron3"/>
    <dgm:cxn modelId="{2952FF56-61F5-FB43-8863-C1238CA2962B}" type="presParOf" srcId="{82E90554-E42A-5248-935B-DE2F8293B9CB}" destId="{7F5ACB1D-0434-A54D-9C8D-E6ECFB8A2E79}" srcOrd="21" destOrd="0" presId="urn:microsoft.com/office/officeart/2005/8/layout/hChevron3"/>
    <dgm:cxn modelId="{5D380AFB-EEB3-4B46-B0D0-25344E3092BE}" type="presParOf" srcId="{82E90554-E42A-5248-935B-DE2F8293B9CB}" destId="{1B83875F-83A0-6F40-958B-283950257C57}" srcOrd="22" destOrd="0" presId="urn:microsoft.com/office/officeart/2005/8/layout/hChevron3"/>
    <dgm:cxn modelId="{9039AD51-7D6D-AE43-BDA0-B3A6B70DDDDE}" type="presParOf" srcId="{82E90554-E42A-5248-935B-DE2F8293B9CB}" destId="{1C1C1757-8782-9A43-AC7E-F0FE18E16775}" srcOrd="23" destOrd="0" presId="urn:microsoft.com/office/officeart/2005/8/layout/hChevron3"/>
    <dgm:cxn modelId="{882B2C44-04AF-3C4C-822D-8C0F9A3385A6}" type="presParOf" srcId="{82E90554-E42A-5248-935B-DE2F8293B9CB}" destId="{8EDA0878-A070-3946-944D-D17A834CF102}" srcOrd="24" destOrd="0" presId="urn:microsoft.com/office/officeart/2005/8/layout/hChevron3"/>
  </dgm:cxnLst>
  <dgm:bg/>
  <dgm:whole/>
  <dgm:extLst>
    <a:ext uri="http://schemas.microsoft.com/office/drawing/2008/diagram">
      <dsp:dataModelExt xmlns:dsp="http://schemas.microsoft.com/office/drawing/2008/diagram" relId="rId16" minVer="http://schemas.openxmlformats.org/drawingml/2006/diagram"/>
    </a:ext>
  </dgm:extLst>
</dgm:dataModel>
</file>

<file path=ppt/diagrams/data14.xml><?xml version="1.0" encoding="utf-8"?>
<dgm:dataModel xmlns:dgm="http://schemas.openxmlformats.org/drawingml/2006/diagram" xmlns:a="http://schemas.openxmlformats.org/drawingml/2006/main">
  <dgm:ptLst>
    <dgm:pt modelId="{1602B752-58FF-CE4B-BD0F-7FD3F5860A63}" type="doc">
      <dgm:prSet loTypeId="urn:microsoft.com/office/officeart/2005/8/layout/vList5" loCatId="" qsTypeId="urn:microsoft.com/office/officeart/2005/8/quickstyle/simple4" qsCatId="simple" csTypeId="urn:microsoft.com/office/officeart/2005/8/colors/accent1_2" csCatId="accent1" phldr="1"/>
      <dgm:spPr/>
      <dgm:t>
        <a:bodyPr/>
        <a:lstStyle/>
        <a:p>
          <a:endParaRPr lang="en-US"/>
        </a:p>
      </dgm:t>
    </dgm:pt>
    <dgm:pt modelId="{F75C6EB8-304E-4B42-8426-0B5D64F945E6}">
      <dgm:prSet phldrT="[Text]"/>
      <dgm:spPr>
        <a:solidFill>
          <a:srgbClr val="4ABD92"/>
        </a:solidFill>
        <a:effectLst/>
      </dgm:spPr>
      <dgm:t>
        <a:bodyPr/>
        <a:lstStyle/>
        <a:p>
          <a:r>
            <a:rPr lang="en-US" b="1">
              <a:solidFill>
                <a:schemeClr val="bg1"/>
              </a:solidFill>
              <a:latin typeface="+mj-lt"/>
            </a:rPr>
            <a:t>DESCRIPTION</a:t>
          </a:r>
        </a:p>
      </dgm:t>
    </dgm:pt>
    <dgm:pt modelId="{100F66AB-591B-AD42-9EC5-92D6854C49B3}" type="parTrans" cxnId="{47C6811D-0D16-464A-9B89-9163D0AE232A}">
      <dgm:prSet/>
      <dgm:spPr/>
      <dgm:t>
        <a:bodyPr/>
        <a:lstStyle/>
        <a:p>
          <a:endParaRPr lang="en-US"/>
        </a:p>
      </dgm:t>
    </dgm:pt>
    <dgm:pt modelId="{D3A54E24-4647-8E4A-B0B3-7503E9363E6A}" type="sibTrans" cxnId="{47C6811D-0D16-464A-9B89-9163D0AE232A}">
      <dgm:prSet/>
      <dgm:spPr/>
      <dgm:t>
        <a:bodyPr/>
        <a:lstStyle/>
        <a:p>
          <a:endParaRPr lang="en-US"/>
        </a:p>
      </dgm:t>
    </dgm:pt>
    <dgm:pt modelId="{DEB4B2F2-AEB2-6F4F-B2AD-01D92E6DA17B}">
      <dgm:prSet phldrT="[Text]" custT="1"/>
      <dgm:spPr>
        <a:solidFill>
          <a:schemeClr val="accent4">
            <a:lumMod val="20000"/>
            <a:lumOff val="80000"/>
            <a:alpha val="90000"/>
          </a:schemeClr>
        </a:solidFill>
        <a:ln>
          <a:noFill/>
        </a:ln>
        <a:effectLst/>
      </dgm:spPr>
      <dgm:t>
        <a:bodyPr/>
        <a:lstStyle/>
        <a:p>
          <a:r>
            <a:rPr lang="en-US" sz="1300" b="0">
              <a:solidFill>
                <a:schemeClr val="accent4">
                  <a:lumMod val="50000"/>
                </a:schemeClr>
              </a:solidFill>
            </a:rPr>
            <a:t>Name</a:t>
          </a:r>
        </a:p>
      </dgm:t>
    </dgm:pt>
    <dgm:pt modelId="{F5EB9178-0798-894D-91DE-2510BC727FE1}" type="parTrans" cxnId="{EF12763F-9CE3-8B47-8E14-A09FD612D0C1}">
      <dgm:prSet/>
      <dgm:spPr/>
      <dgm:t>
        <a:bodyPr/>
        <a:lstStyle/>
        <a:p>
          <a:endParaRPr lang="en-US"/>
        </a:p>
      </dgm:t>
    </dgm:pt>
    <dgm:pt modelId="{851C2835-5A34-9849-ABD7-D5C575F297C6}" type="sibTrans" cxnId="{EF12763F-9CE3-8B47-8E14-A09FD612D0C1}">
      <dgm:prSet/>
      <dgm:spPr/>
      <dgm:t>
        <a:bodyPr/>
        <a:lstStyle/>
        <a:p>
          <a:endParaRPr lang="en-US"/>
        </a:p>
      </dgm:t>
    </dgm:pt>
    <dgm:pt modelId="{A1C719B1-B1FC-374F-B8A9-B0B1C0FE3FB7}">
      <dgm:prSet phldrT="[Text]" custT="1"/>
      <dgm:spPr>
        <a:solidFill>
          <a:schemeClr val="accent4">
            <a:lumMod val="20000"/>
            <a:lumOff val="80000"/>
            <a:alpha val="90000"/>
          </a:schemeClr>
        </a:solidFill>
        <a:ln>
          <a:noFill/>
        </a:ln>
        <a:effectLst/>
      </dgm:spPr>
      <dgm:t>
        <a:bodyPr/>
        <a:lstStyle/>
        <a:p>
          <a:r>
            <a:rPr lang="en-US" sz="1300" b="0">
              <a:solidFill>
                <a:schemeClr val="accent4">
                  <a:lumMod val="50000"/>
                </a:schemeClr>
              </a:solidFill>
            </a:rPr>
            <a:t>Epic Owner/ Product Manager</a:t>
          </a:r>
        </a:p>
      </dgm:t>
    </dgm:pt>
    <dgm:pt modelId="{2B5F6F64-D584-734D-8493-6086B52473E2}" type="parTrans" cxnId="{5DD5F106-AC92-824B-8795-D5C13B989CEA}">
      <dgm:prSet/>
      <dgm:spPr/>
      <dgm:t>
        <a:bodyPr/>
        <a:lstStyle/>
        <a:p>
          <a:endParaRPr lang="en-US"/>
        </a:p>
      </dgm:t>
    </dgm:pt>
    <dgm:pt modelId="{AEBB1DAB-49FC-C04C-9245-E42AC03CF72C}" type="sibTrans" cxnId="{5DD5F106-AC92-824B-8795-D5C13B989CEA}">
      <dgm:prSet/>
      <dgm:spPr/>
      <dgm:t>
        <a:bodyPr/>
        <a:lstStyle/>
        <a:p>
          <a:endParaRPr lang="en-US"/>
        </a:p>
      </dgm:t>
    </dgm:pt>
    <dgm:pt modelId="{913BD20B-6D69-5B44-B269-B4F508EB03B5}">
      <dgm:prSet phldrT="[Text]"/>
      <dgm:spPr>
        <a:solidFill>
          <a:srgbClr val="4ABD92"/>
        </a:solidFill>
        <a:ln>
          <a:noFill/>
        </a:ln>
        <a:effectLst/>
      </dgm:spPr>
      <dgm:t>
        <a:bodyPr/>
        <a:lstStyle/>
        <a:p>
          <a:r>
            <a:rPr lang="en-US" b="1">
              <a:latin typeface="+mj-lt"/>
            </a:rPr>
            <a:t>VISION</a:t>
          </a:r>
        </a:p>
      </dgm:t>
    </dgm:pt>
    <dgm:pt modelId="{586C447D-B0EE-D748-98D5-8C30C32F908F}" type="parTrans" cxnId="{0BAC8422-DE1D-D246-B915-7A52AA701378}">
      <dgm:prSet/>
      <dgm:spPr/>
      <dgm:t>
        <a:bodyPr/>
        <a:lstStyle/>
        <a:p>
          <a:endParaRPr lang="en-US"/>
        </a:p>
      </dgm:t>
    </dgm:pt>
    <dgm:pt modelId="{8C3A167E-C7D6-964D-BCEA-E141CC6730AB}" type="sibTrans" cxnId="{0BAC8422-DE1D-D246-B915-7A52AA701378}">
      <dgm:prSet/>
      <dgm:spPr/>
      <dgm:t>
        <a:bodyPr/>
        <a:lstStyle/>
        <a:p>
          <a:endParaRPr lang="en-US"/>
        </a:p>
      </dgm:t>
    </dgm:pt>
    <dgm:pt modelId="{C3AB10EE-77D6-D54A-8866-D045A255CEFB}">
      <dgm:prSet phldrT="[Text]" custT="1"/>
      <dgm:spPr>
        <a:solidFill>
          <a:srgbClr val="EBEBEB">
            <a:alpha val="90000"/>
          </a:srgbClr>
        </a:solidFill>
        <a:ln>
          <a:noFill/>
        </a:ln>
      </dgm:spPr>
      <dgm:t>
        <a:bodyPr/>
        <a:lstStyle/>
        <a:p>
          <a:r>
            <a:rPr lang="en-US" sz="1300" b="0">
              <a:solidFill>
                <a:schemeClr val="accent4">
                  <a:lumMod val="50000"/>
                </a:schemeClr>
              </a:solidFill>
            </a:rPr>
            <a:t>Value Statement</a:t>
          </a:r>
        </a:p>
      </dgm:t>
    </dgm:pt>
    <dgm:pt modelId="{79F26618-9E07-9341-8DE9-FB534E840808}" type="parTrans" cxnId="{8D4DA806-9F43-A644-8EBE-D9143C6A1386}">
      <dgm:prSet/>
      <dgm:spPr/>
      <dgm:t>
        <a:bodyPr/>
        <a:lstStyle/>
        <a:p>
          <a:endParaRPr lang="en-US"/>
        </a:p>
      </dgm:t>
    </dgm:pt>
    <dgm:pt modelId="{D7EB536F-1AEE-C241-9270-22D06A9C347C}" type="sibTrans" cxnId="{8D4DA806-9F43-A644-8EBE-D9143C6A1386}">
      <dgm:prSet/>
      <dgm:spPr/>
      <dgm:t>
        <a:bodyPr/>
        <a:lstStyle/>
        <a:p>
          <a:endParaRPr lang="en-US"/>
        </a:p>
      </dgm:t>
    </dgm:pt>
    <dgm:pt modelId="{6B9885C8-DC2B-E146-8F58-1BB91D70E1B9}">
      <dgm:prSet phldrT="[Text]" custT="1"/>
      <dgm:spPr>
        <a:solidFill>
          <a:srgbClr val="EBEBEB">
            <a:alpha val="90000"/>
          </a:srgbClr>
        </a:solidFill>
        <a:ln>
          <a:noFill/>
        </a:ln>
      </dgm:spPr>
      <dgm:t>
        <a:bodyPr/>
        <a:lstStyle/>
        <a:p>
          <a:r>
            <a:rPr lang="en-US" sz="1300" b="0">
              <a:solidFill>
                <a:schemeClr val="accent4">
                  <a:lumMod val="50000"/>
                </a:schemeClr>
              </a:solidFill>
            </a:rPr>
            <a:t>Features/Benefits</a:t>
          </a:r>
        </a:p>
      </dgm:t>
    </dgm:pt>
    <dgm:pt modelId="{C2DF38FE-61D3-5942-A5EF-4F31325B864F}" type="parTrans" cxnId="{DC4DB6A6-176D-B047-9DA1-1DFE1B29A8C7}">
      <dgm:prSet/>
      <dgm:spPr/>
      <dgm:t>
        <a:bodyPr/>
        <a:lstStyle/>
        <a:p>
          <a:endParaRPr lang="en-US"/>
        </a:p>
      </dgm:t>
    </dgm:pt>
    <dgm:pt modelId="{08FA99FD-A809-FB41-9128-BEFF541D5E92}" type="sibTrans" cxnId="{DC4DB6A6-176D-B047-9DA1-1DFE1B29A8C7}">
      <dgm:prSet/>
      <dgm:spPr/>
      <dgm:t>
        <a:bodyPr/>
        <a:lstStyle/>
        <a:p>
          <a:endParaRPr lang="en-US"/>
        </a:p>
      </dgm:t>
    </dgm:pt>
    <dgm:pt modelId="{8582B591-AC8B-6F49-AE4E-E5F9E234B515}">
      <dgm:prSet phldrT="[Text]"/>
      <dgm:spPr>
        <a:solidFill>
          <a:srgbClr val="4ABD92"/>
        </a:solidFill>
        <a:ln>
          <a:noFill/>
        </a:ln>
        <a:effectLst/>
      </dgm:spPr>
      <dgm:t>
        <a:bodyPr/>
        <a:lstStyle/>
        <a:p>
          <a:r>
            <a:rPr lang="en-US" b="1">
              <a:latin typeface="+mj-lt"/>
            </a:rPr>
            <a:t>CONSTRAINTS</a:t>
          </a:r>
        </a:p>
      </dgm:t>
    </dgm:pt>
    <dgm:pt modelId="{4F48EE5C-2F6A-8849-9D8B-1744A53A144A}" type="parTrans" cxnId="{25BDCDE8-AE15-4B40-B7EB-439D30EBB15D}">
      <dgm:prSet/>
      <dgm:spPr/>
      <dgm:t>
        <a:bodyPr/>
        <a:lstStyle/>
        <a:p>
          <a:endParaRPr lang="en-US"/>
        </a:p>
      </dgm:t>
    </dgm:pt>
    <dgm:pt modelId="{BE401EF8-5B23-D442-9C8C-E44B4DBAEE49}" type="sibTrans" cxnId="{25BDCDE8-AE15-4B40-B7EB-439D30EBB15D}">
      <dgm:prSet/>
      <dgm:spPr/>
      <dgm:t>
        <a:bodyPr/>
        <a:lstStyle/>
        <a:p>
          <a:endParaRPr lang="en-US"/>
        </a:p>
      </dgm:t>
    </dgm:pt>
    <dgm:pt modelId="{7501CE1D-933F-714D-8B94-AC25FDA4CDA5}">
      <dgm:prSet phldrT="[Text]" custT="1"/>
      <dgm:spPr>
        <a:solidFill>
          <a:srgbClr val="EBEBEB">
            <a:alpha val="90000"/>
          </a:srgbClr>
        </a:solidFill>
        <a:ln>
          <a:noFill/>
        </a:ln>
      </dgm:spPr>
      <dgm:t>
        <a:bodyPr/>
        <a:lstStyle/>
        <a:p>
          <a:r>
            <a:rPr lang="en-US" sz="1300" b="0">
              <a:solidFill>
                <a:schemeClr val="accent4">
                  <a:lumMod val="50000"/>
                </a:schemeClr>
              </a:solidFill>
            </a:rPr>
            <a:t>Dependencies</a:t>
          </a:r>
        </a:p>
      </dgm:t>
    </dgm:pt>
    <dgm:pt modelId="{B0A72E54-EB65-9B44-BE80-541B857BC02E}" type="parTrans" cxnId="{31BE149E-A8C3-8146-97AE-1B79975D8893}">
      <dgm:prSet/>
      <dgm:spPr/>
      <dgm:t>
        <a:bodyPr/>
        <a:lstStyle/>
        <a:p>
          <a:endParaRPr lang="en-US"/>
        </a:p>
      </dgm:t>
    </dgm:pt>
    <dgm:pt modelId="{7A7FD500-B76D-F34D-A471-16FDEA79E762}" type="sibTrans" cxnId="{31BE149E-A8C3-8146-97AE-1B79975D8893}">
      <dgm:prSet/>
      <dgm:spPr/>
      <dgm:t>
        <a:bodyPr/>
        <a:lstStyle/>
        <a:p>
          <a:endParaRPr lang="en-US"/>
        </a:p>
      </dgm:t>
    </dgm:pt>
    <dgm:pt modelId="{D665AF69-ABED-4C46-85D6-7572AE788B17}">
      <dgm:prSet phldrT="[Text]"/>
      <dgm:spPr>
        <a:solidFill>
          <a:srgbClr val="4ABD92"/>
        </a:solidFill>
        <a:ln>
          <a:noFill/>
        </a:ln>
        <a:effectLst/>
      </dgm:spPr>
      <dgm:t>
        <a:bodyPr/>
        <a:lstStyle/>
        <a:p>
          <a:r>
            <a:rPr lang="en-US" b="1">
              <a:latin typeface="+mj-lt"/>
            </a:rPr>
            <a:t>PLANNING</a:t>
          </a:r>
        </a:p>
      </dgm:t>
    </dgm:pt>
    <dgm:pt modelId="{52C07F62-FA69-D14D-A6BB-D6F72F0B4CF6}" type="parTrans" cxnId="{723D4FE1-E9FC-1741-AB70-D115D08AC27D}">
      <dgm:prSet/>
      <dgm:spPr/>
      <dgm:t>
        <a:bodyPr/>
        <a:lstStyle/>
        <a:p>
          <a:endParaRPr lang="en-US"/>
        </a:p>
      </dgm:t>
    </dgm:pt>
    <dgm:pt modelId="{83624E31-C108-B14D-A117-EE9A8FD59E69}" type="sibTrans" cxnId="{723D4FE1-E9FC-1741-AB70-D115D08AC27D}">
      <dgm:prSet/>
      <dgm:spPr/>
      <dgm:t>
        <a:bodyPr/>
        <a:lstStyle/>
        <a:p>
          <a:endParaRPr lang="en-US"/>
        </a:p>
      </dgm:t>
    </dgm:pt>
    <dgm:pt modelId="{65F27884-ABD4-4549-B778-FD957E0F0327}">
      <dgm:prSet phldrT="[Text]" custT="1"/>
      <dgm:spPr>
        <a:solidFill>
          <a:schemeClr val="accent4">
            <a:lumMod val="20000"/>
            <a:lumOff val="80000"/>
            <a:alpha val="90000"/>
          </a:schemeClr>
        </a:solidFill>
        <a:ln>
          <a:noFill/>
        </a:ln>
        <a:effectLst/>
      </dgm:spPr>
      <dgm:t>
        <a:bodyPr/>
        <a:lstStyle/>
        <a:p>
          <a:r>
            <a:rPr lang="en-US" sz="1300" b="0">
              <a:solidFill>
                <a:schemeClr val="accent4">
                  <a:lumMod val="50000"/>
                </a:schemeClr>
              </a:solidFill>
            </a:rPr>
            <a:t>Investment Theme (and Capability if known)</a:t>
          </a:r>
        </a:p>
      </dgm:t>
    </dgm:pt>
    <dgm:pt modelId="{3651CFEF-E6C0-DC4B-8E63-51A9019EACD7}" type="parTrans" cxnId="{1EB59BF6-D79A-ED4B-B412-B6485EBB4226}">
      <dgm:prSet/>
      <dgm:spPr/>
      <dgm:t>
        <a:bodyPr/>
        <a:lstStyle/>
        <a:p>
          <a:endParaRPr lang="en-US"/>
        </a:p>
      </dgm:t>
    </dgm:pt>
    <dgm:pt modelId="{35FEEE46-D89F-8B4D-8F24-1AF7C6DE3AC9}" type="sibTrans" cxnId="{1EB59BF6-D79A-ED4B-B412-B6485EBB4226}">
      <dgm:prSet/>
      <dgm:spPr/>
      <dgm:t>
        <a:bodyPr/>
        <a:lstStyle/>
        <a:p>
          <a:endParaRPr lang="en-US"/>
        </a:p>
      </dgm:t>
    </dgm:pt>
    <dgm:pt modelId="{48F50629-DF2D-864F-859F-FC08EECFF135}">
      <dgm:prSet phldrT="[Text]" custT="1"/>
      <dgm:spPr>
        <a:solidFill>
          <a:srgbClr val="EBEBEB">
            <a:alpha val="90000"/>
          </a:srgbClr>
        </a:solidFill>
        <a:ln>
          <a:noFill/>
        </a:ln>
      </dgm:spPr>
      <dgm:t>
        <a:bodyPr/>
        <a:lstStyle/>
        <a:p>
          <a:r>
            <a:rPr lang="en-US" sz="1300" b="0">
              <a:solidFill>
                <a:schemeClr val="accent4">
                  <a:lumMod val="50000"/>
                </a:schemeClr>
              </a:solidFill>
            </a:rPr>
            <a:t>Personas</a:t>
          </a:r>
        </a:p>
      </dgm:t>
    </dgm:pt>
    <dgm:pt modelId="{15B79B24-FB7C-7841-97AE-2DF611D16362}" type="parTrans" cxnId="{28B2F0EF-BA95-4541-B27A-3563FBFD6E27}">
      <dgm:prSet/>
      <dgm:spPr/>
      <dgm:t>
        <a:bodyPr/>
        <a:lstStyle/>
        <a:p>
          <a:endParaRPr lang="en-US"/>
        </a:p>
      </dgm:t>
    </dgm:pt>
    <dgm:pt modelId="{517A02DC-DE0F-3148-BEC5-7CBBC57274DB}" type="sibTrans" cxnId="{28B2F0EF-BA95-4541-B27A-3563FBFD6E27}">
      <dgm:prSet/>
      <dgm:spPr/>
      <dgm:t>
        <a:bodyPr/>
        <a:lstStyle/>
        <a:p>
          <a:endParaRPr lang="en-US"/>
        </a:p>
      </dgm:t>
    </dgm:pt>
    <dgm:pt modelId="{3495933B-9703-484E-A1C1-49045227D51F}">
      <dgm:prSet phldrT="[Text]" custT="1"/>
      <dgm:spPr>
        <a:solidFill>
          <a:srgbClr val="EBEBEB">
            <a:alpha val="90000"/>
          </a:srgbClr>
        </a:solidFill>
        <a:ln>
          <a:noFill/>
        </a:ln>
      </dgm:spPr>
      <dgm:t>
        <a:bodyPr/>
        <a:lstStyle/>
        <a:p>
          <a:r>
            <a:rPr lang="en-US" sz="1300" b="0">
              <a:solidFill>
                <a:schemeClr val="accent4">
                  <a:lumMod val="50000"/>
                </a:schemeClr>
              </a:solidFill>
            </a:rPr>
            <a:t>Risks</a:t>
          </a:r>
        </a:p>
      </dgm:t>
    </dgm:pt>
    <dgm:pt modelId="{0E8279EF-5BCF-064D-ABFB-25647237C539}" type="parTrans" cxnId="{1CCFA75E-BDDE-AE41-B0AC-37B9D026DFE7}">
      <dgm:prSet/>
      <dgm:spPr/>
      <dgm:t>
        <a:bodyPr/>
        <a:lstStyle/>
        <a:p>
          <a:endParaRPr lang="en-US"/>
        </a:p>
      </dgm:t>
    </dgm:pt>
    <dgm:pt modelId="{FAD72D8A-C8A1-EE42-A088-7837DDA34C4E}" type="sibTrans" cxnId="{1CCFA75E-BDDE-AE41-B0AC-37B9D026DFE7}">
      <dgm:prSet/>
      <dgm:spPr/>
      <dgm:t>
        <a:bodyPr/>
        <a:lstStyle/>
        <a:p>
          <a:endParaRPr lang="en-US"/>
        </a:p>
      </dgm:t>
    </dgm:pt>
    <dgm:pt modelId="{7EB12AAD-0432-6743-916D-1AC55756E7FC}">
      <dgm:prSet phldrT="[Text]" custT="1"/>
      <dgm:spPr>
        <a:solidFill>
          <a:srgbClr val="EBEBEB">
            <a:alpha val="90000"/>
          </a:srgbClr>
        </a:solidFill>
        <a:ln>
          <a:noFill/>
        </a:ln>
      </dgm:spPr>
      <dgm:t>
        <a:bodyPr/>
        <a:lstStyle/>
        <a:p>
          <a:r>
            <a:rPr lang="en-US" sz="1300" b="0">
              <a:solidFill>
                <a:schemeClr val="accent4">
                  <a:lumMod val="50000"/>
                </a:schemeClr>
              </a:solidFill>
            </a:rPr>
            <a:t>Release Planning</a:t>
          </a:r>
        </a:p>
      </dgm:t>
    </dgm:pt>
    <dgm:pt modelId="{51E6B2B1-1AB3-2A41-B6C2-C829FF651741}" type="parTrans" cxnId="{54C1BADD-07EB-A245-A53D-472D5C20843C}">
      <dgm:prSet/>
      <dgm:spPr/>
      <dgm:t>
        <a:bodyPr/>
        <a:lstStyle/>
        <a:p>
          <a:endParaRPr lang="en-US"/>
        </a:p>
      </dgm:t>
    </dgm:pt>
    <dgm:pt modelId="{A9276855-3F68-AA49-817F-7AAF21D61B21}" type="sibTrans" cxnId="{54C1BADD-07EB-A245-A53D-472D5C20843C}">
      <dgm:prSet/>
      <dgm:spPr/>
      <dgm:t>
        <a:bodyPr/>
        <a:lstStyle/>
        <a:p>
          <a:endParaRPr lang="en-US"/>
        </a:p>
      </dgm:t>
    </dgm:pt>
    <dgm:pt modelId="{270D6841-AC1B-5B43-8254-7BC361CB4B7D}">
      <dgm:prSet phldrT="[Text]" custT="1"/>
      <dgm:spPr>
        <a:solidFill>
          <a:srgbClr val="EBEBEB">
            <a:alpha val="90000"/>
          </a:srgbClr>
        </a:solidFill>
        <a:ln>
          <a:noFill/>
        </a:ln>
      </dgm:spPr>
      <dgm:t>
        <a:bodyPr/>
        <a:lstStyle/>
        <a:p>
          <a:r>
            <a:rPr lang="en-US" sz="1300" b="0">
              <a:solidFill>
                <a:schemeClr val="accent4">
                  <a:lumMod val="50000"/>
                </a:schemeClr>
              </a:solidFill>
            </a:rPr>
            <a:t>Opportunity Case</a:t>
          </a:r>
        </a:p>
      </dgm:t>
    </dgm:pt>
    <dgm:pt modelId="{A9ECD1D6-5043-6D45-BCA0-B56E50A27135}" type="parTrans" cxnId="{6CF27AD7-9E01-AE42-8E39-FE981458AABA}">
      <dgm:prSet/>
      <dgm:spPr/>
      <dgm:t>
        <a:bodyPr/>
        <a:lstStyle/>
        <a:p>
          <a:endParaRPr lang="en-US"/>
        </a:p>
      </dgm:t>
    </dgm:pt>
    <dgm:pt modelId="{913D2C1E-755A-5145-8B34-CB636086295B}" type="sibTrans" cxnId="{6CF27AD7-9E01-AE42-8E39-FE981458AABA}">
      <dgm:prSet/>
      <dgm:spPr/>
      <dgm:t>
        <a:bodyPr/>
        <a:lstStyle/>
        <a:p>
          <a:endParaRPr lang="en-US"/>
        </a:p>
      </dgm:t>
    </dgm:pt>
    <dgm:pt modelId="{C43CC50C-398C-A741-9537-9F95D4DE6BB4}">
      <dgm:prSet phldrT="[Text]" custT="1"/>
      <dgm:spPr>
        <a:solidFill>
          <a:srgbClr val="EBEBEB">
            <a:alpha val="90000"/>
          </a:srgbClr>
        </a:solidFill>
        <a:ln>
          <a:noFill/>
        </a:ln>
      </dgm:spPr>
      <dgm:t>
        <a:bodyPr/>
        <a:lstStyle/>
        <a:p>
          <a:r>
            <a:rPr lang="en-US" sz="1300" b="0">
              <a:solidFill>
                <a:schemeClr val="accent4">
                  <a:lumMod val="50000"/>
                </a:schemeClr>
              </a:solidFill>
            </a:rPr>
            <a:t>Roadmap</a:t>
          </a:r>
        </a:p>
      </dgm:t>
    </dgm:pt>
    <dgm:pt modelId="{CD39E0E5-0447-1B4C-B395-D0D32A4BAB3E}" type="parTrans" cxnId="{AB4E098D-5AC8-084F-88DD-761F307DC2F9}">
      <dgm:prSet/>
      <dgm:spPr/>
      <dgm:t>
        <a:bodyPr/>
        <a:lstStyle/>
        <a:p>
          <a:endParaRPr lang="en-US"/>
        </a:p>
      </dgm:t>
    </dgm:pt>
    <dgm:pt modelId="{8D3335D5-9B9E-D24B-A513-F909F65945E0}" type="sibTrans" cxnId="{AB4E098D-5AC8-084F-88DD-761F307DC2F9}">
      <dgm:prSet/>
      <dgm:spPr/>
      <dgm:t>
        <a:bodyPr/>
        <a:lstStyle/>
        <a:p>
          <a:endParaRPr lang="en-US"/>
        </a:p>
      </dgm:t>
    </dgm:pt>
    <dgm:pt modelId="{2B088818-6723-8946-9C4D-3179B73B7B2C}">
      <dgm:prSet phldrT="[Text]" custT="1"/>
      <dgm:spPr>
        <a:solidFill>
          <a:srgbClr val="EBEBEB">
            <a:alpha val="90000"/>
          </a:srgbClr>
        </a:solidFill>
        <a:ln>
          <a:noFill/>
        </a:ln>
      </dgm:spPr>
      <dgm:t>
        <a:bodyPr/>
        <a:lstStyle/>
        <a:p>
          <a:r>
            <a:rPr lang="en-US" sz="1300" b="0">
              <a:solidFill>
                <a:schemeClr val="accent4">
                  <a:lumMod val="50000"/>
                </a:schemeClr>
              </a:solidFill>
            </a:rPr>
            <a:t>Assumptions</a:t>
          </a:r>
        </a:p>
      </dgm:t>
    </dgm:pt>
    <dgm:pt modelId="{8430EF34-CB95-1D45-BDD2-F858BAB44ABA}" type="parTrans" cxnId="{B0CF0B8A-1D4C-AE42-B80C-CC077B9859B3}">
      <dgm:prSet/>
      <dgm:spPr/>
      <dgm:t>
        <a:bodyPr/>
        <a:lstStyle/>
        <a:p>
          <a:endParaRPr lang="en-US"/>
        </a:p>
      </dgm:t>
    </dgm:pt>
    <dgm:pt modelId="{F07EA066-4359-B84B-9588-3C004F12B689}" type="sibTrans" cxnId="{B0CF0B8A-1D4C-AE42-B80C-CC077B9859B3}">
      <dgm:prSet/>
      <dgm:spPr/>
      <dgm:t>
        <a:bodyPr/>
        <a:lstStyle/>
        <a:p>
          <a:endParaRPr lang="en-US"/>
        </a:p>
      </dgm:t>
    </dgm:pt>
    <dgm:pt modelId="{F10D7D2E-9534-B444-AB82-2BE63666602A}" type="pres">
      <dgm:prSet presAssocID="{1602B752-58FF-CE4B-BD0F-7FD3F5860A63}" presName="Name0" presStyleCnt="0">
        <dgm:presLayoutVars>
          <dgm:dir/>
          <dgm:animLvl val="lvl"/>
          <dgm:resizeHandles val="exact"/>
        </dgm:presLayoutVars>
      </dgm:prSet>
      <dgm:spPr/>
    </dgm:pt>
    <dgm:pt modelId="{AA07FB32-C842-8746-AFBC-4757220B986E}" type="pres">
      <dgm:prSet presAssocID="{F75C6EB8-304E-4B42-8426-0B5D64F945E6}" presName="linNode" presStyleCnt="0"/>
      <dgm:spPr/>
    </dgm:pt>
    <dgm:pt modelId="{B4E5BB7A-8A9D-7244-8842-35320B226539}" type="pres">
      <dgm:prSet presAssocID="{F75C6EB8-304E-4B42-8426-0B5D64F945E6}" presName="parentText" presStyleLbl="node1" presStyleIdx="0" presStyleCnt="4">
        <dgm:presLayoutVars>
          <dgm:chMax val="1"/>
          <dgm:bulletEnabled val="1"/>
        </dgm:presLayoutVars>
      </dgm:prSet>
      <dgm:spPr/>
    </dgm:pt>
    <dgm:pt modelId="{CA888A32-F567-844F-9681-359A05E0360C}" type="pres">
      <dgm:prSet presAssocID="{F75C6EB8-304E-4B42-8426-0B5D64F945E6}" presName="descendantText" presStyleLbl="alignAccFollowNode1" presStyleIdx="0" presStyleCnt="4">
        <dgm:presLayoutVars>
          <dgm:bulletEnabled val="1"/>
        </dgm:presLayoutVars>
      </dgm:prSet>
      <dgm:spPr/>
    </dgm:pt>
    <dgm:pt modelId="{DCD02B5B-1B25-1D4F-AC70-8F86DFCC7EAA}" type="pres">
      <dgm:prSet presAssocID="{D3A54E24-4647-8E4A-B0B3-7503E9363E6A}" presName="sp" presStyleCnt="0"/>
      <dgm:spPr/>
    </dgm:pt>
    <dgm:pt modelId="{F949A54B-1B08-7146-9016-60770AFFB6ED}" type="pres">
      <dgm:prSet presAssocID="{913BD20B-6D69-5B44-B269-B4F508EB03B5}" presName="linNode" presStyleCnt="0"/>
      <dgm:spPr/>
    </dgm:pt>
    <dgm:pt modelId="{3855A1E4-2676-484D-BC5B-9464B932CB89}" type="pres">
      <dgm:prSet presAssocID="{913BD20B-6D69-5B44-B269-B4F508EB03B5}" presName="parentText" presStyleLbl="node1" presStyleIdx="1" presStyleCnt="4">
        <dgm:presLayoutVars>
          <dgm:chMax val="1"/>
          <dgm:bulletEnabled val="1"/>
        </dgm:presLayoutVars>
      </dgm:prSet>
      <dgm:spPr/>
    </dgm:pt>
    <dgm:pt modelId="{E1E2B158-BAF1-284D-848E-2A7330AB4AF7}" type="pres">
      <dgm:prSet presAssocID="{913BD20B-6D69-5B44-B269-B4F508EB03B5}" presName="descendantText" presStyleLbl="alignAccFollowNode1" presStyleIdx="1" presStyleCnt="4">
        <dgm:presLayoutVars>
          <dgm:bulletEnabled val="1"/>
        </dgm:presLayoutVars>
      </dgm:prSet>
      <dgm:spPr/>
    </dgm:pt>
    <dgm:pt modelId="{16A7FD17-132F-1C45-8104-9972DA522A5C}" type="pres">
      <dgm:prSet presAssocID="{8C3A167E-C7D6-964D-BCEA-E141CC6730AB}" presName="sp" presStyleCnt="0"/>
      <dgm:spPr/>
    </dgm:pt>
    <dgm:pt modelId="{D1F15FC8-AAA2-3E4E-80D3-4B65EF47A08A}" type="pres">
      <dgm:prSet presAssocID="{8582B591-AC8B-6F49-AE4E-E5F9E234B515}" presName="linNode" presStyleCnt="0"/>
      <dgm:spPr/>
    </dgm:pt>
    <dgm:pt modelId="{DA50DFCE-9330-A84F-BE89-31548A2C789B}" type="pres">
      <dgm:prSet presAssocID="{8582B591-AC8B-6F49-AE4E-E5F9E234B515}" presName="parentText" presStyleLbl="node1" presStyleIdx="2" presStyleCnt="4">
        <dgm:presLayoutVars>
          <dgm:chMax val="1"/>
          <dgm:bulletEnabled val="1"/>
        </dgm:presLayoutVars>
      </dgm:prSet>
      <dgm:spPr/>
    </dgm:pt>
    <dgm:pt modelId="{E2868A16-0D2A-8749-9B46-D0E6A6B377E0}" type="pres">
      <dgm:prSet presAssocID="{8582B591-AC8B-6F49-AE4E-E5F9E234B515}" presName="descendantText" presStyleLbl="alignAccFollowNode1" presStyleIdx="2" presStyleCnt="4">
        <dgm:presLayoutVars>
          <dgm:bulletEnabled val="1"/>
        </dgm:presLayoutVars>
      </dgm:prSet>
      <dgm:spPr/>
    </dgm:pt>
    <dgm:pt modelId="{FD4BC9CC-53ED-AD49-81A2-4CEC0B2DA9DB}" type="pres">
      <dgm:prSet presAssocID="{BE401EF8-5B23-D442-9C8C-E44B4DBAEE49}" presName="sp" presStyleCnt="0"/>
      <dgm:spPr/>
    </dgm:pt>
    <dgm:pt modelId="{F3ED3B1F-29DF-F646-85EF-E6991A3877EA}" type="pres">
      <dgm:prSet presAssocID="{D665AF69-ABED-4C46-85D6-7572AE788B17}" presName="linNode" presStyleCnt="0"/>
      <dgm:spPr/>
    </dgm:pt>
    <dgm:pt modelId="{3572EDDF-E2EE-A04E-BCEA-E51329851E63}" type="pres">
      <dgm:prSet presAssocID="{D665AF69-ABED-4C46-85D6-7572AE788B17}" presName="parentText" presStyleLbl="node1" presStyleIdx="3" presStyleCnt="4">
        <dgm:presLayoutVars>
          <dgm:chMax val="1"/>
          <dgm:bulletEnabled val="1"/>
        </dgm:presLayoutVars>
      </dgm:prSet>
      <dgm:spPr/>
    </dgm:pt>
    <dgm:pt modelId="{3AFC4B6D-5B85-0346-9EEB-FA2799197F39}" type="pres">
      <dgm:prSet presAssocID="{D665AF69-ABED-4C46-85D6-7572AE788B17}" presName="descendantText" presStyleLbl="alignAccFollowNode1" presStyleIdx="3" presStyleCnt="4">
        <dgm:presLayoutVars>
          <dgm:bulletEnabled val="1"/>
        </dgm:presLayoutVars>
      </dgm:prSet>
      <dgm:spPr/>
    </dgm:pt>
  </dgm:ptLst>
  <dgm:cxnLst>
    <dgm:cxn modelId="{8D4DA806-9F43-A644-8EBE-D9143C6A1386}" srcId="{913BD20B-6D69-5B44-B269-B4F508EB03B5}" destId="{C3AB10EE-77D6-D54A-8866-D045A255CEFB}" srcOrd="0" destOrd="0" parTransId="{79F26618-9E07-9341-8DE9-FB534E840808}" sibTransId="{D7EB536F-1AEE-C241-9270-22D06A9C347C}"/>
    <dgm:cxn modelId="{5DD5F106-AC92-824B-8795-D5C13B989CEA}" srcId="{F75C6EB8-304E-4B42-8426-0B5D64F945E6}" destId="{A1C719B1-B1FC-374F-B8A9-B0B1C0FE3FB7}" srcOrd="1" destOrd="0" parTransId="{2B5F6F64-D584-734D-8493-6086B52473E2}" sibTransId="{AEBB1DAB-49FC-C04C-9245-E42AC03CF72C}"/>
    <dgm:cxn modelId="{0693490B-7480-0449-A49D-7C75F5264F04}" type="presOf" srcId="{1602B752-58FF-CE4B-BD0F-7FD3F5860A63}" destId="{F10D7D2E-9534-B444-AB82-2BE63666602A}" srcOrd="0" destOrd="0" presId="urn:microsoft.com/office/officeart/2005/8/layout/vList5"/>
    <dgm:cxn modelId="{C123F31A-A577-D241-9580-D3C346B6C820}" type="presOf" srcId="{A1C719B1-B1FC-374F-B8A9-B0B1C0FE3FB7}" destId="{CA888A32-F567-844F-9681-359A05E0360C}" srcOrd="0" destOrd="1" presId="urn:microsoft.com/office/officeart/2005/8/layout/vList5"/>
    <dgm:cxn modelId="{47C6811D-0D16-464A-9B89-9163D0AE232A}" srcId="{1602B752-58FF-CE4B-BD0F-7FD3F5860A63}" destId="{F75C6EB8-304E-4B42-8426-0B5D64F945E6}" srcOrd="0" destOrd="0" parTransId="{100F66AB-591B-AD42-9EC5-92D6854C49B3}" sibTransId="{D3A54E24-4647-8E4A-B0B3-7503E9363E6A}"/>
    <dgm:cxn modelId="{EE3A0B20-31A1-9E4A-981A-872DE3E8C133}" type="presOf" srcId="{7501CE1D-933F-714D-8B94-AC25FDA4CDA5}" destId="{E2868A16-0D2A-8749-9B46-D0E6A6B377E0}" srcOrd="0" destOrd="0" presId="urn:microsoft.com/office/officeart/2005/8/layout/vList5"/>
    <dgm:cxn modelId="{0BAC8422-DE1D-D246-B915-7A52AA701378}" srcId="{1602B752-58FF-CE4B-BD0F-7FD3F5860A63}" destId="{913BD20B-6D69-5B44-B269-B4F508EB03B5}" srcOrd="1" destOrd="0" parTransId="{586C447D-B0EE-D748-98D5-8C30C32F908F}" sibTransId="{8C3A167E-C7D6-964D-BCEA-E141CC6730AB}"/>
    <dgm:cxn modelId="{2BF5DE34-A663-CE4A-86BB-BAB068B5EB41}" type="presOf" srcId="{6B9885C8-DC2B-E146-8F58-1BB91D70E1B9}" destId="{E1E2B158-BAF1-284D-848E-2A7330AB4AF7}" srcOrd="0" destOrd="1" presId="urn:microsoft.com/office/officeart/2005/8/layout/vList5"/>
    <dgm:cxn modelId="{1373D83A-411D-654C-AA9E-3567E0BAD1F4}" type="presOf" srcId="{913BD20B-6D69-5B44-B269-B4F508EB03B5}" destId="{3855A1E4-2676-484D-BC5B-9464B932CB89}" srcOrd="0" destOrd="0" presId="urn:microsoft.com/office/officeart/2005/8/layout/vList5"/>
    <dgm:cxn modelId="{E2D2003C-F3DF-134D-B085-8FD32EBF4A9F}" type="presOf" srcId="{8582B591-AC8B-6F49-AE4E-E5F9E234B515}" destId="{DA50DFCE-9330-A84F-BE89-31548A2C789B}" srcOrd="0" destOrd="0" presId="urn:microsoft.com/office/officeart/2005/8/layout/vList5"/>
    <dgm:cxn modelId="{EF12763F-9CE3-8B47-8E14-A09FD612D0C1}" srcId="{F75C6EB8-304E-4B42-8426-0B5D64F945E6}" destId="{DEB4B2F2-AEB2-6F4F-B2AD-01D92E6DA17B}" srcOrd="0" destOrd="0" parTransId="{F5EB9178-0798-894D-91DE-2510BC727FE1}" sibTransId="{851C2835-5A34-9849-ABD7-D5C575F297C6}"/>
    <dgm:cxn modelId="{5DFB7147-DD33-C448-A9DD-82F315127B89}" type="presOf" srcId="{2B088818-6723-8946-9C4D-3179B73B7B2C}" destId="{E2868A16-0D2A-8749-9B46-D0E6A6B377E0}" srcOrd="0" destOrd="2" presId="urn:microsoft.com/office/officeart/2005/8/layout/vList5"/>
    <dgm:cxn modelId="{067F874B-AB21-A44D-96C1-DCCBE90C16DE}" type="presOf" srcId="{270D6841-AC1B-5B43-8254-7BC361CB4B7D}" destId="{3AFC4B6D-5B85-0346-9EEB-FA2799197F39}" srcOrd="0" destOrd="1" presId="urn:microsoft.com/office/officeart/2005/8/layout/vList5"/>
    <dgm:cxn modelId="{E1AADC50-2AC0-E743-80F3-2768DE72790B}" type="presOf" srcId="{65F27884-ABD4-4549-B778-FD957E0F0327}" destId="{CA888A32-F567-844F-9681-359A05E0360C}" srcOrd="0" destOrd="2" presId="urn:microsoft.com/office/officeart/2005/8/layout/vList5"/>
    <dgm:cxn modelId="{1CCFA75E-BDDE-AE41-B0AC-37B9D026DFE7}" srcId="{8582B591-AC8B-6F49-AE4E-E5F9E234B515}" destId="{3495933B-9703-484E-A1C1-49045227D51F}" srcOrd="1" destOrd="0" parTransId="{0E8279EF-5BCF-064D-ABFB-25647237C539}" sibTransId="{FAD72D8A-C8A1-EE42-A088-7837DDA34C4E}"/>
    <dgm:cxn modelId="{4AD6B072-9A35-594F-9174-7616152C2E79}" type="presOf" srcId="{48F50629-DF2D-864F-859F-FC08EECFF135}" destId="{E1E2B158-BAF1-284D-848E-2A7330AB4AF7}" srcOrd="0" destOrd="2" presId="urn:microsoft.com/office/officeart/2005/8/layout/vList5"/>
    <dgm:cxn modelId="{3E10E177-B349-4740-A054-9E4AD1967BF3}" type="presOf" srcId="{7EB12AAD-0432-6743-916D-1AC55756E7FC}" destId="{3AFC4B6D-5B85-0346-9EEB-FA2799197F39}" srcOrd="0" destOrd="0" presId="urn:microsoft.com/office/officeart/2005/8/layout/vList5"/>
    <dgm:cxn modelId="{B0CF0B8A-1D4C-AE42-B80C-CC077B9859B3}" srcId="{8582B591-AC8B-6F49-AE4E-E5F9E234B515}" destId="{2B088818-6723-8946-9C4D-3179B73B7B2C}" srcOrd="2" destOrd="0" parTransId="{8430EF34-CB95-1D45-BDD2-F858BAB44ABA}" sibTransId="{F07EA066-4359-B84B-9588-3C004F12B689}"/>
    <dgm:cxn modelId="{AB4E098D-5AC8-084F-88DD-761F307DC2F9}" srcId="{D665AF69-ABED-4C46-85D6-7572AE788B17}" destId="{C43CC50C-398C-A741-9537-9F95D4DE6BB4}" srcOrd="2" destOrd="0" parTransId="{CD39E0E5-0447-1B4C-B395-D0D32A4BAB3E}" sibTransId="{8D3335D5-9B9E-D24B-A513-F909F65945E0}"/>
    <dgm:cxn modelId="{084E4792-2E30-2448-8C50-7B46DCA16637}" type="presOf" srcId="{F75C6EB8-304E-4B42-8426-0B5D64F945E6}" destId="{B4E5BB7A-8A9D-7244-8842-35320B226539}" srcOrd="0" destOrd="0" presId="urn:microsoft.com/office/officeart/2005/8/layout/vList5"/>
    <dgm:cxn modelId="{06AF9798-75BF-6A49-B207-BFB372255BC0}" type="presOf" srcId="{3495933B-9703-484E-A1C1-49045227D51F}" destId="{E2868A16-0D2A-8749-9B46-D0E6A6B377E0}" srcOrd="0" destOrd="1" presId="urn:microsoft.com/office/officeart/2005/8/layout/vList5"/>
    <dgm:cxn modelId="{31BE149E-A8C3-8146-97AE-1B79975D8893}" srcId="{8582B591-AC8B-6F49-AE4E-E5F9E234B515}" destId="{7501CE1D-933F-714D-8B94-AC25FDA4CDA5}" srcOrd="0" destOrd="0" parTransId="{B0A72E54-EB65-9B44-BE80-541B857BC02E}" sibTransId="{7A7FD500-B76D-F34D-A471-16FDEA79E762}"/>
    <dgm:cxn modelId="{DC4DB6A6-176D-B047-9DA1-1DFE1B29A8C7}" srcId="{913BD20B-6D69-5B44-B269-B4F508EB03B5}" destId="{6B9885C8-DC2B-E146-8F58-1BB91D70E1B9}" srcOrd="1" destOrd="0" parTransId="{C2DF38FE-61D3-5942-A5EF-4F31325B864F}" sibTransId="{08FA99FD-A809-FB41-9128-BEFF541D5E92}"/>
    <dgm:cxn modelId="{6730CDC9-8064-FA43-8662-62A1D15CF630}" type="presOf" srcId="{DEB4B2F2-AEB2-6F4F-B2AD-01D92E6DA17B}" destId="{CA888A32-F567-844F-9681-359A05E0360C}" srcOrd="0" destOrd="0" presId="urn:microsoft.com/office/officeart/2005/8/layout/vList5"/>
    <dgm:cxn modelId="{6CF27AD7-9E01-AE42-8E39-FE981458AABA}" srcId="{D665AF69-ABED-4C46-85D6-7572AE788B17}" destId="{270D6841-AC1B-5B43-8254-7BC361CB4B7D}" srcOrd="1" destOrd="0" parTransId="{A9ECD1D6-5043-6D45-BCA0-B56E50A27135}" sibTransId="{913D2C1E-755A-5145-8B34-CB636086295B}"/>
    <dgm:cxn modelId="{54C1BADD-07EB-A245-A53D-472D5C20843C}" srcId="{D665AF69-ABED-4C46-85D6-7572AE788B17}" destId="{7EB12AAD-0432-6743-916D-1AC55756E7FC}" srcOrd="0" destOrd="0" parTransId="{51E6B2B1-1AB3-2A41-B6C2-C829FF651741}" sibTransId="{A9276855-3F68-AA49-817F-7AAF21D61B21}"/>
    <dgm:cxn modelId="{723D4FE1-E9FC-1741-AB70-D115D08AC27D}" srcId="{1602B752-58FF-CE4B-BD0F-7FD3F5860A63}" destId="{D665AF69-ABED-4C46-85D6-7572AE788B17}" srcOrd="3" destOrd="0" parTransId="{52C07F62-FA69-D14D-A6BB-D6F72F0B4CF6}" sibTransId="{83624E31-C108-B14D-A117-EE9A8FD59E69}"/>
    <dgm:cxn modelId="{25BDCDE8-AE15-4B40-B7EB-439D30EBB15D}" srcId="{1602B752-58FF-CE4B-BD0F-7FD3F5860A63}" destId="{8582B591-AC8B-6F49-AE4E-E5F9E234B515}" srcOrd="2" destOrd="0" parTransId="{4F48EE5C-2F6A-8849-9D8B-1744A53A144A}" sibTransId="{BE401EF8-5B23-D442-9C8C-E44B4DBAEE49}"/>
    <dgm:cxn modelId="{28B2F0EF-BA95-4541-B27A-3563FBFD6E27}" srcId="{913BD20B-6D69-5B44-B269-B4F508EB03B5}" destId="{48F50629-DF2D-864F-859F-FC08EECFF135}" srcOrd="2" destOrd="0" parTransId="{15B79B24-FB7C-7841-97AE-2DF611D16362}" sibTransId="{517A02DC-DE0F-3148-BEC5-7CBBC57274DB}"/>
    <dgm:cxn modelId="{BFD689F4-F9C4-FC47-BFE4-6E766BFC4229}" type="presOf" srcId="{D665AF69-ABED-4C46-85D6-7572AE788B17}" destId="{3572EDDF-E2EE-A04E-BCEA-E51329851E63}" srcOrd="0" destOrd="0" presId="urn:microsoft.com/office/officeart/2005/8/layout/vList5"/>
    <dgm:cxn modelId="{1EB59BF6-D79A-ED4B-B412-B6485EBB4226}" srcId="{F75C6EB8-304E-4B42-8426-0B5D64F945E6}" destId="{65F27884-ABD4-4549-B778-FD957E0F0327}" srcOrd="2" destOrd="0" parTransId="{3651CFEF-E6C0-DC4B-8E63-51A9019EACD7}" sibTransId="{35FEEE46-D89F-8B4D-8F24-1AF7C6DE3AC9}"/>
    <dgm:cxn modelId="{7AAF5DFB-BADA-C04B-9A8C-6ED856B6BB8B}" type="presOf" srcId="{C43CC50C-398C-A741-9537-9F95D4DE6BB4}" destId="{3AFC4B6D-5B85-0346-9EEB-FA2799197F39}" srcOrd="0" destOrd="2" presId="urn:microsoft.com/office/officeart/2005/8/layout/vList5"/>
    <dgm:cxn modelId="{C9C3BAFF-BB27-2349-B640-39D0F2372597}" type="presOf" srcId="{C3AB10EE-77D6-D54A-8866-D045A255CEFB}" destId="{E1E2B158-BAF1-284D-848E-2A7330AB4AF7}" srcOrd="0" destOrd="0" presId="urn:microsoft.com/office/officeart/2005/8/layout/vList5"/>
    <dgm:cxn modelId="{BCF9A69E-227C-F742-A47B-17B46C88268F}" type="presParOf" srcId="{F10D7D2E-9534-B444-AB82-2BE63666602A}" destId="{AA07FB32-C842-8746-AFBC-4757220B986E}" srcOrd="0" destOrd="0" presId="urn:microsoft.com/office/officeart/2005/8/layout/vList5"/>
    <dgm:cxn modelId="{98AFE4A0-5AFB-124E-91AA-7DDC40EE8856}" type="presParOf" srcId="{AA07FB32-C842-8746-AFBC-4757220B986E}" destId="{B4E5BB7A-8A9D-7244-8842-35320B226539}" srcOrd="0" destOrd="0" presId="urn:microsoft.com/office/officeart/2005/8/layout/vList5"/>
    <dgm:cxn modelId="{72089F40-6081-B24F-9CE9-7AE38AC6CD4C}" type="presParOf" srcId="{AA07FB32-C842-8746-AFBC-4757220B986E}" destId="{CA888A32-F567-844F-9681-359A05E0360C}" srcOrd="1" destOrd="0" presId="urn:microsoft.com/office/officeart/2005/8/layout/vList5"/>
    <dgm:cxn modelId="{799BDA7A-6DD9-4C43-A2EC-F81D380239E9}" type="presParOf" srcId="{F10D7D2E-9534-B444-AB82-2BE63666602A}" destId="{DCD02B5B-1B25-1D4F-AC70-8F86DFCC7EAA}" srcOrd="1" destOrd="0" presId="urn:microsoft.com/office/officeart/2005/8/layout/vList5"/>
    <dgm:cxn modelId="{61DA49BB-5439-7847-89F2-3D88DF3D3E0D}" type="presParOf" srcId="{F10D7D2E-9534-B444-AB82-2BE63666602A}" destId="{F949A54B-1B08-7146-9016-60770AFFB6ED}" srcOrd="2" destOrd="0" presId="urn:microsoft.com/office/officeart/2005/8/layout/vList5"/>
    <dgm:cxn modelId="{31EA6E6E-D20C-AD40-9003-4A248880C931}" type="presParOf" srcId="{F949A54B-1B08-7146-9016-60770AFFB6ED}" destId="{3855A1E4-2676-484D-BC5B-9464B932CB89}" srcOrd="0" destOrd="0" presId="urn:microsoft.com/office/officeart/2005/8/layout/vList5"/>
    <dgm:cxn modelId="{73324EB8-AF62-1F45-871F-42E1C4F50BCC}" type="presParOf" srcId="{F949A54B-1B08-7146-9016-60770AFFB6ED}" destId="{E1E2B158-BAF1-284D-848E-2A7330AB4AF7}" srcOrd="1" destOrd="0" presId="urn:microsoft.com/office/officeart/2005/8/layout/vList5"/>
    <dgm:cxn modelId="{00EEE8B2-9219-3344-9079-C2EF9EE69120}" type="presParOf" srcId="{F10D7D2E-9534-B444-AB82-2BE63666602A}" destId="{16A7FD17-132F-1C45-8104-9972DA522A5C}" srcOrd="3" destOrd="0" presId="urn:microsoft.com/office/officeart/2005/8/layout/vList5"/>
    <dgm:cxn modelId="{C77DAF25-E95C-D543-893C-7C9CC671259B}" type="presParOf" srcId="{F10D7D2E-9534-B444-AB82-2BE63666602A}" destId="{D1F15FC8-AAA2-3E4E-80D3-4B65EF47A08A}" srcOrd="4" destOrd="0" presId="urn:microsoft.com/office/officeart/2005/8/layout/vList5"/>
    <dgm:cxn modelId="{BCACD0BF-0437-A848-9E37-961DFA1BD8A0}" type="presParOf" srcId="{D1F15FC8-AAA2-3E4E-80D3-4B65EF47A08A}" destId="{DA50DFCE-9330-A84F-BE89-31548A2C789B}" srcOrd="0" destOrd="0" presId="urn:microsoft.com/office/officeart/2005/8/layout/vList5"/>
    <dgm:cxn modelId="{227690CD-6396-E049-8405-6784BFFF84F0}" type="presParOf" srcId="{D1F15FC8-AAA2-3E4E-80D3-4B65EF47A08A}" destId="{E2868A16-0D2A-8749-9B46-D0E6A6B377E0}" srcOrd="1" destOrd="0" presId="urn:microsoft.com/office/officeart/2005/8/layout/vList5"/>
    <dgm:cxn modelId="{6F8C44DF-3468-254E-9867-0F8DBB4CFEBF}" type="presParOf" srcId="{F10D7D2E-9534-B444-AB82-2BE63666602A}" destId="{FD4BC9CC-53ED-AD49-81A2-4CEC0B2DA9DB}" srcOrd="5" destOrd="0" presId="urn:microsoft.com/office/officeart/2005/8/layout/vList5"/>
    <dgm:cxn modelId="{481AC4FF-62EF-374A-8B8E-7B65C937A83B}" type="presParOf" srcId="{F10D7D2E-9534-B444-AB82-2BE63666602A}" destId="{F3ED3B1F-29DF-F646-85EF-E6991A3877EA}" srcOrd="6" destOrd="0" presId="urn:microsoft.com/office/officeart/2005/8/layout/vList5"/>
    <dgm:cxn modelId="{5E02E0A8-23F8-F94B-B0AC-FA213500DD4F}" type="presParOf" srcId="{F3ED3B1F-29DF-F646-85EF-E6991A3877EA}" destId="{3572EDDF-E2EE-A04E-BCEA-E51329851E63}" srcOrd="0" destOrd="0" presId="urn:microsoft.com/office/officeart/2005/8/layout/vList5"/>
    <dgm:cxn modelId="{91B20C90-C51D-514D-B267-A5415F4E6F41}" type="presParOf" srcId="{F3ED3B1F-29DF-F646-85EF-E6991A3877EA}" destId="{3AFC4B6D-5B85-0346-9EEB-FA2799197F39}" srcOrd="1" destOrd="0" presId="urn:microsoft.com/office/officeart/2005/8/layout/vList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4_5" csCatId="accent4" phldr="1"/>
      <dgm:spPr/>
    </dgm:pt>
    <dgm:pt modelId="{2E116C6B-C1B8-9143-8839-7BD327EF26AE}">
      <dgm:prSet phldrT="[Text]"/>
      <dgm:spPr>
        <a:solidFill>
          <a:schemeClr val="accent1"/>
        </a:solidFill>
      </dgm:spPr>
      <dgm:t>
        <a:bodyPr/>
        <a:lstStyle/>
        <a:p>
          <a:r>
            <a:rPr lang="en-US" dirty="0"/>
            <a:t>Month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a:solidFill>
          <a:schemeClr val="accent1"/>
        </a:solidFill>
      </dgm:spPr>
      <dgm:t>
        <a:bodyPr/>
        <a:lstStyle/>
        <a:p>
          <a:r>
            <a:rPr lang="en-US" dirty="0"/>
            <a:t>Month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a:solidFill>
          <a:schemeClr val="bg1">
            <a:lumMod val="85000"/>
          </a:schemeClr>
        </a:solidFill>
      </dgm:spPr>
      <dgm:t>
        <a:bodyPr/>
        <a:lstStyle/>
        <a:p>
          <a:r>
            <a:rPr lang="en-US" dirty="0"/>
            <a:t>Month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a:solidFill>
          <a:schemeClr val="bg1">
            <a:lumMod val="85000"/>
          </a:schemeClr>
        </a:solidFill>
      </dgm:spPr>
      <dgm:t>
        <a:bodyPr/>
        <a:lstStyle/>
        <a:p>
          <a:r>
            <a:rPr lang="en-US" dirty="0"/>
            <a:t>Month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6BA70F3A-3D54-3141-8E3E-3D20B1879B93}">
      <dgm:prSet phldrT="[Text]"/>
      <dgm:spPr>
        <a:solidFill>
          <a:schemeClr val="bg1">
            <a:lumMod val="85000"/>
          </a:schemeClr>
        </a:solidFill>
      </dgm:spPr>
      <dgm:t>
        <a:bodyPr/>
        <a:lstStyle/>
        <a:p>
          <a:r>
            <a:rPr lang="en-US" dirty="0"/>
            <a:t>Month 5</a:t>
          </a:r>
        </a:p>
      </dgm:t>
    </dgm:pt>
    <dgm:pt modelId="{0C567076-8DF7-DE4A-A0EB-341373F865F0}" type="parTrans" cxnId="{C643E0C0-94E1-9345-B4BE-9685BD2739CD}">
      <dgm:prSet/>
      <dgm:spPr/>
      <dgm:t>
        <a:bodyPr/>
        <a:lstStyle/>
        <a:p>
          <a:endParaRPr lang="en-US"/>
        </a:p>
      </dgm:t>
    </dgm:pt>
    <dgm:pt modelId="{7E870EA2-3781-594E-8F5D-95942472EA9D}" type="sibTrans" cxnId="{C643E0C0-94E1-9345-B4BE-9685BD2739CD}">
      <dgm:prSet/>
      <dgm:spPr/>
      <dgm:t>
        <a:bodyPr/>
        <a:lstStyle/>
        <a:p>
          <a:endParaRPr lang="en-US"/>
        </a:p>
      </dgm:t>
    </dgm:pt>
    <dgm:pt modelId="{F5D6B3E2-133D-864D-BA93-91387FC82374}">
      <dgm:prSet phldrT="[Text]"/>
      <dgm:spPr>
        <a:solidFill>
          <a:schemeClr val="bg1">
            <a:lumMod val="85000"/>
          </a:schemeClr>
        </a:solidFill>
      </dgm:spPr>
      <dgm:t>
        <a:bodyPr/>
        <a:lstStyle/>
        <a:p>
          <a:r>
            <a:rPr lang="en-US" dirty="0"/>
            <a:t>Month 6</a:t>
          </a:r>
        </a:p>
      </dgm:t>
    </dgm:pt>
    <dgm:pt modelId="{A2ACC591-70E1-A64F-ACB2-35050E032A5D}" type="parTrans" cxnId="{136F216F-F1F9-B24A-8EB5-995E6A48E6E8}">
      <dgm:prSet/>
      <dgm:spPr/>
      <dgm:t>
        <a:bodyPr/>
        <a:lstStyle/>
        <a:p>
          <a:endParaRPr lang="en-US"/>
        </a:p>
      </dgm:t>
    </dgm:pt>
    <dgm:pt modelId="{44E84D39-CD13-334E-BCF2-2797D0B4F2E6}" type="sibTrans" cxnId="{136F216F-F1F9-B24A-8EB5-995E6A48E6E8}">
      <dgm:prSet/>
      <dgm:spPr/>
      <dgm:t>
        <a:bodyPr/>
        <a:lstStyle/>
        <a:p>
          <a:endParaRPr lang="en-US"/>
        </a:p>
      </dgm:t>
    </dgm:pt>
    <dgm:pt modelId="{9CB8935A-9D49-BB44-BD1B-5119A1C1C5C0}">
      <dgm:prSet phldrT="[Text]"/>
      <dgm:spPr>
        <a:solidFill>
          <a:schemeClr val="bg1">
            <a:lumMod val="85000"/>
          </a:schemeClr>
        </a:solidFill>
      </dgm:spPr>
      <dgm:t>
        <a:bodyPr/>
        <a:lstStyle/>
        <a:p>
          <a:r>
            <a:rPr lang="en-US" dirty="0"/>
            <a:t>Month 7</a:t>
          </a:r>
        </a:p>
      </dgm:t>
    </dgm:pt>
    <dgm:pt modelId="{3EDA7E4D-DE64-544F-9589-AFE692B28099}" type="parTrans" cxnId="{9D32DE28-61BA-F744-846F-09D5DEFB0AE9}">
      <dgm:prSet/>
      <dgm:spPr/>
      <dgm:t>
        <a:bodyPr/>
        <a:lstStyle/>
        <a:p>
          <a:endParaRPr lang="en-US"/>
        </a:p>
      </dgm:t>
    </dgm:pt>
    <dgm:pt modelId="{6EB7D773-B2F7-E541-B389-686ED9293BAD}" type="sibTrans" cxnId="{9D32DE28-61BA-F744-846F-09D5DEFB0AE9}">
      <dgm:prSet/>
      <dgm:spPr/>
      <dgm:t>
        <a:bodyPr/>
        <a:lstStyle/>
        <a:p>
          <a:endParaRPr lang="en-US"/>
        </a:p>
      </dgm:t>
    </dgm:pt>
    <dgm:pt modelId="{E5B03628-D444-844F-BCA0-A700B7607177}">
      <dgm:prSet phldrT="[Text]"/>
      <dgm:spPr>
        <a:solidFill>
          <a:schemeClr val="bg1">
            <a:lumMod val="85000"/>
          </a:schemeClr>
        </a:solidFill>
      </dgm:spPr>
      <dgm:t>
        <a:bodyPr/>
        <a:lstStyle/>
        <a:p>
          <a:r>
            <a:rPr lang="en-US" dirty="0"/>
            <a:t>Month 8</a:t>
          </a:r>
        </a:p>
      </dgm:t>
    </dgm:pt>
    <dgm:pt modelId="{3AE3AD21-8F1A-564D-91F7-4C4E0785B2B2}" type="parTrans" cxnId="{A2C11CA5-6CBE-7548-9C09-D06A89C2EC8C}">
      <dgm:prSet/>
      <dgm:spPr/>
      <dgm:t>
        <a:bodyPr/>
        <a:lstStyle/>
        <a:p>
          <a:endParaRPr lang="en-US"/>
        </a:p>
      </dgm:t>
    </dgm:pt>
    <dgm:pt modelId="{01C091AE-C10D-B249-94E1-17CD3B07AFB3}" type="sibTrans" cxnId="{A2C11CA5-6CBE-7548-9C09-D06A89C2EC8C}">
      <dgm:prSet/>
      <dgm:spPr/>
      <dgm:t>
        <a:bodyPr/>
        <a:lstStyle/>
        <a:p>
          <a:endParaRPr lang="en-US"/>
        </a:p>
      </dgm:t>
    </dgm:pt>
    <dgm:pt modelId="{D0893B01-BFF4-3647-A373-B7F1672DC978}">
      <dgm:prSet phldrT="[Text]"/>
      <dgm:spPr>
        <a:solidFill>
          <a:schemeClr val="bg1">
            <a:lumMod val="85000"/>
          </a:schemeClr>
        </a:solidFill>
      </dgm:spPr>
      <dgm:t>
        <a:bodyPr/>
        <a:lstStyle/>
        <a:p>
          <a:r>
            <a:rPr lang="en-US" dirty="0"/>
            <a:t>Month 9</a:t>
          </a:r>
        </a:p>
      </dgm:t>
    </dgm:pt>
    <dgm:pt modelId="{AF1AA3F2-1844-F342-99D9-D4850E230535}" type="parTrans" cxnId="{6DA81650-4740-2F40-989B-245A3E2BE897}">
      <dgm:prSet/>
      <dgm:spPr/>
      <dgm:t>
        <a:bodyPr/>
        <a:lstStyle/>
        <a:p>
          <a:endParaRPr lang="en-US"/>
        </a:p>
      </dgm:t>
    </dgm:pt>
    <dgm:pt modelId="{AD42D8B3-BD14-3540-AFF2-493D10E4E67F}" type="sibTrans" cxnId="{6DA81650-4740-2F40-989B-245A3E2BE897}">
      <dgm:prSet/>
      <dgm:spPr/>
      <dgm:t>
        <a:bodyPr/>
        <a:lstStyle/>
        <a:p>
          <a:endParaRPr lang="en-US"/>
        </a:p>
      </dgm:t>
    </dgm:pt>
    <dgm:pt modelId="{23C19E56-3F53-8240-9F9D-37417F772BD6}">
      <dgm:prSet phldrT="[Text]"/>
      <dgm:spPr>
        <a:solidFill>
          <a:schemeClr val="bg1">
            <a:lumMod val="85000"/>
          </a:schemeClr>
        </a:solidFill>
      </dgm:spPr>
      <dgm:t>
        <a:bodyPr/>
        <a:lstStyle/>
        <a:p>
          <a:r>
            <a:rPr lang="en-US" dirty="0"/>
            <a:t>Month 10</a:t>
          </a:r>
        </a:p>
      </dgm:t>
    </dgm:pt>
    <dgm:pt modelId="{FC01C80A-BFFC-E441-BD6B-C2CE3754BC59}" type="parTrans" cxnId="{B116FC17-799C-8843-BD75-1D37A9179AF6}">
      <dgm:prSet/>
      <dgm:spPr/>
      <dgm:t>
        <a:bodyPr/>
        <a:lstStyle/>
        <a:p>
          <a:endParaRPr lang="en-US"/>
        </a:p>
      </dgm:t>
    </dgm:pt>
    <dgm:pt modelId="{E6D0CBD5-5A72-9349-B78B-755469DDA692}" type="sibTrans" cxnId="{B116FC17-799C-8843-BD75-1D37A9179AF6}">
      <dgm:prSet/>
      <dgm:spPr/>
      <dgm:t>
        <a:bodyPr/>
        <a:lstStyle/>
        <a:p>
          <a:endParaRPr lang="en-US"/>
        </a:p>
      </dgm:t>
    </dgm:pt>
    <dgm:pt modelId="{BC4B1D52-AC7D-EF40-ADC2-8191D7E636A5}">
      <dgm:prSet phldrT="[Text]"/>
      <dgm:spPr>
        <a:solidFill>
          <a:schemeClr val="bg1">
            <a:lumMod val="85000"/>
          </a:schemeClr>
        </a:solidFill>
      </dgm:spPr>
      <dgm:t>
        <a:bodyPr/>
        <a:lstStyle/>
        <a:p>
          <a:r>
            <a:rPr lang="en-US" dirty="0"/>
            <a:t>Month 11</a:t>
          </a:r>
        </a:p>
      </dgm:t>
    </dgm:pt>
    <dgm:pt modelId="{83E0DB81-AC78-F54A-AD88-CA0BED9551DC}" type="parTrans" cxnId="{0AB0CC75-DA02-2A42-B2F6-267344D771A9}">
      <dgm:prSet/>
      <dgm:spPr/>
      <dgm:t>
        <a:bodyPr/>
        <a:lstStyle/>
        <a:p>
          <a:endParaRPr lang="en-US"/>
        </a:p>
      </dgm:t>
    </dgm:pt>
    <dgm:pt modelId="{8155EBE7-145D-3045-B4D5-A2FB590F3E70}" type="sibTrans" cxnId="{0AB0CC75-DA02-2A42-B2F6-267344D771A9}">
      <dgm:prSet/>
      <dgm:spPr/>
      <dgm:t>
        <a:bodyPr/>
        <a:lstStyle/>
        <a:p>
          <a:endParaRPr lang="en-US"/>
        </a:p>
      </dgm:t>
    </dgm:pt>
    <dgm:pt modelId="{924DCAD4-5F17-7C44-B591-115356CF3831}">
      <dgm:prSet phldrT="[Text]"/>
      <dgm:spPr>
        <a:solidFill>
          <a:schemeClr val="bg1">
            <a:lumMod val="85000"/>
          </a:schemeClr>
        </a:solidFill>
      </dgm:spPr>
      <dgm:t>
        <a:bodyPr/>
        <a:lstStyle/>
        <a:p>
          <a:r>
            <a:rPr lang="en-US"/>
            <a:t>Month </a:t>
          </a:r>
          <a:r>
            <a:rPr lang="en-US" dirty="0"/>
            <a:t>12</a:t>
          </a:r>
        </a:p>
      </dgm:t>
    </dgm:pt>
    <dgm:pt modelId="{9C4C81A4-0AE7-4641-9CC8-947D1A2983A6}" type="parTrans" cxnId="{FE42BEA0-E062-B84F-BAB1-7F499112563E}">
      <dgm:prSet/>
      <dgm:spPr/>
      <dgm:t>
        <a:bodyPr/>
        <a:lstStyle/>
        <a:p>
          <a:endParaRPr lang="en-US"/>
        </a:p>
      </dgm:t>
    </dgm:pt>
    <dgm:pt modelId="{17628B93-F602-0545-AA5B-7223EA392249}" type="sibTrans" cxnId="{FE42BEA0-E062-B84F-BAB1-7F499112563E}">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12">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12">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12">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12">
        <dgm:presLayoutVars>
          <dgm:bulletEnabled val="1"/>
        </dgm:presLayoutVars>
      </dgm:prSet>
      <dgm:spPr/>
    </dgm:pt>
    <dgm:pt modelId="{4DB0A912-015E-F54B-AFCF-9E01D80BB765}" type="pres">
      <dgm:prSet presAssocID="{49C5F9F7-AE5F-B141-BC2C-2898192A370D}" presName="parSpace" presStyleCnt="0"/>
      <dgm:spPr/>
    </dgm:pt>
    <dgm:pt modelId="{C2359B7F-CB8F-EC42-B4C3-050C16F42CFD}" type="pres">
      <dgm:prSet presAssocID="{6BA70F3A-3D54-3141-8E3E-3D20B1879B93}" presName="parTxOnly" presStyleLbl="node1" presStyleIdx="4" presStyleCnt="12">
        <dgm:presLayoutVars>
          <dgm:bulletEnabled val="1"/>
        </dgm:presLayoutVars>
      </dgm:prSet>
      <dgm:spPr/>
    </dgm:pt>
    <dgm:pt modelId="{82048E63-EC94-1E41-82BD-0145FBEB2C86}" type="pres">
      <dgm:prSet presAssocID="{7E870EA2-3781-594E-8F5D-95942472EA9D}" presName="parSpace" presStyleCnt="0"/>
      <dgm:spPr/>
    </dgm:pt>
    <dgm:pt modelId="{7F02DCD0-1033-D447-9CA9-3DA883DF1990}" type="pres">
      <dgm:prSet presAssocID="{F5D6B3E2-133D-864D-BA93-91387FC82374}" presName="parTxOnly" presStyleLbl="node1" presStyleIdx="5" presStyleCnt="12">
        <dgm:presLayoutVars>
          <dgm:bulletEnabled val="1"/>
        </dgm:presLayoutVars>
      </dgm:prSet>
      <dgm:spPr/>
    </dgm:pt>
    <dgm:pt modelId="{498E2210-870F-2C42-9932-7E74816A0C53}" type="pres">
      <dgm:prSet presAssocID="{44E84D39-CD13-334E-BCF2-2797D0B4F2E6}" presName="parSpace" presStyleCnt="0"/>
      <dgm:spPr/>
    </dgm:pt>
    <dgm:pt modelId="{83154A96-9DD8-B74C-85EB-5A9EE8918262}" type="pres">
      <dgm:prSet presAssocID="{9CB8935A-9D49-BB44-BD1B-5119A1C1C5C0}" presName="parTxOnly" presStyleLbl="node1" presStyleIdx="6" presStyleCnt="12">
        <dgm:presLayoutVars>
          <dgm:bulletEnabled val="1"/>
        </dgm:presLayoutVars>
      </dgm:prSet>
      <dgm:spPr/>
    </dgm:pt>
    <dgm:pt modelId="{6014F0C3-AD36-5947-8A3C-24BCB6C96936}" type="pres">
      <dgm:prSet presAssocID="{6EB7D773-B2F7-E541-B389-686ED9293BAD}" presName="parSpace" presStyleCnt="0"/>
      <dgm:spPr/>
    </dgm:pt>
    <dgm:pt modelId="{AB78FE09-DB85-3D44-BEB2-B271C5B807E0}" type="pres">
      <dgm:prSet presAssocID="{E5B03628-D444-844F-BCA0-A700B7607177}" presName="parTxOnly" presStyleLbl="node1" presStyleIdx="7" presStyleCnt="12">
        <dgm:presLayoutVars>
          <dgm:bulletEnabled val="1"/>
        </dgm:presLayoutVars>
      </dgm:prSet>
      <dgm:spPr/>
    </dgm:pt>
    <dgm:pt modelId="{559D444F-CAA1-A941-87E3-C7CF056E6AE3}" type="pres">
      <dgm:prSet presAssocID="{01C091AE-C10D-B249-94E1-17CD3B07AFB3}" presName="parSpace" presStyleCnt="0"/>
      <dgm:spPr/>
    </dgm:pt>
    <dgm:pt modelId="{B504BB1E-0653-6843-9F8F-CEACB35BAC88}" type="pres">
      <dgm:prSet presAssocID="{D0893B01-BFF4-3647-A373-B7F1672DC978}" presName="parTxOnly" presStyleLbl="node1" presStyleIdx="8" presStyleCnt="12">
        <dgm:presLayoutVars>
          <dgm:bulletEnabled val="1"/>
        </dgm:presLayoutVars>
      </dgm:prSet>
      <dgm:spPr/>
    </dgm:pt>
    <dgm:pt modelId="{01ED2D9F-A9CD-C844-9DD1-0CF45462E718}" type="pres">
      <dgm:prSet presAssocID="{AD42D8B3-BD14-3540-AFF2-493D10E4E67F}" presName="parSpace" presStyleCnt="0"/>
      <dgm:spPr/>
    </dgm:pt>
    <dgm:pt modelId="{BB6E7E5B-38D0-734F-ADEE-B01CFC8F1C00}" type="pres">
      <dgm:prSet presAssocID="{23C19E56-3F53-8240-9F9D-37417F772BD6}" presName="parTxOnly" presStyleLbl="node1" presStyleIdx="9" presStyleCnt="12">
        <dgm:presLayoutVars>
          <dgm:bulletEnabled val="1"/>
        </dgm:presLayoutVars>
      </dgm:prSet>
      <dgm:spPr/>
    </dgm:pt>
    <dgm:pt modelId="{0925315D-1875-D64E-BBA8-FF115AE4C551}" type="pres">
      <dgm:prSet presAssocID="{E6D0CBD5-5A72-9349-B78B-755469DDA692}" presName="parSpace" presStyleCnt="0"/>
      <dgm:spPr/>
    </dgm:pt>
    <dgm:pt modelId="{45FF2AAE-E4F9-1846-BDA0-0BBA049F3E35}" type="pres">
      <dgm:prSet presAssocID="{BC4B1D52-AC7D-EF40-ADC2-8191D7E636A5}" presName="parTxOnly" presStyleLbl="node1" presStyleIdx="10" presStyleCnt="12">
        <dgm:presLayoutVars>
          <dgm:bulletEnabled val="1"/>
        </dgm:presLayoutVars>
      </dgm:prSet>
      <dgm:spPr/>
    </dgm:pt>
    <dgm:pt modelId="{7F5ACB1D-0434-A54D-9C8D-E6ECFB8A2E79}" type="pres">
      <dgm:prSet presAssocID="{8155EBE7-145D-3045-B4D5-A2FB590F3E70}" presName="parSpace" presStyleCnt="0"/>
      <dgm:spPr/>
    </dgm:pt>
    <dgm:pt modelId="{1B83875F-83A0-6F40-958B-283950257C57}" type="pres">
      <dgm:prSet presAssocID="{924DCAD4-5F17-7C44-B591-115356CF3831}" presName="parTxOnly" presStyleLbl="node1" presStyleIdx="11" presStyleCnt="12">
        <dgm:presLayoutVars>
          <dgm:bulletEnabled val="1"/>
        </dgm:presLayoutVars>
      </dgm:prSet>
      <dgm:spPr/>
    </dgm:pt>
  </dgm:ptLst>
  <dgm:cxnLst>
    <dgm:cxn modelId="{B495F60D-4EAF-E545-ACBC-3941924D42C9}" type="presOf" srcId="{924DCAD4-5F17-7C44-B591-115356CF3831}" destId="{1B83875F-83A0-6F40-958B-283950257C57}" srcOrd="0" destOrd="0" presId="urn:microsoft.com/office/officeart/2005/8/layout/hChevron3"/>
    <dgm:cxn modelId="{B1858A10-DE95-A145-BCD9-28CBCBF289AB}" type="presOf" srcId="{D0893B01-BFF4-3647-A373-B7F1672DC978}" destId="{B504BB1E-0653-6843-9F8F-CEACB35BAC88}" srcOrd="0" destOrd="0" presId="urn:microsoft.com/office/officeart/2005/8/layout/hChevron3"/>
    <dgm:cxn modelId="{B116FC17-799C-8843-BD75-1D37A9179AF6}" srcId="{BFB1C713-2822-0642-971D-67D8852E3364}" destId="{23C19E56-3F53-8240-9F9D-37417F772BD6}" srcOrd="9" destOrd="0" parTransId="{FC01C80A-BFFC-E441-BD6B-C2CE3754BC59}" sibTransId="{E6D0CBD5-5A72-9349-B78B-755469DDA692}"/>
    <dgm:cxn modelId="{B088E225-C870-0E47-B562-A50208D1A5EF}" srcId="{BFB1C713-2822-0642-971D-67D8852E3364}" destId="{65895D85-F9BC-9E43-8AC6-DA68BD2EBB0C}" srcOrd="1" destOrd="0" parTransId="{C80ABF91-119F-AD4D-A6A0-73F9DDED4537}" sibTransId="{9A502B5C-347D-DB42-83C5-CA2D69447932}"/>
    <dgm:cxn modelId="{9D32DE28-61BA-F744-846F-09D5DEFB0AE9}" srcId="{BFB1C713-2822-0642-971D-67D8852E3364}" destId="{9CB8935A-9D49-BB44-BD1B-5119A1C1C5C0}" srcOrd="6" destOrd="0" parTransId="{3EDA7E4D-DE64-544F-9589-AFE692B28099}" sibTransId="{6EB7D773-B2F7-E541-B389-686ED9293BAD}"/>
    <dgm:cxn modelId="{4C5D0D37-0160-3141-A9FF-97A0766979DD}" type="presOf" srcId="{F5D6B3E2-133D-864D-BA93-91387FC82374}" destId="{7F02DCD0-1033-D447-9CA9-3DA883DF1990}" srcOrd="0" destOrd="0" presId="urn:microsoft.com/office/officeart/2005/8/layout/hChevron3"/>
    <dgm:cxn modelId="{31D2073D-BAC2-E741-8362-8F8703223972}" srcId="{BFB1C713-2822-0642-971D-67D8852E3364}" destId="{201FA7D1-4673-164B-A870-07B69404D1D4}" srcOrd="3" destOrd="0" parTransId="{AA15B90E-7C06-A54F-AD91-0DC8E0016736}" sibTransId="{49C5F9F7-AE5F-B141-BC2C-2898192A370D}"/>
    <dgm:cxn modelId="{6DA81650-4740-2F40-989B-245A3E2BE897}" srcId="{BFB1C713-2822-0642-971D-67D8852E3364}" destId="{D0893B01-BFF4-3647-A373-B7F1672DC978}" srcOrd="8" destOrd="0" parTransId="{AF1AA3F2-1844-F342-99D9-D4850E230535}" sibTransId="{AD42D8B3-BD14-3540-AFF2-493D10E4E67F}"/>
    <dgm:cxn modelId="{57C96565-7AB2-6D42-BEF9-704A7D72DE00}" type="presOf" srcId="{9AABBBD2-5E5E-9A45-93E6-024DF8331810}" destId="{47904C27-172E-E045-91F3-8A5A0AC65125}" srcOrd="0" destOrd="0" presId="urn:microsoft.com/office/officeart/2005/8/layout/hChevron3"/>
    <dgm:cxn modelId="{136F216F-F1F9-B24A-8EB5-995E6A48E6E8}" srcId="{BFB1C713-2822-0642-971D-67D8852E3364}" destId="{F5D6B3E2-133D-864D-BA93-91387FC82374}" srcOrd="5" destOrd="0" parTransId="{A2ACC591-70E1-A64F-ACB2-35050E032A5D}" sibTransId="{44E84D39-CD13-334E-BCF2-2797D0B4F2E6}"/>
    <dgm:cxn modelId="{9C156B70-9915-584C-9B6A-D7EDF22D12B4}" srcId="{BFB1C713-2822-0642-971D-67D8852E3364}" destId="{9AABBBD2-5E5E-9A45-93E6-024DF8331810}" srcOrd="2" destOrd="0" parTransId="{8DE9B082-385A-054E-805A-93D0B928988D}" sibTransId="{7E92C188-48A2-A24E-9626-10646C9B8C4C}"/>
    <dgm:cxn modelId="{0AB0CC75-DA02-2A42-B2F6-267344D771A9}" srcId="{BFB1C713-2822-0642-971D-67D8852E3364}" destId="{BC4B1D52-AC7D-EF40-ADC2-8191D7E636A5}" srcOrd="10" destOrd="0" parTransId="{83E0DB81-AC78-F54A-AD88-CA0BED9551DC}" sibTransId="{8155EBE7-145D-3045-B4D5-A2FB590F3E70}"/>
    <dgm:cxn modelId="{1A31F682-2EBC-0F47-817A-7EA72C580567}" type="presOf" srcId="{E5B03628-D444-844F-BCA0-A700B7607177}" destId="{AB78FE09-DB85-3D44-BEB2-B271C5B807E0}"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25454D91-F20D-5749-BF01-C3C9DA7985CC}" type="presOf" srcId="{BC4B1D52-AC7D-EF40-ADC2-8191D7E636A5}" destId="{45FF2AAE-E4F9-1846-BDA0-0BBA049F3E35}" srcOrd="0" destOrd="0" presId="urn:microsoft.com/office/officeart/2005/8/layout/hChevron3"/>
    <dgm:cxn modelId="{FE42BEA0-E062-B84F-BAB1-7F499112563E}" srcId="{BFB1C713-2822-0642-971D-67D8852E3364}" destId="{924DCAD4-5F17-7C44-B591-115356CF3831}" srcOrd="11" destOrd="0" parTransId="{9C4C81A4-0AE7-4641-9CC8-947D1A2983A6}" sibTransId="{17628B93-F602-0545-AA5B-7223EA392249}"/>
    <dgm:cxn modelId="{7C9779A1-D916-1145-8EAC-7D7B05D34863}" type="presOf" srcId="{65895D85-F9BC-9E43-8AC6-DA68BD2EBB0C}" destId="{91F73428-6E2C-1848-8C4C-42EAFE35EB4F}" srcOrd="0" destOrd="0" presId="urn:microsoft.com/office/officeart/2005/8/layout/hChevron3"/>
    <dgm:cxn modelId="{A2C11CA5-6CBE-7548-9C09-D06A89C2EC8C}" srcId="{BFB1C713-2822-0642-971D-67D8852E3364}" destId="{E5B03628-D444-844F-BCA0-A700B7607177}" srcOrd="7" destOrd="0" parTransId="{3AE3AD21-8F1A-564D-91F7-4C4E0785B2B2}" sibTransId="{01C091AE-C10D-B249-94E1-17CD3B07AFB3}"/>
    <dgm:cxn modelId="{55B9C0B3-9F52-D942-A35C-58C06FA2917B}" type="presOf" srcId="{2E116C6B-C1B8-9143-8839-7BD327EF26AE}" destId="{0B98E2E4-7E61-BF45-9002-438D1AD64EC9}" srcOrd="0" destOrd="0" presId="urn:microsoft.com/office/officeart/2005/8/layout/hChevron3"/>
    <dgm:cxn modelId="{C643E0C0-94E1-9345-B4BE-9685BD2739CD}" srcId="{BFB1C713-2822-0642-971D-67D8852E3364}" destId="{6BA70F3A-3D54-3141-8E3E-3D20B1879B93}" srcOrd="4" destOrd="0" parTransId="{0C567076-8DF7-DE4A-A0EB-341373F865F0}" sibTransId="{7E870EA2-3781-594E-8F5D-95942472EA9D}"/>
    <dgm:cxn modelId="{FF545FC9-BB8F-4145-9FD0-5A625D73DFB3}" type="presOf" srcId="{BFB1C713-2822-0642-971D-67D8852E3364}" destId="{82E90554-E42A-5248-935B-DE2F8293B9CB}" srcOrd="0" destOrd="0" presId="urn:microsoft.com/office/officeart/2005/8/layout/hChevron3"/>
    <dgm:cxn modelId="{CBCC59DA-CF5B-E24C-8FB9-A2797D3D1A68}" type="presOf" srcId="{6BA70F3A-3D54-3141-8E3E-3D20B1879B93}" destId="{C2359B7F-CB8F-EC42-B4C3-050C16F42CFD}" srcOrd="0" destOrd="0" presId="urn:microsoft.com/office/officeart/2005/8/layout/hChevron3"/>
    <dgm:cxn modelId="{D8C42EE0-9B88-7A46-ABB2-3C285987ED17}" type="presOf" srcId="{201FA7D1-4673-164B-A870-07B69404D1D4}" destId="{E569B5B3-1E70-B741-AAA2-79F249C73546}" srcOrd="0" destOrd="0" presId="urn:microsoft.com/office/officeart/2005/8/layout/hChevron3"/>
    <dgm:cxn modelId="{911E85F0-C7C1-AA4A-96E1-5ECBD31288A7}" type="presOf" srcId="{9CB8935A-9D49-BB44-BD1B-5119A1C1C5C0}" destId="{83154A96-9DD8-B74C-85EB-5A9EE8918262}" srcOrd="0" destOrd="0" presId="urn:microsoft.com/office/officeart/2005/8/layout/hChevron3"/>
    <dgm:cxn modelId="{41062FFD-FDBB-7649-96F3-380F95DE55DE}" type="presOf" srcId="{23C19E56-3F53-8240-9F9D-37417F772BD6}" destId="{BB6E7E5B-38D0-734F-ADEE-B01CFC8F1C00}" srcOrd="0" destOrd="0" presId="urn:microsoft.com/office/officeart/2005/8/layout/hChevron3"/>
    <dgm:cxn modelId="{491FF88D-6F26-DD4A-83D2-C36B3B61840C}" type="presParOf" srcId="{82E90554-E42A-5248-935B-DE2F8293B9CB}" destId="{0B98E2E4-7E61-BF45-9002-438D1AD64EC9}" srcOrd="0" destOrd="0" presId="urn:microsoft.com/office/officeart/2005/8/layout/hChevron3"/>
    <dgm:cxn modelId="{6F950650-8EDD-7E4E-BB94-5A447D0AFAD0}" type="presParOf" srcId="{82E90554-E42A-5248-935B-DE2F8293B9CB}" destId="{C0E157E5-CE26-1542-8B42-34971273D584}" srcOrd="1" destOrd="0" presId="urn:microsoft.com/office/officeart/2005/8/layout/hChevron3"/>
    <dgm:cxn modelId="{D190AEAE-54BF-604C-8D91-9EAA0BB5DE2E}" type="presParOf" srcId="{82E90554-E42A-5248-935B-DE2F8293B9CB}" destId="{91F73428-6E2C-1848-8C4C-42EAFE35EB4F}" srcOrd="2" destOrd="0" presId="urn:microsoft.com/office/officeart/2005/8/layout/hChevron3"/>
    <dgm:cxn modelId="{14C37E5C-8428-CC4A-BE39-891436A9DC41}" type="presParOf" srcId="{82E90554-E42A-5248-935B-DE2F8293B9CB}" destId="{5E3365C3-A6F2-2C40-A058-F759206C8753}" srcOrd="3" destOrd="0" presId="urn:microsoft.com/office/officeart/2005/8/layout/hChevron3"/>
    <dgm:cxn modelId="{7F07C75A-7257-0146-B78F-E7E627572E95}" type="presParOf" srcId="{82E90554-E42A-5248-935B-DE2F8293B9CB}" destId="{47904C27-172E-E045-91F3-8A5A0AC65125}" srcOrd="4" destOrd="0" presId="urn:microsoft.com/office/officeart/2005/8/layout/hChevron3"/>
    <dgm:cxn modelId="{2A691826-30CA-BF44-8837-7EEB22586C6A}" type="presParOf" srcId="{82E90554-E42A-5248-935B-DE2F8293B9CB}" destId="{037E5992-A1C2-114D-89BB-8FFC76AE48FF}" srcOrd="5" destOrd="0" presId="urn:microsoft.com/office/officeart/2005/8/layout/hChevron3"/>
    <dgm:cxn modelId="{C367380D-35F2-0D48-8AD2-1825D75890BC}" type="presParOf" srcId="{82E90554-E42A-5248-935B-DE2F8293B9CB}" destId="{E569B5B3-1E70-B741-AAA2-79F249C73546}" srcOrd="6" destOrd="0" presId="urn:microsoft.com/office/officeart/2005/8/layout/hChevron3"/>
    <dgm:cxn modelId="{98B2B10C-856A-B745-B815-551D339D0C9F}" type="presParOf" srcId="{82E90554-E42A-5248-935B-DE2F8293B9CB}" destId="{4DB0A912-015E-F54B-AFCF-9E01D80BB765}" srcOrd="7" destOrd="0" presId="urn:microsoft.com/office/officeart/2005/8/layout/hChevron3"/>
    <dgm:cxn modelId="{B09D956D-C24C-FA4F-8625-052D86466D8C}" type="presParOf" srcId="{82E90554-E42A-5248-935B-DE2F8293B9CB}" destId="{C2359B7F-CB8F-EC42-B4C3-050C16F42CFD}" srcOrd="8" destOrd="0" presId="urn:microsoft.com/office/officeart/2005/8/layout/hChevron3"/>
    <dgm:cxn modelId="{506E9473-4E91-274D-AAA8-7F3C416C3C95}" type="presParOf" srcId="{82E90554-E42A-5248-935B-DE2F8293B9CB}" destId="{82048E63-EC94-1E41-82BD-0145FBEB2C86}" srcOrd="9" destOrd="0" presId="urn:microsoft.com/office/officeart/2005/8/layout/hChevron3"/>
    <dgm:cxn modelId="{EF2B519B-62FF-0042-AE11-871809B75817}" type="presParOf" srcId="{82E90554-E42A-5248-935B-DE2F8293B9CB}" destId="{7F02DCD0-1033-D447-9CA9-3DA883DF1990}" srcOrd="10" destOrd="0" presId="urn:microsoft.com/office/officeart/2005/8/layout/hChevron3"/>
    <dgm:cxn modelId="{F1730322-782C-F942-84A7-F0309EC51E91}" type="presParOf" srcId="{82E90554-E42A-5248-935B-DE2F8293B9CB}" destId="{498E2210-870F-2C42-9932-7E74816A0C53}" srcOrd="11" destOrd="0" presId="urn:microsoft.com/office/officeart/2005/8/layout/hChevron3"/>
    <dgm:cxn modelId="{A5E04906-7984-C742-83FF-C8F89891FB96}" type="presParOf" srcId="{82E90554-E42A-5248-935B-DE2F8293B9CB}" destId="{83154A96-9DD8-B74C-85EB-5A9EE8918262}" srcOrd="12" destOrd="0" presId="urn:microsoft.com/office/officeart/2005/8/layout/hChevron3"/>
    <dgm:cxn modelId="{648A1933-DCBA-EC4D-A156-4DB12DAB5E5C}" type="presParOf" srcId="{82E90554-E42A-5248-935B-DE2F8293B9CB}" destId="{6014F0C3-AD36-5947-8A3C-24BCB6C96936}" srcOrd="13" destOrd="0" presId="urn:microsoft.com/office/officeart/2005/8/layout/hChevron3"/>
    <dgm:cxn modelId="{868D09DC-01BD-414E-AAED-D719C68EFADB}" type="presParOf" srcId="{82E90554-E42A-5248-935B-DE2F8293B9CB}" destId="{AB78FE09-DB85-3D44-BEB2-B271C5B807E0}" srcOrd="14" destOrd="0" presId="urn:microsoft.com/office/officeart/2005/8/layout/hChevron3"/>
    <dgm:cxn modelId="{B5D2CE1A-7418-9C41-8050-2EA64E99C68C}" type="presParOf" srcId="{82E90554-E42A-5248-935B-DE2F8293B9CB}" destId="{559D444F-CAA1-A941-87E3-C7CF056E6AE3}" srcOrd="15" destOrd="0" presId="urn:microsoft.com/office/officeart/2005/8/layout/hChevron3"/>
    <dgm:cxn modelId="{13436E21-A9DA-7943-9A16-ED0E4CD4F6BD}" type="presParOf" srcId="{82E90554-E42A-5248-935B-DE2F8293B9CB}" destId="{B504BB1E-0653-6843-9F8F-CEACB35BAC88}" srcOrd="16" destOrd="0" presId="urn:microsoft.com/office/officeart/2005/8/layout/hChevron3"/>
    <dgm:cxn modelId="{FF0F3311-CAA4-AA44-900B-BE2226670D01}" type="presParOf" srcId="{82E90554-E42A-5248-935B-DE2F8293B9CB}" destId="{01ED2D9F-A9CD-C844-9DD1-0CF45462E718}" srcOrd="17" destOrd="0" presId="urn:microsoft.com/office/officeart/2005/8/layout/hChevron3"/>
    <dgm:cxn modelId="{E68BF393-4947-1746-8865-DEB232C6DB8B}" type="presParOf" srcId="{82E90554-E42A-5248-935B-DE2F8293B9CB}" destId="{BB6E7E5B-38D0-734F-ADEE-B01CFC8F1C00}" srcOrd="18" destOrd="0" presId="urn:microsoft.com/office/officeart/2005/8/layout/hChevron3"/>
    <dgm:cxn modelId="{8C34CD4A-55B1-754F-9687-C09EDFEB06A6}" type="presParOf" srcId="{82E90554-E42A-5248-935B-DE2F8293B9CB}" destId="{0925315D-1875-D64E-BBA8-FF115AE4C551}" srcOrd="19" destOrd="0" presId="urn:microsoft.com/office/officeart/2005/8/layout/hChevron3"/>
    <dgm:cxn modelId="{F3102107-FB4E-2040-A80F-4FBEC89A7775}" type="presParOf" srcId="{82E90554-E42A-5248-935B-DE2F8293B9CB}" destId="{45FF2AAE-E4F9-1846-BDA0-0BBA049F3E35}" srcOrd="20" destOrd="0" presId="urn:microsoft.com/office/officeart/2005/8/layout/hChevron3"/>
    <dgm:cxn modelId="{D1EEC2BB-2928-0541-ACC2-E19385F1FD2B}" type="presParOf" srcId="{82E90554-E42A-5248-935B-DE2F8293B9CB}" destId="{7F5ACB1D-0434-A54D-9C8D-E6ECFB8A2E79}" srcOrd="21" destOrd="0" presId="urn:microsoft.com/office/officeart/2005/8/layout/hChevron3"/>
    <dgm:cxn modelId="{1DBE6EC5-528D-8D45-8E44-4D383E35F838}" type="presParOf" srcId="{82E90554-E42A-5248-935B-DE2F8293B9CB}" destId="{1B83875F-83A0-6F40-958B-283950257C57}" srcOrd="22" destOrd="0" presId="urn:microsoft.com/office/officeart/2005/8/layout/hChevron3"/>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4_5" csCatId="accent4" phldr="1"/>
      <dgm:spPr/>
    </dgm:pt>
    <dgm:pt modelId="{2E116C6B-C1B8-9143-8839-7BD327EF26AE}">
      <dgm:prSet phldrT="[Text]"/>
      <dgm:spPr>
        <a:solidFill>
          <a:schemeClr val="accent1"/>
        </a:solidFill>
      </dgm:spPr>
      <dgm:t>
        <a:bodyPr/>
        <a:lstStyle/>
        <a:p>
          <a:r>
            <a:rPr lang="en-US" dirty="0"/>
            <a:t>Month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a:solidFill>
          <a:schemeClr val="accent1"/>
        </a:solidFill>
      </dgm:spPr>
      <dgm:t>
        <a:bodyPr/>
        <a:lstStyle/>
        <a:p>
          <a:r>
            <a:rPr lang="en-US" dirty="0"/>
            <a:t>Month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a:solidFill>
          <a:schemeClr val="accent1">
            <a:lumMod val="40000"/>
            <a:lumOff val="60000"/>
          </a:schemeClr>
        </a:solidFill>
      </dgm:spPr>
      <dgm:t>
        <a:bodyPr/>
        <a:lstStyle/>
        <a:p>
          <a:r>
            <a:rPr lang="en-US" dirty="0"/>
            <a:t>Month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a:solidFill>
          <a:schemeClr val="accent1">
            <a:lumMod val="40000"/>
            <a:lumOff val="60000"/>
          </a:schemeClr>
        </a:solidFill>
      </dgm:spPr>
      <dgm:t>
        <a:bodyPr/>
        <a:lstStyle/>
        <a:p>
          <a:r>
            <a:rPr lang="en-US" dirty="0"/>
            <a:t>Month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6BA70F3A-3D54-3141-8E3E-3D20B1879B93}">
      <dgm:prSet phldrT="[Text]"/>
      <dgm:spPr>
        <a:solidFill>
          <a:schemeClr val="accent1">
            <a:lumMod val="40000"/>
            <a:lumOff val="60000"/>
          </a:schemeClr>
        </a:solidFill>
      </dgm:spPr>
      <dgm:t>
        <a:bodyPr/>
        <a:lstStyle/>
        <a:p>
          <a:r>
            <a:rPr lang="en-US" dirty="0"/>
            <a:t>Month 5</a:t>
          </a:r>
        </a:p>
      </dgm:t>
    </dgm:pt>
    <dgm:pt modelId="{0C567076-8DF7-DE4A-A0EB-341373F865F0}" type="parTrans" cxnId="{C643E0C0-94E1-9345-B4BE-9685BD2739CD}">
      <dgm:prSet/>
      <dgm:spPr/>
      <dgm:t>
        <a:bodyPr/>
        <a:lstStyle/>
        <a:p>
          <a:endParaRPr lang="en-US"/>
        </a:p>
      </dgm:t>
    </dgm:pt>
    <dgm:pt modelId="{7E870EA2-3781-594E-8F5D-95942472EA9D}" type="sibTrans" cxnId="{C643E0C0-94E1-9345-B4BE-9685BD2739CD}">
      <dgm:prSet/>
      <dgm:spPr/>
      <dgm:t>
        <a:bodyPr/>
        <a:lstStyle/>
        <a:p>
          <a:endParaRPr lang="en-US"/>
        </a:p>
      </dgm:t>
    </dgm:pt>
    <dgm:pt modelId="{F5D6B3E2-133D-864D-BA93-91387FC82374}">
      <dgm:prSet phldrT="[Text]"/>
      <dgm:spPr>
        <a:solidFill>
          <a:schemeClr val="accent1">
            <a:lumMod val="40000"/>
            <a:lumOff val="60000"/>
          </a:schemeClr>
        </a:solidFill>
      </dgm:spPr>
      <dgm:t>
        <a:bodyPr/>
        <a:lstStyle/>
        <a:p>
          <a:r>
            <a:rPr lang="en-US" dirty="0"/>
            <a:t>Month 6</a:t>
          </a:r>
        </a:p>
      </dgm:t>
    </dgm:pt>
    <dgm:pt modelId="{A2ACC591-70E1-A64F-ACB2-35050E032A5D}" type="parTrans" cxnId="{136F216F-F1F9-B24A-8EB5-995E6A48E6E8}">
      <dgm:prSet/>
      <dgm:spPr/>
      <dgm:t>
        <a:bodyPr/>
        <a:lstStyle/>
        <a:p>
          <a:endParaRPr lang="en-US"/>
        </a:p>
      </dgm:t>
    </dgm:pt>
    <dgm:pt modelId="{44E84D39-CD13-334E-BCF2-2797D0B4F2E6}" type="sibTrans" cxnId="{136F216F-F1F9-B24A-8EB5-995E6A48E6E8}">
      <dgm:prSet/>
      <dgm:spPr/>
      <dgm:t>
        <a:bodyPr/>
        <a:lstStyle/>
        <a:p>
          <a:endParaRPr lang="en-US"/>
        </a:p>
      </dgm:t>
    </dgm:pt>
    <dgm:pt modelId="{9CB8935A-9D49-BB44-BD1B-5119A1C1C5C0}">
      <dgm:prSet phldrT="[Text]"/>
      <dgm:spPr>
        <a:solidFill>
          <a:schemeClr val="accent6"/>
        </a:solidFill>
      </dgm:spPr>
      <dgm:t>
        <a:bodyPr/>
        <a:lstStyle/>
        <a:p>
          <a:r>
            <a:rPr lang="en-US" dirty="0"/>
            <a:t>Month 7</a:t>
          </a:r>
        </a:p>
      </dgm:t>
    </dgm:pt>
    <dgm:pt modelId="{3EDA7E4D-DE64-544F-9589-AFE692B28099}" type="parTrans" cxnId="{9D32DE28-61BA-F744-846F-09D5DEFB0AE9}">
      <dgm:prSet/>
      <dgm:spPr/>
      <dgm:t>
        <a:bodyPr/>
        <a:lstStyle/>
        <a:p>
          <a:endParaRPr lang="en-US"/>
        </a:p>
      </dgm:t>
    </dgm:pt>
    <dgm:pt modelId="{6EB7D773-B2F7-E541-B389-686ED9293BAD}" type="sibTrans" cxnId="{9D32DE28-61BA-F744-846F-09D5DEFB0AE9}">
      <dgm:prSet/>
      <dgm:spPr/>
      <dgm:t>
        <a:bodyPr/>
        <a:lstStyle/>
        <a:p>
          <a:endParaRPr lang="en-US"/>
        </a:p>
      </dgm:t>
    </dgm:pt>
    <dgm:pt modelId="{E5B03628-D444-844F-BCA0-A700B7607177}">
      <dgm:prSet phldrT="[Text]"/>
      <dgm:spPr>
        <a:solidFill>
          <a:schemeClr val="accent6"/>
        </a:solidFill>
      </dgm:spPr>
      <dgm:t>
        <a:bodyPr/>
        <a:lstStyle/>
        <a:p>
          <a:r>
            <a:rPr lang="en-US" dirty="0"/>
            <a:t>Month 8</a:t>
          </a:r>
        </a:p>
      </dgm:t>
    </dgm:pt>
    <dgm:pt modelId="{3AE3AD21-8F1A-564D-91F7-4C4E0785B2B2}" type="parTrans" cxnId="{A2C11CA5-6CBE-7548-9C09-D06A89C2EC8C}">
      <dgm:prSet/>
      <dgm:spPr/>
      <dgm:t>
        <a:bodyPr/>
        <a:lstStyle/>
        <a:p>
          <a:endParaRPr lang="en-US"/>
        </a:p>
      </dgm:t>
    </dgm:pt>
    <dgm:pt modelId="{01C091AE-C10D-B249-94E1-17CD3B07AFB3}" type="sibTrans" cxnId="{A2C11CA5-6CBE-7548-9C09-D06A89C2EC8C}">
      <dgm:prSet/>
      <dgm:spPr/>
      <dgm:t>
        <a:bodyPr/>
        <a:lstStyle/>
        <a:p>
          <a:endParaRPr lang="en-US"/>
        </a:p>
      </dgm:t>
    </dgm:pt>
    <dgm:pt modelId="{D0893B01-BFF4-3647-A373-B7F1672DC978}">
      <dgm:prSet phldrT="[Text]"/>
      <dgm:spPr>
        <a:solidFill>
          <a:schemeClr val="accent6"/>
        </a:solidFill>
      </dgm:spPr>
      <dgm:t>
        <a:bodyPr/>
        <a:lstStyle/>
        <a:p>
          <a:r>
            <a:rPr lang="en-US" dirty="0"/>
            <a:t>Month 9</a:t>
          </a:r>
        </a:p>
      </dgm:t>
    </dgm:pt>
    <dgm:pt modelId="{AF1AA3F2-1844-F342-99D9-D4850E230535}" type="parTrans" cxnId="{6DA81650-4740-2F40-989B-245A3E2BE897}">
      <dgm:prSet/>
      <dgm:spPr/>
      <dgm:t>
        <a:bodyPr/>
        <a:lstStyle/>
        <a:p>
          <a:endParaRPr lang="en-US"/>
        </a:p>
      </dgm:t>
    </dgm:pt>
    <dgm:pt modelId="{AD42D8B3-BD14-3540-AFF2-493D10E4E67F}" type="sibTrans" cxnId="{6DA81650-4740-2F40-989B-245A3E2BE897}">
      <dgm:prSet/>
      <dgm:spPr/>
      <dgm:t>
        <a:bodyPr/>
        <a:lstStyle/>
        <a:p>
          <a:endParaRPr lang="en-US"/>
        </a:p>
      </dgm:t>
    </dgm:pt>
    <dgm:pt modelId="{23C19E56-3F53-8240-9F9D-37417F772BD6}">
      <dgm:prSet phldrT="[Text]"/>
      <dgm:spPr>
        <a:solidFill>
          <a:schemeClr val="accent6"/>
        </a:solidFill>
      </dgm:spPr>
      <dgm:t>
        <a:bodyPr/>
        <a:lstStyle/>
        <a:p>
          <a:r>
            <a:rPr lang="en-US" dirty="0"/>
            <a:t>Month 10</a:t>
          </a:r>
        </a:p>
      </dgm:t>
    </dgm:pt>
    <dgm:pt modelId="{FC01C80A-BFFC-E441-BD6B-C2CE3754BC59}" type="parTrans" cxnId="{B116FC17-799C-8843-BD75-1D37A9179AF6}">
      <dgm:prSet/>
      <dgm:spPr/>
      <dgm:t>
        <a:bodyPr/>
        <a:lstStyle/>
        <a:p>
          <a:endParaRPr lang="en-US"/>
        </a:p>
      </dgm:t>
    </dgm:pt>
    <dgm:pt modelId="{E6D0CBD5-5A72-9349-B78B-755469DDA692}" type="sibTrans" cxnId="{B116FC17-799C-8843-BD75-1D37A9179AF6}">
      <dgm:prSet/>
      <dgm:spPr/>
      <dgm:t>
        <a:bodyPr/>
        <a:lstStyle/>
        <a:p>
          <a:endParaRPr lang="en-US"/>
        </a:p>
      </dgm:t>
    </dgm:pt>
    <dgm:pt modelId="{BC4B1D52-AC7D-EF40-ADC2-8191D7E636A5}">
      <dgm:prSet phldrT="[Text]"/>
      <dgm:spPr>
        <a:solidFill>
          <a:schemeClr val="accent6"/>
        </a:solidFill>
      </dgm:spPr>
      <dgm:t>
        <a:bodyPr/>
        <a:lstStyle/>
        <a:p>
          <a:r>
            <a:rPr lang="en-US" dirty="0"/>
            <a:t>Month 11</a:t>
          </a:r>
        </a:p>
      </dgm:t>
    </dgm:pt>
    <dgm:pt modelId="{83E0DB81-AC78-F54A-AD88-CA0BED9551DC}" type="parTrans" cxnId="{0AB0CC75-DA02-2A42-B2F6-267344D771A9}">
      <dgm:prSet/>
      <dgm:spPr/>
      <dgm:t>
        <a:bodyPr/>
        <a:lstStyle/>
        <a:p>
          <a:endParaRPr lang="en-US"/>
        </a:p>
      </dgm:t>
    </dgm:pt>
    <dgm:pt modelId="{8155EBE7-145D-3045-B4D5-A2FB590F3E70}" type="sibTrans" cxnId="{0AB0CC75-DA02-2A42-B2F6-267344D771A9}">
      <dgm:prSet/>
      <dgm:spPr/>
      <dgm:t>
        <a:bodyPr/>
        <a:lstStyle/>
        <a:p>
          <a:endParaRPr lang="en-US"/>
        </a:p>
      </dgm:t>
    </dgm:pt>
    <dgm:pt modelId="{924DCAD4-5F17-7C44-B591-115356CF3831}">
      <dgm:prSet phldrT="[Text]"/>
      <dgm:spPr>
        <a:solidFill>
          <a:schemeClr val="accent6"/>
        </a:solidFill>
      </dgm:spPr>
      <dgm:t>
        <a:bodyPr/>
        <a:lstStyle/>
        <a:p>
          <a:r>
            <a:rPr lang="en-US" dirty="0"/>
            <a:t>Month 12</a:t>
          </a:r>
        </a:p>
      </dgm:t>
    </dgm:pt>
    <dgm:pt modelId="{9C4C81A4-0AE7-4641-9CC8-947D1A2983A6}" type="parTrans" cxnId="{FE42BEA0-E062-B84F-BAB1-7F499112563E}">
      <dgm:prSet/>
      <dgm:spPr/>
      <dgm:t>
        <a:bodyPr/>
        <a:lstStyle/>
        <a:p>
          <a:endParaRPr lang="en-US"/>
        </a:p>
      </dgm:t>
    </dgm:pt>
    <dgm:pt modelId="{17628B93-F602-0545-AA5B-7223EA392249}" type="sibTrans" cxnId="{FE42BEA0-E062-B84F-BAB1-7F499112563E}">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12">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12">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12">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12">
        <dgm:presLayoutVars>
          <dgm:bulletEnabled val="1"/>
        </dgm:presLayoutVars>
      </dgm:prSet>
      <dgm:spPr/>
    </dgm:pt>
    <dgm:pt modelId="{4DB0A912-015E-F54B-AFCF-9E01D80BB765}" type="pres">
      <dgm:prSet presAssocID="{49C5F9F7-AE5F-B141-BC2C-2898192A370D}" presName="parSpace" presStyleCnt="0"/>
      <dgm:spPr/>
    </dgm:pt>
    <dgm:pt modelId="{C2359B7F-CB8F-EC42-B4C3-050C16F42CFD}" type="pres">
      <dgm:prSet presAssocID="{6BA70F3A-3D54-3141-8E3E-3D20B1879B93}" presName="parTxOnly" presStyleLbl="node1" presStyleIdx="4" presStyleCnt="12">
        <dgm:presLayoutVars>
          <dgm:bulletEnabled val="1"/>
        </dgm:presLayoutVars>
      </dgm:prSet>
      <dgm:spPr/>
    </dgm:pt>
    <dgm:pt modelId="{82048E63-EC94-1E41-82BD-0145FBEB2C86}" type="pres">
      <dgm:prSet presAssocID="{7E870EA2-3781-594E-8F5D-95942472EA9D}" presName="parSpace" presStyleCnt="0"/>
      <dgm:spPr/>
    </dgm:pt>
    <dgm:pt modelId="{7F02DCD0-1033-D447-9CA9-3DA883DF1990}" type="pres">
      <dgm:prSet presAssocID="{F5D6B3E2-133D-864D-BA93-91387FC82374}" presName="parTxOnly" presStyleLbl="node1" presStyleIdx="5" presStyleCnt="12">
        <dgm:presLayoutVars>
          <dgm:bulletEnabled val="1"/>
        </dgm:presLayoutVars>
      </dgm:prSet>
      <dgm:spPr/>
    </dgm:pt>
    <dgm:pt modelId="{498E2210-870F-2C42-9932-7E74816A0C53}" type="pres">
      <dgm:prSet presAssocID="{44E84D39-CD13-334E-BCF2-2797D0B4F2E6}" presName="parSpace" presStyleCnt="0"/>
      <dgm:spPr/>
    </dgm:pt>
    <dgm:pt modelId="{83154A96-9DD8-B74C-85EB-5A9EE8918262}" type="pres">
      <dgm:prSet presAssocID="{9CB8935A-9D49-BB44-BD1B-5119A1C1C5C0}" presName="parTxOnly" presStyleLbl="node1" presStyleIdx="6" presStyleCnt="12">
        <dgm:presLayoutVars>
          <dgm:bulletEnabled val="1"/>
        </dgm:presLayoutVars>
      </dgm:prSet>
      <dgm:spPr/>
    </dgm:pt>
    <dgm:pt modelId="{6014F0C3-AD36-5947-8A3C-24BCB6C96936}" type="pres">
      <dgm:prSet presAssocID="{6EB7D773-B2F7-E541-B389-686ED9293BAD}" presName="parSpace" presStyleCnt="0"/>
      <dgm:spPr/>
    </dgm:pt>
    <dgm:pt modelId="{AB78FE09-DB85-3D44-BEB2-B271C5B807E0}" type="pres">
      <dgm:prSet presAssocID="{E5B03628-D444-844F-BCA0-A700B7607177}" presName="parTxOnly" presStyleLbl="node1" presStyleIdx="7" presStyleCnt="12">
        <dgm:presLayoutVars>
          <dgm:bulletEnabled val="1"/>
        </dgm:presLayoutVars>
      </dgm:prSet>
      <dgm:spPr/>
    </dgm:pt>
    <dgm:pt modelId="{559D444F-CAA1-A941-87E3-C7CF056E6AE3}" type="pres">
      <dgm:prSet presAssocID="{01C091AE-C10D-B249-94E1-17CD3B07AFB3}" presName="parSpace" presStyleCnt="0"/>
      <dgm:spPr/>
    </dgm:pt>
    <dgm:pt modelId="{B504BB1E-0653-6843-9F8F-CEACB35BAC88}" type="pres">
      <dgm:prSet presAssocID="{D0893B01-BFF4-3647-A373-B7F1672DC978}" presName="parTxOnly" presStyleLbl="node1" presStyleIdx="8" presStyleCnt="12">
        <dgm:presLayoutVars>
          <dgm:bulletEnabled val="1"/>
        </dgm:presLayoutVars>
      </dgm:prSet>
      <dgm:spPr/>
    </dgm:pt>
    <dgm:pt modelId="{01ED2D9F-A9CD-C844-9DD1-0CF45462E718}" type="pres">
      <dgm:prSet presAssocID="{AD42D8B3-BD14-3540-AFF2-493D10E4E67F}" presName="parSpace" presStyleCnt="0"/>
      <dgm:spPr/>
    </dgm:pt>
    <dgm:pt modelId="{BB6E7E5B-38D0-734F-ADEE-B01CFC8F1C00}" type="pres">
      <dgm:prSet presAssocID="{23C19E56-3F53-8240-9F9D-37417F772BD6}" presName="parTxOnly" presStyleLbl="node1" presStyleIdx="9" presStyleCnt="12">
        <dgm:presLayoutVars>
          <dgm:bulletEnabled val="1"/>
        </dgm:presLayoutVars>
      </dgm:prSet>
      <dgm:spPr/>
    </dgm:pt>
    <dgm:pt modelId="{0925315D-1875-D64E-BBA8-FF115AE4C551}" type="pres">
      <dgm:prSet presAssocID="{E6D0CBD5-5A72-9349-B78B-755469DDA692}" presName="parSpace" presStyleCnt="0"/>
      <dgm:spPr/>
    </dgm:pt>
    <dgm:pt modelId="{45FF2AAE-E4F9-1846-BDA0-0BBA049F3E35}" type="pres">
      <dgm:prSet presAssocID="{BC4B1D52-AC7D-EF40-ADC2-8191D7E636A5}" presName="parTxOnly" presStyleLbl="node1" presStyleIdx="10" presStyleCnt="12">
        <dgm:presLayoutVars>
          <dgm:bulletEnabled val="1"/>
        </dgm:presLayoutVars>
      </dgm:prSet>
      <dgm:spPr/>
    </dgm:pt>
    <dgm:pt modelId="{7F5ACB1D-0434-A54D-9C8D-E6ECFB8A2E79}" type="pres">
      <dgm:prSet presAssocID="{8155EBE7-145D-3045-B4D5-A2FB590F3E70}" presName="parSpace" presStyleCnt="0"/>
      <dgm:spPr/>
    </dgm:pt>
    <dgm:pt modelId="{1B83875F-83A0-6F40-958B-283950257C57}" type="pres">
      <dgm:prSet presAssocID="{924DCAD4-5F17-7C44-B591-115356CF3831}" presName="parTxOnly" presStyleLbl="node1" presStyleIdx="11" presStyleCnt="12">
        <dgm:presLayoutVars>
          <dgm:bulletEnabled val="1"/>
        </dgm:presLayoutVars>
      </dgm:prSet>
      <dgm:spPr/>
    </dgm:pt>
  </dgm:ptLst>
  <dgm:cxnLst>
    <dgm:cxn modelId="{B116FC17-799C-8843-BD75-1D37A9179AF6}" srcId="{BFB1C713-2822-0642-971D-67D8852E3364}" destId="{23C19E56-3F53-8240-9F9D-37417F772BD6}" srcOrd="9" destOrd="0" parTransId="{FC01C80A-BFFC-E441-BD6B-C2CE3754BC59}" sibTransId="{E6D0CBD5-5A72-9349-B78B-755469DDA692}"/>
    <dgm:cxn modelId="{B088E225-C870-0E47-B562-A50208D1A5EF}" srcId="{BFB1C713-2822-0642-971D-67D8852E3364}" destId="{65895D85-F9BC-9E43-8AC6-DA68BD2EBB0C}" srcOrd="1" destOrd="0" parTransId="{C80ABF91-119F-AD4D-A6A0-73F9DDED4537}" sibTransId="{9A502B5C-347D-DB42-83C5-CA2D69447932}"/>
    <dgm:cxn modelId="{9D32DE28-61BA-F744-846F-09D5DEFB0AE9}" srcId="{BFB1C713-2822-0642-971D-67D8852E3364}" destId="{9CB8935A-9D49-BB44-BD1B-5119A1C1C5C0}" srcOrd="6" destOrd="0" parTransId="{3EDA7E4D-DE64-544F-9589-AFE692B28099}" sibTransId="{6EB7D773-B2F7-E541-B389-686ED9293BAD}"/>
    <dgm:cxn modelId="{68112434-24A7-3C42-9DB7-A9F2EDCB0374}" type="presOf" srcId="{201FA7D1-4673-164B-A870-07B69404D1D4}" destId="{E569B5B3-1E70-B741-AAA2-79F249C73546}" srcOrd="0" destOrd="0" presId="urn:microsoft.com/office/officeart/2005/8/layout/hChevron3"/>
    <dgm:cxn modelId="{31D2073D-BAC2-E741-8362-8F8703223972}" srcId="{BFB1C713-2822-0642-971D-67D8852E3364}" destId="{201FA7D1-4673-164B-A870-07B69404D1D4}" srcOrd="3" destOrd="0" parTransId="{AA15B90E-7C06-A54F-AD91-0DC8E0016736}" sibTransId="{49C5F9F7-AE5F-B141-BC2C-2898192A370D}"/>
    <dgm:cxn modelId="{C345D640-25FB-4E47-9944-4F3C129BF83E}" type="presOf" srcId="{65895D85-F9BC-9E43-8AC6-DA68BD2EBB0C}" destId="{91F73428-6E2C-1848-8C4C-42EAFE35EB4F}" srcOrd="0" destOrd="0" presId="urn:microsoft.com/office/officeart/2005/8/layout/hChevron3"/>
    <dgm:cxn modelId="{A53FA14C-E556-EE44-9E79-05D85CC2C69D}" type="presOf" srcId="{2E116C6B-C1B8-9143-8839-7BD327EF26AE}" destId="{0B98E2E4-7E61-BF45-9002-438D1AD64EC9}" srcOrd="0" destOrd="0" presId="urn:microsoft.com/office/officeart/2005/8/layout/hChevron3"/>
    <dgm:cxn modelId="{AA6E864F-92F8-F645-91E0-D777236F1B10}" type="presOf" srcId="{9CB8935A-9D49-BB44-BD1B-5119A1C1C5C0}" destId="{83154A96-9DD8-B74C-85EB-5A9EE8918262}" srcOrd="0" destOrd="0" presId="urn:microsoft.com/office/officeart/2005/8/layout/hChevron3"/>
    <dgm:cxn modelId="{6DA81650-4740-2F40-989B-245A3E2BE897}" srcId="{BFB1C713-2822-0642-971D-67D8852E3364}" destId="{D0893B01-BFF4-3647-A373-B7F1672DC978}" srcOrd="8" destOrd="0" parTransId="{AF1AA3F2-1844-F342-99D9-D4850E230535}" sibTransId="{AD42D8B3-BD14-3540-AFF2-493D10E4E67F}"/>
    <dgm:cxn modelId="{C275D05D-12D5-914E-BDB1-467254ED585E}" type="presOf" srcId="{9AABBBD2-5E5E-9A45-93E6-024DF8331810}" destId="{47904C27-172E-E045-91F3-8A5A0AC65125}" srcOrd="0" destOrd="0" presId="urn:microsoft.com/office/officeart/2005/8/layout/hChevron3"/>
    <dgm:cxn modelId="{2009386E-CE88-8840-8CD8-310A49C320DC}" type="presOf" srcId="{BFB1C713-2822-0642-971D-67D8852E3364}" destId="{82E90554-E42A-5248-935B-DE2F8293B9CB}" srcOrd="0" destOrd="0" presId="urn:microsoft.com/office/officeart/2005/8/layout/hChevron3"/>
    <dgm:cxn modelId="{136F216F-F1F9-B24A-8EB5-995E6A48E6E8}" srcId="{BFB1C713-2822-0642-971D-67D8852E3364}" destId="{F5D6B3E2-133D-864D-BA93-91387FC82374}" srcOrd="5" destOrd="0" parTransId="{A2ACC591-70E1-A64F-ACB2-35050E032A5D}" sibTransId="{44E84D39-CD13-334E-BCF2-2797D0B4F2E6}"/>
    <dgm:cxn modelId="{9C156B70-9915-584C-9B6A-D7EDF22D12B4}" srcId="{BFB1C713-2822-0642-971D-67D8852E3364}" destId="{9AABBBD2-5E5E-9A45-93E6-024DF8331810}" srcOrd="2" destOrd="0" parTransId="{8DE9B082-385A-054E-805A-93D0B928988D}" sibTransId="{7E92C188-48A2-A24E-9626-10646C9B8C4C}"/>
    <dgm:cxn modelId="{0AB0CC75-DA02-2A42-B2F6-267344D771A9}" srcId="{BFB1C713-2822-0642-971D-67D8852E3364}" destId="{BC4B1D52-AC7D-EF40-ADC2-8191D7E636A5}" srcOrd="10" destOrd="0" parTransId="{83E0DB81-AC78-F54A-AD88-CA0BED9551DC}" sibTransId="{8155EBE7-145D-3045-B4D5-A2FB590F3E70}"/>
    <dgm:cxn modelId="{DC7DFA79-22B5-F340-B8C3-869EED045B13}" type="presOf" srcId="{924DCAD4-5F17-7C44-B591-115356CF3831}" destId="{1B83875F-83A0-6F40-958B-283950257C57}"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EFE2529C-FD76-E44F-8614-FE13BD547127}" type="presOf" srcId="{D0893B01-BFF4-3647-A373-B7F1672DC978}" destId="{B504BB1E-0653-6843-9F8F-CEACB35BAC88}" srcOrd="0" destOrd="0" presId="urn:microsoft.com/office/officeart/2005/8/layout/hChevron3"/>
    <dgm:cxn modelId="{FE42BEA0-E062-B84F-BAB1-7F499112563E}" srcId="{BFB1C713-2822-0642-971D-67D8852E3364}" destId="{924DCAD4-5F17-7C44-B591-115356CF3831}" srcOrd="11" destOrd="0" parTransId="{9C4C81A4-0AE7-4641-9CC8-947D1A2983A6}" sibTransId="{17628B93-F602-0545-AA5B-7223EA392249}"/>
    <dgm:cxn modelId="{A2C11CA5-6CBE-7548-9C09-D06A89C2EC8C}" srcId="{BFB1C713-2822-0642-971D-67D8852E3364}" destId="{E5B03628-D444-844F-BCA0-A700B7607177}" srcOrd="7" destOrd="0" parTransId="{3AE3AD21-8F1A-564D-91F7-4C4E0785B2B2}" sibTransId="{01C091AE-C10D-B249-94E1-17CD3B07AFB3}"/>
    <dgm:cxn modelId="{D5FB6EA7-4EB8-1845-834C-B18248EE554B}" type="presOf" srcId="{6BA70F3A-3D54-3141-8E3E-3D20B1879B93}" destId="{C2359B7F-CB8F-EC42-B4C3-050C16F42CFD}" srcOrd="0" destOrd="0" presId="urn:microsoft.com/office/officeart/2005/8/layout/hChevron3"/>
    <dgm:cxn modelId="{C643E0C0-94E1-9345-B4BE-9685BD2739CD}" srcId="{BFB1C713-2822-0642-971D-67D8852E3364}" destId="{6BA70F3A-3D54-3141-8E3E-3D20B1879B93}" srcOrd="4" destOrd="0" parTransId="{0C567076-8DF7-DE4A-A0EB-341373F865F0}" sibTransId="{7E870EA2-3781-594E-8F5D-95942472EA9D}"/>
    <dgm:cxn modelId="{D87B8DD8-F624-D440-BD6F-D8F92A6065B4}" type="presOf" srcId="{23C19E56-3F53-8240-9F9D-37417F772BD6}" destId="{BB6E7E5B-38D0-734F-ADEE-B01CFC8F1C00}" srcOrd="0" destOrd="0" presId="urn:microsoft.com/office/officeart/2005/8/layout/hChevron3"/>
    <dgm:cxn modelId="{8882D0DB-FC46-3942-8F94-C0E689551A08}" type="presOf" srcId="{BC4B1D52-AC7D-EF40-ADC2-8191D7E636A5}" destId="{45FF2AAE-E4F9-1846-BDA0-0BBA049F3E35}" srcOrd="0" destOrd="0" presId="urn:microsoft.com/office/officeart/2005/8/layout/hChevron3"/>
    <dgm:cxn modelId="{85CB61F8-0FC8-0641-A761-0927C9F60E7A}" type="presOf" srcId="{F5D6B3E2-133D-864D-BA93-91387FC82374}" destId="{7F02DCD0-1033-D447-9CA9-3DA883DF1990}" srcOrd="0" destOrd="0" presId="urn:microsoft.com/office/officeart/2005/8/layout/hChevron3"/>
    <dgm:cxn modelId="{9DD519FD-0F8B-DA44-B395-C0BB7D202576}" type="presOf" srcId="{E5B03628-D444-844F-BCA0-A700B7607177}" destId="{AB78FE09-DB85-3D44-BEB2-B271C5B807E0}" srcOrd="0" destOrd="0" presId="urn:microsoft.com/office/officeart/2005/8/layout/hChevron3"/>
    <dgm:cxn modelId="{1BC624E4-A389-B14D-AA64-23CEB608235A}" type="presParOf" srcId="{82E90554-E42A-5248-935B-DE2F8293B9CB}" destId="{0B98E2E4-7E61-BF45-9002-438D1AD64EC9}" srcOrd="0" destOrd="0" presId="urn:microsoft.com/office/officeart/2005/8/layout/hChevron3"/>
    <dgm:cxn modelId="{5C367904-E4A5-E444-ABBE-779E188064BF}" type="presParOf" srcId="{82E90554-E42A-5248-935B-DE2F8293B9CB}" destId="{C0E157E5-CE26-1542-8B42-34971273D584}" srcOrd="1" destOrd="0" presId="urn:microsoft.com/office/officeart/2005/8/layout/hChevron3"/>
    <dgm:cxn modelId="{5D9A3649-8D87-E942-92F0-558B1C32B03F}" type="presParOf" srcId="{82E90554-E42A-5248-935B-DE2F8293B9CB}" destId="{91F73428-6E2C-1848-8C4C-42EAFE35EB4F}" srcOrd="2" destOrd="0" presId="urn:microsoft.com/office/officeart/2005/8/layout/hChevron3"/>
    <dgm:cxn modelId="{E268FE20-8563-2241-9054-71B5FCB1904D}" type="presParOf" srcId="{82E90554-E42A-5248-935B-DE2F8293B9CB}" destId="{5E3365C3-A6F2-2C40-A058-F759206C8753}" srcOrd="3" destOrd="0" presId="urn:microsoft.com/office/officeart/2005/8/layout/hChevron3"/>
    <dgm:cxn modelId="{CD2352A6-6AC1-A04A-8513-5C0EE27F6118}" type="presParOf" srcId="{82E90554-E42A-5248-935B-DE2F8293B9CB}" destId="{47904C27-172E-E045-91F3-8A5A0AC65125}" srcOrd="4" destOrd="0" presId="urn:microsoft.com/office/officeart/2005/8/layout/hChevron3"/>
    <dgm:cxn modelId="{BAA24046-6706-B24F-9AF8-306766671CB3}" type="presParOf" srcId="{82E90554-E42A-5248-935B-DE2F8293B9CB}" destId="{037E5992-A1C2-114D-89BB-8FFC76AE48FF}" srcOrd="5" destOrd="0" presId="urn:microsoft.com/office/officeart/2005/8/layout/hChevron3"/>
    <dgm:cxn modelId="{035F6FB0-25AB-EE4E-86D5-25442F7FF481}" type="presParOf" srcId="{82E90554-E42A-5248-935B-DE2F8293B9CB}" destId="{E569B5B3-1E70-B741-AAA2-79F249C73546}" srcOrd="6" destOrd="0" presId="urn:microsoft.com/office/officeart/2005/8/layout/hChevron3"/>
    <dgm:cxn modelId="{BE69BA47-8939-284A-A62B-293F3D721DFB}" type="presParOf" srcId="{82E90554-E42A-5248-935B-DE2F8293B9CB}" destId="{4DB0A912-015E-F54B-AFCF-9E01D80BB765}" srcOrd="7" destOrd="0" presId="urn:microsoft.com/office/officeart/2005/8/layout/hChevron3"/>
    <dgm:cxn modelId="{17C679BF-F28B-8C4E-9E8B-4F3A60CA4D35}" type="presParOf" srcId="{82E90554-E42A-5248-935B-DE2F8293B9CB}" destId="{C2359B7F-CB8F-EC42-B4C3-050C16F42CFD}" srcOrd="8" destOrd="0" presId="urn:microsoft.com/office/officeart/2005/8/layout/hChevron3"/>
    <dgm:cxn modelId="{4F85BBB1-D3E9-3A47-A3BB-B069FCD89C51}" type="presParOf" srcId="{82E90554-E42A-5248-935B-DE2F8293B9CB}" destId="{82048E63-EC94-1E41-82BD-0145FBEB2C86}" srcOrd="9" destOrd="0" presId="urn:microsoft.com/office/officeart/2005/8/layout/hChevron3"/>
    <dgm:cxn modelId="{345E656F-38D8-194A-B052-EE5C79967C37}" type="presParOf" srcId="{82E90554-E42A-5248-935B-DE2F8293B9CB}" destId="{7F02DCD0-1033-D447-9CA9-3DA883DF1990}" srcOrd="10" destOrd="0" presId="urn:microsoft.com/office/officeart/2005/8/layout/hChevron3"/>
    <dgm:cxn modelId="{C4815E2A-7454-364A-8E7B-A38EC5DCFF20}" type="presParOf" srcId="{82E90554-E42A-5248-935B-DE2F8293B9CB}" destId="{498E2210-870F-2C42-9932-7E74816A0C53}" srcOrd="11" destOrd="0" presId="urn:microsoft.com/office/officeart/2005/8/layout/hChevron3"/>
    <dgm:cxn modelId="{2443398A-FD2C-9E4E-B742-51DB2447FA54}" type="presParOf" srcId="{82E90554-E42A-5248-935B-DE2F8293B9CB}" destId="{83154A96-9DD8-B74C-85EB-5A9EE8918262}" srcOrd="12" destOrd="0" presId="urn:microsoft.com/office/officeart/2005/8/layout/hChevron3"/>
    <dgm:cxn modelId="{F7FB35E2-4FA9-5E4D-BE79-597006DC82FF}" type="presParOf" srcId="{82E90554-E42A-5248-935B-DE2F8293B9CB}" destId="{6014F0C3-AD36-5947-8A3C-24BCB6C96936}" srcOrd="13" destOrd="0" presId="urn:microsoft.com/office/officeart/2005/8/layout/hChevron3"/>
    <dgm:cxn modelId="{CA9C7FF0-5DDA-424E-A27B-6CD931D682DA}" type="presParOf" srcId="{82E90554-E42A-5248-935B-DE2F8293B9CB}" destId="{AB78FE09-DB85-3D44-BEB2-B271C5B807E0}" srcOrd="14" destOrd="0" presId="urn:microsoft.com/office/officeart/2005/8/layout/hChevron3"/>
    <dgm:cxn modelId="{AB8F5BAD-99FD-DD47-A754-286C4B1EE2AE}" type="presParOf" srcId="{82E90554-E42A-5248-935B-DE2F8293B9CB}" destId="{559D444F-CAA1-A941-87E3-C7CF056E6AE3}" srcOrd="15" destOrd="0" presId="urn:microsoft.com/office/officeart/2005/8/layout/hChevron3"/>
    <dgm:cxn modelId="{D3271F85-F16E-9C4D-99BE-30AE602B5ACC}" type="presParOf" srcId="{82E90554-E42A-5248-935B-DE2F8293B9CB}" destId="{B504BB1E-0653-6843-9F8F-CEACB35BAC88}" srcOrd="16" destOrd="0" presId="urn:microsoft.com/office/officeart/2005/8/layout/hChevron3"/>
    <dgm:cxn modelId="{980BEDC7-712A-B340-9EC9-00BE9741DFA0}" type="presParOf" srcId="{82E90554-E42A-5248-935B-DE2F8293B9CB}" destId="{01ED2D9F-A9CD-C844-9DD1-0CF45462E718}" srcOrd="17" destOrd="0" presId="urn:microsoft.com/office/officeart/2005/8/layout/hChevron3"/>
    <dgm:cxn modelId="{801237DA-A92E-4045-BB64-A3C0A3D01582}" type="presParOf" srcId="{82E90554-E42A-5248-935B-DE2F8293B9CB}" destId="{BB6E7E5B-38D0-734F-ADEE-B01CFC8F1C00}" srcOrd="18" destOrd="0" presId="urn:microsoft.com/office/officeart/2005/8/layout/hChevron3"/>
    <dgm:cxn modelId="{3E5E3782-FD5A-9247-8422-C7B618F7094B}" type="presParOf" srcId="{82E90554-E42A-5248-935B-DE2F8293B9CB}" destId="{0925315D-1875-D64E-BBA8-FF115AE4C551}" srcOrd="19" destOrd="0" presId="urn:microsoft.com/office/officeart/2005/8/layout/hChevron3"/>
    <dgm:cxn modelId="{586067FA-F86A-2549-9860-1826AB3D7C0E}" type="presParOf" srcId="{82E90554-E42A-5248-935B-DE2F8293B9CB}" destId="{45FF2AAE-E4F9-1846-BDA0-0BBA049F3E35}" srcOrd="20" destOrd="0" presId="urn:microsoft.com/office/officeart/2005/8/layout/hChevron3"/>
    <dgm:cxn modelId="{64638A3C-8FAF-8643-AFED-F49F857A5D02}" type="presParOf" srcId="{82E90554-E42A-5248-935B-DE2F8293B9CB}" destId="{7F5ACB1D-0434-A54D-9C8D-E6ECFB8A2E79}" srcOrd="21" destOrd="0" presId="urn:microsoft.com/office/officeart/2005/8/layout/hChevron3"/>
    <dgm:cxn modelId="{5B8A5A90-31A3-DE49-84A9-B2E3C7D23C91}" type="presParOf" srcId="{82E90554-E42A-5248-935B-DE2F8293B9CB}" destId="{1B83875F-83A0-6F40-958B-283950257C57}" srcOrd="22" destOrd="0" presId="urn:microsoft.com/office/officeart/2005/8/layout/hChevron3"/>
  </dgm:cxnLst>
  <dgm:bg/>
  <dgm:whole/>
  <dgm:extLst>
    <a:ext uri="http://schemas.microsoft.com/office/drawing/2008/diagram">
      <dsp:dataModelExt xmlns:dsp="http://schemas.microsoft.com/office/drawing/2008/diagram" relId="rId1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2_4" csCatId="accent2" phldr="1"/>
      <dgm:spPr/>
    </dgm:pt>
    <dgm:pt modelId="{2E116C6B-C1B8-9143-8839-7BD327EF26AE}">
      <dgm:prSet phldrT="[Text]" custT="1"/>
      <dgm:spPr/>
      <dgm:t>
        <a:bodyPr/>
        <a:lstStyle/>
        <a:p>
          <a:r>
            <a:rPr lang="en-US" sz="1100" dirty="0"/>
            <a:t>Release 1</a:t>
          </a:r>
        </a:p>
      </dgm:t>
    </dgm:pt>
    <dgm:pt modelId="{5E426208-14FB-3E44-B270-31A7C637ADFD}" type="parTrans" cxnId="{B5A89290-E25F-8B44-AD1D-0769AF918FCB}">
      <dgm:prSet/>
      <dgm:spPr/>
      <dgm:t>
        <a:bodyPr/>
        <a:lstStyle/>
        <a:p>
          <a:endParaRPr lang="en-US" sz="1400"/>
        </a:p>
      </dgm:t>
    </dgm:pt>
    <dgm:pt modelId="{DDBD4537-9A4A-BD43-ACD0-8C0F074CEBB7}" type="sibTrans" cxnId="{B5A89290-E25F-8B44-AD1D-0769AF918FCB}">
      <dgm:prSet/>
      <dgm:spPr/>
      <dgm:t>
        <a:bodyPr/>
        <a:lstStyle/>
        <a:p>
          <a:endParaRPr lang="en-US" sz="1400"/>
        </a:p>
      </dgm:t>
    </dgm:pt>
    <dgm:pt modelId="{65895D85-F9BC-9E43-8AC6-DA68BD2EBB0C}">
      <dgm:prSet phldrT="[Text]" custT="1"/>
      <dgm:spPr/>
      <dgm:t>
        <a:bodyPr/>
        <a:lstStyle/>
        <a:p>
          <a:r>
            <a:rPr lang="en-US" sz="1100" dirty="0"/>
            <a:t>Release 2 </a:t>
          </a:r>
        </a:p>
      </dgm:t>
    </dgm:pt>
    <dgm:pt modelId="{C80ABF91-119F-AD4D-A6A0-73F9DDED4537}" type="parTrans" cxnId="{B088E225-C870-0E47-B562-A50208D1A5EF}">
      <dgm:prSet/>
      <dgm:spPr/>
      <dgm:t>
        <a:bodyPr/>
        <a:lstStyle/>
        <a:p>
          <a:endParaRPr lang="en-US" sz="1400"/>
        </a:p>
      </dgm:t>
    </dgm:pt>
    <dgm:pt modelId="{9A502B5C-347D-DB42-83C5-CA2D69447932}" type="sibTrans" cxnId="{B088E225-C870-0E47-B562-A50208D1A5EF}">
      <dgm:prSet/>
      <dgm:spPr/>
      <dgm:t>
        <a:bodyPr/>
        <a:lstStyle/>
        <a:p>
          <a:endParaRPr lang="en-US" sz="1400"/>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2" custLinFactNeighborY="4024">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2" custLinFactNeighborY="4024">
        <dgm:presLayoutVars>
          <dgm:bulletEnabled val="1"/>
        </dgm:presLayoutVars>
      </dgm:prSet>
      <dgm:spPr/>
    </dgm:pt>
  </dgm:ptLst>
  <dgm:cxnLst>
    <dgm:cxn modelId="{B088E225-C870-0E47-B562-A50208D1A5EF}" srcId="{BFB1C713-2822-0642-971D-67D8852E3364}" destId="{65895D85-F9BC-9E43-8AC6-DA68BD2EBB0C}" srcOrd="1" destOrd="0" parTransId="{C80ABF91-119F-AD4D-A6A0-73F9DDED4537}" sibTransId="{9A502B5C-347D-DB42-83C5-CA2D69447932}"/>
    <dgm:cxn modelId="{B01FC04F-2F71-D14B-A008-80014E566154}" type="presOf" srcId="{2E116C6B-C1B8-9143-8839-7BD327EF26AE}" destId="{0B98E2E4-7E61-BF45-9002-438D1AD64EC9}"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4982D9DC-D03D-694A-BDF9-86076A6C5099}" type="presOf" srcId="{65895D85-F9BC-9E43-8AC6-DA68BD2EBB0C}" destId="{91F73428-6E2C-1848-8C4C-42EAFE35EB4F}" srcOrd="0" destOrd="0" presId="urn:microsoft.com/office/officeart/2005/8/layout/hChevron3"/>
    <dgm:cxn modelId="{FBF987ED-14DF-FA4D-A62F-776C925773FF}" type="presOf" srcId="{BFB1C713-2822-0642-971D-67D8852E3364}" destId="{82E90554-E42A-5248-935B-DE2F8293B9CB}" srcOrd="0" destOrd="0" presId="urn:microsoft.com/office/officeart/2005/8/layout/hChevron3"/>
    <dgm:cxn modelId="{47D3A18A-2B4F-ED4E-BE95-A9126CB08B17}" type="presParOf" srcId="{82E90554-E42A-5248-935B-DE2F8293B9CB}" destId="{0B98E2E4-7E61-BF45-9002-438D1AD64EC9}" srcOrd="0" destOrd="0" presId="urn:microsoft.com/office/officeart/2005/8/layout/hChevron3"/>
    <dgm:cxn modelId="{1A1359A0-4448-DD46-9113-C8C2153C0D29}" type="presParOf" srcId="{82E90554-E42A-5248-935B-DE2F8293B9CB}" destId="{C0E157E5-CE26-1542-8B42-34971273D584}" srcOrd="1" destOrd="0" presId="urn:microsoft.com/office/officeart/2005/8/layout/hChevron3"/>
    <dgm:cxn modelId="{2892A976-AEBF-4241-B218-F842B90C13A5}" type="presParOf" srcId="{82E90554-E42A-5248-935B-DE2F8293B9CB}" destId="{91F73428-6E2C-1848-8C4C-42EAFE35EB4F}" srcOrd="2" destOrd="0" presId="urn:microsoft.com/office/officeart/2005/8/layout/hChevron3"/>
  </dgm:cxnLst>
  <dgm:bg/>
  <dgm:whole/>
  <dgm:extLst>
    <a:ext uri="http://schemas.microsoft.com/office/drawing/2008/diagram">
      <dsp:dataModelExt xmlns:dsp="http://schemas.microsoft.com/office/drawing/2008/diagram" relId="rId22"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4_5" csCatId="accent4" phldr="1"/>
      <dgm:spPr/>
    </dgm:pt>
    <dgm:pt modelId="{2E116C6B-C1B8-9143-8839-7BD327EF26AE}">
      <dgm:prSet phldrT="[Text]"/>
      <dgm:spPr/>
      <dgm:t>
        <a:bodyPr/>
        <a:lstStyle/>
        <a:p>
          <a:r>
            <a:rPr lang="en-US" dirty="0"/>
            <a:t>Month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dgm:t>
        <a:bodyPr/>
        <a:lstStyle/>
        <a:p>
          <a:r>
            <a:rPr lang="en-US" dirty="0"/>
            <a:t>Month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dgm:t>
        <a:bodyPr/>
        <a:lstStyle/>
        <a:p>
          <a:r>
            <a:rPr lang="en-US" dirty="0"/>
            <a:t>Month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dgm:t>
        <a:bodyPr/>
        <a:lstStyle/>
        <a:p>
          <a:r>
            <a:rPr lang="en-US" dirty="0"/>
            <a:t>Month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6BA70F3A-3D54-3141-8E3E-3D20B1879B93}">
      <dgm:prSet phldrT="[Text]"/>
      <dgm:spPr/>
      <dgm:t>
        <a:bodyPr/>
        <a:lstStyle/>
        <a:p>
          <a:r>
            <a:rPr lang="en-US" dirty="0"/>
            <a:t>Month 5</a:t>
          </a:r>
        </a:p>
      </dgm:t>
    </dgm:pt>
    <dgm:pt modelId="{0C567076-8DF7-DE4A-A0EB-341373F865F0}" type="parTrans" cxnId="{C643E0C0-94E1-9345-B4BE-9685BD2739CD}">
      <dgm:prSet/>
      <dgm:spPr/>
      <dgm:t>
        <a:bodyPr/>
        <a:lstStyle/>
        <a:p>
          <a:endParaRPr lang="en-US"/>
        </a:p>
      </dgm:t>
    </dgm:pt>
    <dgm:pt modelId="{7E870EA2-3781-594E-8F5D-95942472EA9D}" type="sibTrans" cxnId="{C643E0C0-94E1-9345-B4BE-9685BD2739CD}">
      <dgm:prSet/>
      <dgm:spPr/>
      <dgm:t>
        <a:bodyPr/>
        <a:lstStyle/>
        <a:p>
          <a:endParaRPr lang="en-US"/>
        </a:p>
      </dgm:t>
    </dgm:pt>
    <dgm:pt modelId="{F5D6B3E2-133D-864D-BA93-91387FC82374}">
      <dgm:prSet phldrT="[Text]"/>
      <dgm:spPr/>
      <dgm:t>
        <a:bodyPr/>
        <a:lstStyle/>
        <a:p>
          <a:r>
            <a:rPr lang="en-US" dirty="0"/>
            <a:t>Month 6</a:t>
          </a:r>
        </a:p>
      </dgm:t>
    </dgm:pt>
    <dgm:pt modelId="{A2ACC591-70E1-A64F-ACB2-35050E032A5D}" type="parTrans" cxnId="{136F216F-F1F9-B24A-8EB5-995E6A48E6E8}">
      <dgm:prSet/>
      <dgm:spPr/>
      <dgm:t>
        <a:bodyPr/>
        <a:lstStyle/>
        <a:p>
          <a:endParaRPr lang="en-US"/>
        </a:p>
      </dgm:t>
    </dgm:pt>
    <dgm:pt modelId="{44E84D39-CD13-334E-BCF2-2797D0B4F2E6}" type="sibTrans" cxnId="{136F216F-F1F9-B24A-8EB5-995E6A48E6E8}">
      <dgm:prSet/>
      <dgm:spPr/>
      <dgm:t>
        <a:bodyPr/>
        <a:lstStyle/>
        <a:p>
          <a:endParaRPr lang="en-US"/>
        </a:p>
      </dgm:t>
    </dgm:pt>
    <dgm:pt modelId="{9CB8935A-9D49-BB44-BD1B-5119A1C1C5C0}">
      <dgm:prSet phldrT="[Text]"/>
      <dgm:spPr/>
      <dgm:t>
        <a:bodyPr/>
        <a:lstStyle/>
        <a:p>
          <a:r>
            <a:rPr lang="en-US" dirty="0"/>
            <a:t>Month 7</a:t>
          </a:r>
        </a:p>
      </dgm:t>
    </dgm:pt>
    <dgm:pt modelId="{3EDA7E4D-DE64-544F-9589-AFE692B28099}" type="parTrans" cxnId="{9D32DE28-61BA-F744-846F-09D5DEFB0AE9}">
      <dgm:prSet/>
      <dgm:spPr/>
      <dgm:t>
        <a:bodyPr/>
        <a:lstStyle/>
        <a:p>
          <a:endParaRPr lang="en-US"/>
        </a:p>
      </dgm:t>
    </dgm:pt>
    <dgm:pt modelId="{6EB7D773-B2F7-E541-B389-686ED9293BAD}" type="sibTrans" cxnId="{9D32DE28-61BA-F744-846F-09D5DEFB0AE9}">
      <dgm:prSet/>
      <dgm:spPr/>
      <dgm:t>
        <a:bodyPr/>
        <a:lstStyle/>
        <a:p>
          <a:endParaRPr lang="en-US"/>
        </a:p>
      </dgm:t>
    </dgm:pt>
    <dgm:pt modelId="{E5B03628-D444-844F-BCA0-A700B7607177}">
      <dgm:prSet phldrT="[Text]"/>
      <dgm:spPr/>
      <dgm:t>
        <a:bodyPr/>
        <a:lstStyle/>
        <a:p>
          <a:r>
            <a:rPr lang="en-US" dirty="0"/>
            <a:t>Month 8</a:t>
          </a:r>
        </a:p>
      </dgm:t>
    </dgm:pt>
    <dgm:pt modelId="{3AE3AD21-8F1A-564D-91F7-4C4E0785B2B2}" type="parTrans" cxnId="{A2C11CA5-6CBE-7548-9C09-D06A89C2EC8C}">
      <dgm:prSet/>
      <dgm:spPr/>
      <dgm:t>
        <a:bodyPr/>
        <a:lstStyle/>
        <a:p>
          <a:endParaRPr lang="en-US"/>
        </a:p>
      </dgm:t>
    </dgm:pt>
    <dgm:pt modelId="{01C091AE-C10D-B249-94E1-17CD3B07AFB3}" type="sibTrans" cxnId="{A2C11CA5-6CBE-7548-9C09-D06A89C2EC8C}">
      <dgm:prSet/>
      <dgm:spPr/>
      <dgm:t>
        <a:bodyPr/>
        <a:lstStyle/>
        <a:p>
          <a:endParaRPr lang="en-US"/>
        </a:p>
      </dgm:t>
    </dgm:pt>
    <dgm:pt modelId="{D0893B01-BFF4-3647-A373-B7F1672DC978}">
      <dgm:prSet phldrT="[Text]"/>
      <dgm:spPr/>
      <dgm:t>
        <a:bodyPr/>
        <a:lstStyle/>
        <a:p>
          <a:r>
            <a:rPr lang="en-US" dirty="0"/>
            <a:t>Month 9</a:t>
          </a:r>
        </a:p>
      </dgm:t>
    </dgm:pt>
    <dgm:pt modelId="{AF1AA3F2-1844-F342-99D9-D4850E230535}" type="parTrans" cxnId="{6DA81650-4740-2F40-989B-245A3E2BE897}">
      <dgm:prSet/>
      <dgm:spPr/>
      <dgm:t>
        <a:bodyPr/>
        <a:lstStyle/>
        <a:p>
          <a:endParaRPr lang="en-US"/>
        </a:p>
      </dgm:t>
    </dgm:pt>
    <dgm:pt modelId="{AD42D8B3-BD14-3540-AFF2-493D10E4E67F}" type="sibTrans" cxnId="{6DA81650-4740-2F40-989B-245A3E2BE897}">
      <dgm:prSet/>
      <dgm:spPr/>
      <dgm:t>
        <a:bodyPr/>
        <a:lstStyle/>
        <a:p>
          <a:endParaRPr lang="en-US"/>
        </a:p>
      </dgm:t>
    </dgm:pt>
    <dgm:pt modelId="{23C19E56-3F53-8240-9F9D-37417F772BD6}">
      <dgm:prSet phldrT="[Text]"/>
      <dgm:spPr/>
      <dgm:t>
        <a:bodyPr/>
        <a:lstStyle/>
        <a:p>
          <a:r>
            <a:rPr lang="en-US" dirty="0"/>
            <a:t>Month 10</a:t>
          </a:r>
        </a:p>
      </dgm:t>
    </dgm:pt>
    <dgm:pt modelId="{FC01C80A-BFFC-E441-BD6B-C2CE3754BC59}" type="parTrans" cxnId="{B116FC17-799C-8843-BD75-1D37A9179AF6}">
      <dgm:prSet/>
      <dgm:spPr/>
      <dgm:t>
        <a:bodyPr/>
        <a:lstStyle/>
        <a:p>
          <a:endParaRPr lang="en-US"/>
        </a:p>
      </dgm:t>
    </dgm:pt>
    <dgm:pt modelId="{E6D0CBD5-5A72-9349-B78B-755469DDA692}" type="sibTrans" cxnId="{B116FC17-799C-8843-BD75-1D37A9179AF6}">
      <dgm:prSet/>
      <dgm:spPr/>
      <dgm:t>
        <a:bodyPr/>
        <a:lstStyle/>
        <a:p>
          <a:endParaRPr lang="en-US"/>
        </a:p>
      </dgm:t>
    </dgm:pt>
    <dgm:pt modelId="{BC4B1D52-AC7D-EF40-ADC2-8191D7E636A5}">
      <dgm:prSet phldrT="[Text]"/>
      <dgm:spPr/>
      <dgm:t>
        <a:bodyPr/>
        <a:lstStyle/>
        <a:p>
          <a:r>
            <a:rPr lang="en-US" dirty="0"/>
            <a:t>Month 11</a:t>
          </a:r>
        </a:p>
      </dgm:t>
    </dgm:pt>
    <dgm:pt modelId="{83E0DB81-AC78-F54A-AD88-CA0BED9551DC}" type="parTrans" cxnId="{0AB0CC75-DA02-2A42-B2F6-267344D771A9}">
      <dgm:prSet/>
      <dgm:spPr/>
      <dgm:t>
        <a:bodyPr/>
        <a:lstStyle/>
        <a:p>
          <a:endParaRPr lang="en-US"/>
        </a:p>
      </dgm:t>
    </dgm:pt>
    <dgm:pt modelId="{8155EBE7-145D-3045-B4D5-A2FB590F3E70}" type="sibTrans" cxnId="{0AB0CC75-DA02-2A42-B2F6-267344D771A9}">
      <dgm:prSet/>
      <dgm:spPr/>
      <dgm:t>
        <a:bodyPr/>
        <a:lstStyle/>
        <a:p>
          <a:endParaRPr lang="en-US"/>
        </a:p>
      </dgm:t>
    </dgm:pt>
    <dgm:pt modelId="{924DCAD4-5F17-7C44-B591-115356CF3831}">
      <dgm:prSet phldrT="[Text]"/>
      <dgm:spPr/>
      <dgm:t>
        <a:bodyPr/>
        <a:lstStyle/>
        <a:p>
          <a:r>
            <a:rPr lang="en-US" dirty="0"/>
            <a:t>Month 12</a:t>
          </a:r>
        </a:p>
      </dgm:t>
    </dgm:pt>
    <dgm:pt modelId="{9C4C81A4-0AE7-4641-9CC8-947D1A2983A6}" type="parTrans" cxnId="{FE42BEA0-E062-B84F-BAB1-7F499112563E}">
      <dgm:prSet/>
      <dgm:spPr/>
      <dgm:t>
        <a:bodyPr/>
        <a:lstStyle/>
        <a:p>
          <a:endParaRPr lang="en-US"/>
        </a:p>
      </dgm:t>
    </dgm:pt>
    <dgm:pt modelId="{17628B93-F602-0545-AA5B-7223EA392249}" type="sibTrans" cxnId="{FE42BEA0-E062-B84F-BAB1-7F499112563E}">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12">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12">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12">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12">
        <dgm:presLayoutVars>
          <dgm:bulletEnabled val="1"/>
        </dgm:presLayoutVars>
      </dgm:prSet>
      <dgm:spPr/>
    </dgm:pt>
    <dgm:pt modelId="{4DB0A912-015E-F54B-AFCF-9E01D80BB765}" type="pres">
      <dgm:prSet presAssocID="{49C5F9F7-AE5F-B141-BC2C-2898192A370D}" presName="parSpace" presStyleCnt="0"/>
      <dgm:spPr/>
    </dgm:pt>
    <dgm:pt modelId="{C2359B7F-CB8F-EC42-B4C3-050C16F42CFD}" type="pres">
      <dgm:prSet presAssocID="{6BA70F3A-3D54-3141-8E3E-3D20B1879B93}" presName="parTxOnly" presStyleLbl="node1" presStyleIdx="4" presStyleCnt="12">
        <dgm:presLayoutVars>
          <dgm:bulletEnabled val="1"/>
        </dgm:presLayoutVars>
      </dgm:prSet>
      <dgm:spPr/>
    </dgm:pt>
    <dgm:pt modelId="{82048E63-EC94-1E41-82BD-0145FBEB2C86}" type="pres">
      <dgm:prSet presAssocID="{7E870EA2-3781-594E-8F5D-95942472EA9D}" presName="parSpace" presStyleCnt="0"/>
      <dgm:spPr/>
    </dgm:pt>
    <dgm:pt modelId="{7F02DCD0-1033-D447-9CA9-3DA883DF1990}" type="pres">
      <dgm:prSet presAssocID="{F5D6B3E2-133D-864D-BA93-91387FC82374}" presName="parTxOnly" presStyleLbl="node1" presStyleIdx="5" presStyleCnt="12">
        <dgm:presLayoutVars>
          <dgm:bulletEnabled val="1"/>
        </dgm:presLayoutVars>
      </dgm:prSet>
      <dgm:spPr/>
    </dgm:pt>
    <dgm:pt modelId="{498E2210-870F-2C42-9932-7E74816A0C53}" type="pres">
      <dgm:prSet presAssocID="{44E84D39-CD13-334E-BCF2-2797D0B4F2E6}" presName="parSpace" presStyleCnt="0"/>
      <dgm:spPr/>
    </dgm:pt>
    <dgm:pt modelId="{83154A96-9DD8-B74C-85EB-5A9EE8918262}" type="pres">
      <dgm:prSet presAssocID="{9CB8935A-9D49-BB44-BD1B-5119A1C1C5C0}" presName="parTxOnly" presStyleLbl="node1" presStyleIdx="6" presStyleCnt="12">
        <dgm:presLayoutVars>
          <dgm:bulletEnabled val="1"/>
        </dgm:presLayoutVars>
      </dgm:prSet>
      <dgm:spPr/>
    </dgm:pt>
    <dgm:pt modelId="{6014F0C3-AD36-5947-8A3C-24BCB6C96936}" type="pres">
      <dgm:prSet presAssocID="{6EB7D773-B2F7-E541-B389-686ED9293BAD}" presName="parSpace" presStyleCnt="0"/>
      <dgm:spPr/>
    </dgm:pt>
    <dgm:pt modelId="{AB78FE09-DB85-3D44-BEB2-B271C5B807E0}" type="pres">
      <dgm:prSet presAssocID="{E5B03628-D444-844F-BCA0-A700B7607177}" presName="parTxOnly" presStyleLbl="node1" presStyleIdx="7" presStyleCnt="12">
        <dgm:presLayoutVars>
          <dgm:bulletEnabled val="1"/>
        </dgm:presLayoutVars>
      </dgm:prSet>
      <dgm:spPr/>
    </dgm:pt>
    <dgm:pt modelId="{559D444F-CAA1-A941-87E3-C7CF056E6AE3}" type="pres">
      <dgm:prSet presAssocID="{01C091AE-C10D-B249-94E1-17CD3B07AFB3}" presName="parSpace" presStyleCnt="0"/>
      <dgm:spPr/>
    </dgm:pt>
    <dgm:pt modelId="{B504BB1E-0653-6843-9F8F-CEACB35BAC88}" type="pres">
      <dgm:prSet presAssocID="{D0893B01-BFF4-3647-A373-B7F1672DC978}" presName="parTxOnly" presStyleLbl="node1" presStyleIdx="8" presStyleCnt="12">
        <dgm:presLayoutVars>
          <dgm:bulletEnabled val="1"/>
        </dgm:presLayoutVars>
      </dgm:prSet>
      <dgm:spPr/>
    </dgm:pt>
    <dgm:pt modelId="{01ED2D9F-A9CD-C844-9DD1-0CF45462E718}" type="pres">
      <dgm:prSet presAssocID="{AD42D8B3-BD14-3540-AFF2-493D10E4E67F}" presName="parSpace" presStyleCnt="0"/>
      <dgm:spPr/>
    </dgm:pt>
    <dgm:pt modelId="{BB6E7E5B-38D0-734F-ADEE-B01CFC8F1C00}" type="pres">
      <dgm:prSet presAssocID="{23C19E56-3F53-8240-9F9D-37417F772BD6}" presName="parTxOnly" presStyleLbl="node1" presStyleIdx="9" presStyleCnt="12">
        <dgm:presLayoutVars>
          <dgm:bulletEnabled val="1"/>
        </dgm:presLayoutVars>
      </dgm:prSet>
      <dgm:spPr/>
    </dgm:pt>
    <dgm:pt modelId="{0925315D-1875-D64E-BBA8-FF115AE4C551}" type="pres">
      <dgm:prSet presAssocID="{E6D0CBD5-5A72-9349-B78B-755469DDA692}" presName="parSpace" presStyleCnt="0"/>
      <dgm:spPr/>
    </dgm:pt>
    <dgm:pt modelId="{45FF2AAE-E4F9-1846-BDA0-0BBA049F3E35}" type="pres">
      <dgm:prSet presAssocID="{BC4B1D52-AC7D-EF40-ADC2-8191D7E636A5}" presName="parTxOnly" presStyleLbl="node1" presStyleIdx="10" presStyleCnt="12">
        <dgm:presLayoutVars>
          <dgm:bulletEnabled val="1"/>
        </dgm:presLayoutVars>
      </dgm:prSet>
      <dgm:spPr/>
    </dgm:pt>
    <dgm:pt modelId="{7F5ACB1D-0434-A54D-9C8D-E6ECFB8A2E79}" type="pres">
      <dgm:prSet presAssocID="{8155EBE7-145D-3045-B4D5-A2FB590F3E70}" presName="parSpace" presStyleCnt="0"/>
      <dgm:spPr/>
    </dgm:pt>
    <dgm:pt modelId="{1B83875F-83A0-6F40-958B-283950257C57}" type="pres">
      <dgm:prSet presAssocID="{924DCAD4-5F17-7C44-B591-115356CF3831}" presName="parTxOnly" presStyleLbl="node1" presStyleIdx="11" presStyleCnt="12">
        <dgm:presLayoutVars>
          <dgm:bulletEnabled val="1"/>
        </dgm:presLayoutVars>
      </dgm:prSet>
      <dgm:spPr/>
    </dgm:pt>
  </dgm:ptLst>
  <dgm:cxnLst>
    <dgm:cxn modelId="{643ECE16-1450-4349-990D-30F895BE269A}" type="presOf" srcId="{D0893B01-BFF4-3647-A373-B7F1672DC978}" destId="{B504BB1E-0653-6843-9F8F-CEACB35BAC88}" srcOrd="0" destOrd="0" presId="urn:microsoft.com/office/officeart/2005/8/layout/hChevron3"/>
    <dgm:cxn modelId="{B116FC17-799C-8843-BD75-1D37A9179AF6}" srcId="{BFB1C713-2822-0642-971D-67D8852E3364}" destId="{23C19E56-3F53-8240-9F9D-37417F772BD6}" srcOrd="9" destOrd="0" parTransId="{FC01C80A-BFFC-E441-BD6B-C2CE3754BC59}" sibTransId="{E6D0CBD5-5A72-9349-B78B-755469DDA692}"/>
    <dgm:cxn modelId="{B088E225-C870-0E47-B562-A50208D1A5EF}" srcId="{BFB1C713-2822-0642-971D-67D8852E3364}" destId="{65895D85-F9BC-9E43-8AC6-DA68BD2EBB0C}" srcOrd="1" destOrd="0" parTransId="{C80ABF91-119F-AD4D-A6A0-73F9DDED4537}" sibTransId="{9A502B5C-347D-DB42-83C5-CA2D69447932}"/>
    <dgm:cxn modelId="{0A146928-4463-3C44-B16B-01855A88A75A}" type="presOf" srcId="{E5B03628-D444-844F-BCA0-A700B7607177}" destId="{AB78FE09-DB85-3D44-BEB2-B271C5B807E0}" srcOrd="0" destOrd="0" presId="urn:microsoft.com/office/officeart/2005/8/layout/hChevron3"/>
    <dgm:cxn modelId="{9D32DE28-61BA-F744-846F-09D5DEFB0AE9}" srcId="{BFB1C713-2822-0642-971D-67D8852E3364}" destId="{9CB8935A-9D49-BB44-BD1B-5119A1C1C5C0}" srcOrd="6" destOrd="0" parTransId="{3EDA7E4D-DE64-544F-9589-AFE692B28099}" sibTransId="{6EB7D773-B2F7-E541-B389-686ED9293BAD}"/>
    <dgm:cxn modelId="{F31BE02A-3203-3846-9624-576F61D8AA42}" type="presOf" srcId="{65895D85-F9BC-9E43-8AC6-DA68BD2EBB0C}" destId="{91F73428-6E2C-1848-8C4C-42EAFE35EB4F}" srcOrd="0" destOrd="0" presId="urn:microsoft.com/office/officeart/2005/8/layout/hChevron3"/>
    <dgm:cxn modelId="{31D2073D-BAC2-E741-8362-8F8703223972}" srcId="{BFB1C713-2822-0642-971D-67D8852E3364}" destId="{201FA7D1-4673-164B-A870-07B69404D1D4}" srcOrd="3" destOrd="0" parTransId="{AA15B90E-7C06-A54F-AD91-0DC8E0016736}" sibTransId="{49C5F9F7-AE5F-B141-BC2C-2898192A370D}"/>
    <dgm:cxn modelId="{5A41F23E-096E-AB44-9DD1-5B130625E634}" type="presOf" srcId="{6BA70F3A-3D54-3141-8E3E-3D20B1879B93}" destId="{C2359B7F-CB8F-EC42-B4C3-050C16F42CFD}" srcOrd="0" destOrd="0" presId="urn:microsoft.com/office/officeart/2005/8/layout/hChevron3"/>
    <dgm:cxn modelId="{6DA81650-4740-2F40-989B-245A3E2BE897}" srcId="{BFB1C713-2822-0642-971D-67D8852E3364}" destId="{D0893B01-BFF4-3647-A373-B7F1672DC978}" srcOrd="8" destOrd="0" parTransId="{AF1AA3F2-1844-F342-99D9-D4850E230535}" sibTransId="{AD42D8B3-BD14-3540-AFF2-493D10E4E67F}"/>
    <dgm:cxn modelId="{EAD4DF56-9629-BE4D-B646-21CD9364F325}" type="presOf" srcId="{23C19E56-3F53-8240-9F9D-37417F772BD6}" destId="{BB6E7E5B-38D0-734F-ADEE-B01CFC8F1C00}" srcOrd="0" destOrd="0" presId="urn:microsoft.com/office/officeart/2005/8/layout/hChevron3"/>
    <dgm:cxn modelId="{FC39F856-ECD5-2245-9B73-C57DBE8DAF0D}" type="presOf" srcId="{2E116C6B-C1B8-9143-8839-7BD327EF26AE}" destId="{0B98E2E4-7E61-BF45-9002-438D1AD64EC9}" srcOrd="0" destOrd="0" presId="urn:microsoft.com/office/officeart/2005/8/layout/hChevron3"/>
    <dgm:cxn modelId="{785CB257-868E-5F4A-8D1F-1566271E9083}" type="presOf" srcId="{201FA7D1-4673-164B-A870-07B69404D1D4}" destId="{E569B5B3-1E70-B741-AAA2-79F249C73546}" srcOrd="0" destOrd="0" presId="urn:microsoft.com/office/officeart/2005/8/layout/hChevron3"/>
    <dgm:cxn modelId="{F86E5961-7245-5244-ABF7-003C527EF808}" type="presOf" srcId="{9AABBBD2-5E5E-9A45-93E6-024DF8331810}" destId="{47904C27-172E-E045-91F3-8A5A0AC65125}" srcOrd="0" destOrd="0" presId="urn:microsoft.com/office/officeart/2005/8/layout/hChevron3"/>
    <dgm:cxn modelId="{136F216F-F1F9-B24A-8EB5-995E6A48E6E8}" srcId="{BFB1C713-2822-0642-971D-67D8852E3364}" destId="{F5D6B3E2-133D-864D-BA93-91387FC82374}" srcOrd="5" destOrd="0" parTransId="{A2ACC591-70E1-A64F-ACB2-35050E032A5D}" sibTransId="{44E84D39-CD13-334E-BCF2-2797D0B4F2E6}"/>
    <dgm:cxn modelId="{9C156B70-9915-584C-9B6A-D7EDF22D12B4}" srcId="{BFB1C713-2822-0642-971D-67D8852E3364}" destId="{9AABBBD2-5E5E-9A45-93E6-024DF8331810}" srcOrd="2" destOrd="0" parTransId="{8DE9B082-385A-054E-805A-93D0B928988D}" sibTransId="{7E92C188-48A2-A24E-9626-10646C9B8C4C}"/>
    <dgm:cxn modelId="{DB0B4C71-F576-194C-80A2-9FE426EAFB34}" type="presOf" srcId="{BC4B1D52-AC7D-EF40-ADC2-8191D7E636A5}" destId="{45FF2AAE-E4F9-1846-BDA0-0BBA049F3E35}" srcOrd="0" destOrd="0" presId="urn:microsoft.com/office/officeart/2005/8/layout/hChevron3"/>
    <dgm:cxn modelId="{0AB0CC75-DA02-2A42-B2F6-267344D771A9}" srcId="{BFB1C713-2822-0642-971D-67D8852E3364}" destId="{BC4B1D52-AC7D-EF40-ADC2-8191D7E636A5}" srcOrd="10" destOrd="0" parTransId="{83E0DB81-AC78-F54A-AD88-CA0BED9551DC}" sibTransId="{8155EBE7-145D-3045-B4D5-A2FB590F3E70}"/>
    <dgm:cxn modelId="{8667D28C-6FF2-2649-BBC1-DC50FE947FCD}" type="presOf" srcId="{9CB8935A-9D49-BB44-BD1B-5119A1C1C5C0}" destId="{83154A96-9DD8-B74C-85EB-5A9EE8918262}"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FE42BEA0-E062-B84F-BAB1-7F499112563E}" srcId="{BFB1C713-2822-0642-971D-67D8852E3364}" destId="{924DCAD4-5F17-7C44-B591-115356CF3831}" srcOrd="11" destOrd="0" parTransId="{9C4C81A4-0AE7-4641-9CC8-947D1A2983A6}" sibTransId="{17628B93-F602-0545-AA5B-7223EA392249}"/>
    <dgm:cxn modelId="{A2C11CA5-6CBE-7548-9C09-D06A89C2EC8C}" srcId="{BFB1C713-2822-0642-971D-67D8852E3364}" destId="{E5B03628-D444-844F-BCA0-A700B7607177}" srcOrd="7" destOrd="0" parTransId="{3AE3AD21-8F1A-564D-91F7-4C4E0785B2B2}" sibTransId="{01C091AE-C10D-B249-94E1-17CD3B07AFB3}"/>
    <dgm:cxn modelId="{FBF349B7-FE36-2F4C-A45E-188D55B03F0F}" type="presOf" srcId="{924DCAD4-5F17-7C44-B591-115356CF3831}" destId="{1B83875F-83A0-6F40-958B-283950257C57}" srcOrd="0" destOrd="0" presId="urn:microsoft.com/office/officeart/2005/8/layout/hChevron3"/>
    <dgm:cxn modelId="{C643E0C0-94E1-9345-B4BE-9685BD2739CD}" srcId="{BFB1C713-2822-0642-971D-67D8852E3364}" destId="{6BA70F3A-3D54-3141-8E3E-3D20B1879B93}" srcOrd="4" destOrd="0" parTransId="{0C567076-8DF7-DE4A-A0EB-341373F865F0}" sibTransId="{7E870EA2-3781-594E-8F5D-95942472EA9D}"/>
    <dgm:cxn modelId="{39D9C4CE-CDF5-8742-B672-7942106548B0}" type="presOf" srcId="{F5D6B3E2-133D-864D-BA93-91387FC82374}" destId="{7F02DCD0-1033-D447-9CA9-3DA883DF1990}" srcOrd="0" destOrd="0" presId="urn:microsoft.com/office/officeart/2005/8/layout/hChevron3"/>
    <dgm:cxn modelId="{87047EDE-09EB-3347-9576-DC0ED04696FA}" type="presOf" srcId="{BFB1C713-2822-0642-971D-67D8852E3364}" destId="{82E90554-E42A-5248-935B-DE2F8293B9CB}" srcOrd="0" destOrd="0" presId="urn:microsoft.com/office/officeart/2005/8/layout/hChevron3"/>
    <dgm:cxn modelId="{4880C929-7FD8-5C4C-9CE9-2E0742B11BB2}" type="presParOf" srcId="{82E90554-E42A-5248-935B-DE2F8293B9CB}" destId="{0B98E2E4-7E61-BF45-9002-438D1AD64EC9}" srcOrd="0" destOrd="0" presId="urn:microsoft.com/office/officeart/2005/8/layout/hChevron3"/>
    <dgm:cxn modelId="{B2B7BDFF-8177-4241-886C-5F5CF411B3A2}" type="presParOf" srcId="{82E90554-E42A-5248-935B-DE2F8293B9CB}" destId="{C0E157E5-CE26-1542-8B42-34971273D584}" srcOrd="1" destOrd="0" presId="urn:microsoft.com/office/officeart/2005/8/layout/hChevron3"/>
    <dgm:cxn modelId="{27E4C30F-941E-8048-92A1-A0A05A50B79A}" type="presParOf" srcId="{82E90554-E42A-5248-935B-DE2F8293B9CB}" destId="{91F73428-6E2C-1848-8C4C-42EAFE35EB4F}" srcOrd="2" destOrd="0" presId="urn:microsoft.com/office/officeart/2005/8/layout/hChevron3"/>
    <dgm:cxn modelId="{22FDA00B-3D09-4943-8182-64A73207CAB7}" type="presParOf" srcId="{82E90554-E42A-5248-935B-DE2F8293B9CB}" destId="{5E3365C3-A6F2-2C40-A058-F759206C8753}" srcOrd="3" destOrd="0" presId="urn:microsoft.com/office/officeart/2005/8/layout/hChevron3"/>
    <dgm:cxn modelId="{935249E4-7911-584F-9390-E2DF7A1F934B}" type="presParOf" srcId="{82E90554-E42A-5248-935B-DE2F8293B9CB}" destId="{47904C27-172E-E045-91F3-8A5A0AC65125}" srcOrd="4" destOrd="0" presId="urn:microsoft.com/office/officeart/2005/8/layout/hChevron3"/>
    <dgm:cxn modelId="{147EA829-4359-0D4D-93DF-1DE7D79A490F}" type="presParOf" srcId="{82E90554-E42A-5248-935B-DE2F8293B9CB}" destId="{037E5992-A1C2-114D-89BB-8FFC76AE48FF}" srcOrd="5" destOrd="0" presId="urn:microsoft.com/office/officeart/2005/8/layout/hChevron3"/>
    <dgm:cxn modelId="{89E6121A-9E18-E94A-8528-A48A8DC39B79}" type="presParOf" srcId="{82E90554-E42A-5248-935B-DE2F8293B9CB}" destId="{E569B5B3-1E70-B741-AAA2-79F249C73546}" srcOrd="6" destOrd="0" presId="urn:microsoft.com/office/officeart/2005/8/layout/hChevron3"/>
    <dgm:cxn modelId="{AFC0D559-BA5A-4E4C-9010-BC58010198E0}" type="presParOf" srcId="{82E90554-E42A-5248-935B-DE2F8293B9CB}" destId="{4DB0A912-015E-F54B-AFCF-9E01D80BB765}" srcOrd="7" destOrd="0" presId="urn:microsoft.com/office/officeart/2005/8/layout/hChevron3"/>
    <dgm:cxn modelId="{4A1F0E35-7EBA-924C-A322-AFFF48CAD37A}" type="presParOf" srcId="{82E90554-E42A-5248-935B-DE2F8293B9CB}" destId="{C2359B7F-CB8F-EC42-B4C3-050C16F42CFD}" srcOrd="8" destOrd="0" presId="urn:microsoft.com/office/officeart/2005/8/layout/hChevron3"/>
    <dgm:cxn modelId="{A9E07DD8-615C-FC4E-A36A-4AB085DBBDBC}" type="presParOf" srcId="{82E90554-E42A-5248-935B-DE2F8293B9CB}" destId="{82048E63-EC94-1E41-82BD-0145FBEB2C86}" srcOrd="9" destOrd="0" presId="urn:microsoft.com/office/officeart/2005/8/layout/hChevron3"/>
    <dgm:cxn modelId="{6866E699-88D6-6C48-A163-8A585951CE23}" type="presParOf" srcId="{82E90554-E42A-5248-935B-DE2F8293B9CB}" destId="{7F02DCD0-1033-D447-9CA9-3DA883DF1990}" srcOrd="10" destOrd="0" presId="urn:microsoft.com/office/officeart/2005/8/layout/hChevron3"/>
    <dgm:cxn modelId="{957588F2-FACD-B945-B650-91E274B99692}" type="presParOf" srcId="{82E90554-E42A-5248-935B-DE2F8293B9CB}" destId="{498E2210-870F-2C42-9932-7E74816A0C53}" srcOrd="11" destOrd="0" presId="urn:microsoft.com/office/officeart/2005/8/layout/hChevron3"/>
    <dgm:cxn modelId="{C1D7D1CB-092D-584E-A752-45E5E66EC739}" type="presParOf" srcId="{82E90554-E42A-5248-935B-DE2F8293B9CB}" destId="{83154A96-9DD8-B74C-85EB-5A9EE8918262}" srcOrd="12" destOrd="0" presId="urn:microsoft.com/office/officeart/2005/8/layout/hChevron3"/>
    <dgm:cxn modelId="{00A244D1-B991-5F40-A0CC-5F42264C4336}" type="presParOf" srcId="{82E90554-E42A-5248-935B-DE2F8293B9CB}" destId="{6014F0C3-AD36-5947-8A3C-24BCB6C96936}" srcOrd="13" destOrd="0" presId="urn:microsoft.com/office/officeart/2005/8/layout/hChevron3"/>
    <dgm:cxn modelId="{F42AEEF5-30AF-7546-986C-7E4B52CEC2CC}" type="presParOf" srcId="{82E90554-E42A-5248-935B-DE2F8293B9CB}" destId="{AB78FE09-DB85-3D44-BEB2-B271C5B807E0}" srcOrd="14" destOrd="0" presId="urn:microsoft.com/office/officeart/2005/8/layout/hChevron3"/>
    <dgm:cxn modelId="{67FDD139-E45A-974A-91A6-861D4DF306E2}" type="presParOf" srcId="{82E90554-E42A-5248-935B-DE2F8293B9CB}" destId="{559D444F-CAA1-A941-87E3-C7CF056E6AE3}" srcOrd="15" destOrd="0" presId="urn:microsoft.com/office/officeart/2005/8/layout/hChevron3"/>
    <dgm:cxn modelId="{DEDB6549-9FC2-3F4D-89BE-3D92DDBB3306}" type="presParOf" srcId="{82E90554-E42A-5248-935B-DE2F8293B9CB}" destId="{B504BB1E-0653-6843-9F8F-CEACB35BAC88}" srcOrd="16" destOrd="0" presId="urn:microsoft.com/office/officeart/2005/8/layout/hChevron3"/>
    <dgm:cxn modelId="{868CC1CB-F2DC-0747-8BEF-BAA56AB32252}" type="presParOf" srcId="{82E90554-E42A-5248-935B-DE2F8293B9CB}" destId="{01ED2D9F-A9CD-C844-9DD1-0CF45462E718}" srcOrd="17" destOrd="0" presId="urn:microsoft.com/office/officeart/2005/8/layout/hChevron3"/>
    <dgm:cxn modelId="{A3CFD63E-C06C-5441-B0AB-D6CFED9454A9}" type="presParOf" srcId="{82E90554-E42A-5248-935B-DE2F8293B9CB}" destId="{BB6E7E5B-38D0-734F-ADEE-B01CFC8F1C00}" srcOrd="18" destOrd="0" presId="urn:microsoft.com/office/officeart/2005/8/layout/hChevron3"/>
    <dgm:cxn modelId="{B7FE5316-B6F3-DB4C-B000-13D5F638565E}" type="presParOf" srcId="{82E90554-E42A-5248-935B-DE2F8293B9CB}" destId="{0925315D-1875-D64E-BBA8-FF115AE4C551}" srcOrd="19" destOrd="0" presId="urn:microsoft.com/office/officeart/2005/8/layout/hChevron3"/>
    <dgm:cxn modelId="{1994D8D6-CDDF-BC41-959A-30A2C2E5F927}" type="presParOf" srcId="{82E90554-E42A-5248-935B-DE2F8293B9CB}" destId="{45FF2AAE-E4F9-1846-BDA0-0BBA049F3E35}" srcOrd="20" destOrd="0" presId="urn:microsoft.com/office/officeart/2005/8/layout/hChevron3"/>
    <dgm:cxn modelId="{F7705C3E-EB3B-B84F-9ABA-F633C191DF3F}" type="presParOf" srcId="{82E90554-E42A-5248-935B-DE2F8293B9CB}" destId="{7F5ACB1D-0434-A54D-9C8D-E6ECFB8A2E79}" srcOrd="21" destOrd="0" presId="urn:microsoft.com/office/officeart/2005/8/layout/hChevron3"/>
    <dgm:cxn modelId="{172CAD9F-2B52-184B-8F10-AA1E3AA1FA07}" type="presParOf" srcId="{82E90554-E42A-5248-935B-DE2F8293B9CB}" destId="{1B83875F-83A0-6F40-958B-283950257C57}" srcOrd="22" destOrd="0" presId="urn:microsoft.com/office/officeart/2005/8/layout/hChevron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2_3" csCatId="accent2" phldr="1"/>
      <dgm:spPr/>
    </dgm:pt>
    <dgm:pt modelId="{2E116C6B-C1B8-9143-8839-7BD327EF26AE}">
      <dgm:prSet phldrT="[Text]"/>
      <dgm:spPr/>
      <dgm:t>
        <a:bodyPr/>
        <a:lstStyle/>
        <a:p>
          <a:r>
            <a:rPr lang="en-US" dirty="0"/>
            <a:t>Release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dgm:t>
        <a:bodyPr/>
        <a:lstStyle/>
        <a:p>
          <a:r>
            <a:rPr lang="en-US" dirty="0"/>
            <a:t>Release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dgm:t>
        <a:bodyPr/>
        <a:lstStyle/>
        <a:p>
          <a:r>
            <a:rPr lang="en-US" dirty="0"/>
            <a:t>Release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dgm:t>
        <a:bodyPr/>
        <a:lstStyle/>
        <a:p>
          <a:r>
            <a:rPr lang="en-US" dirty="0"/>
            <a:t>Release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4">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4">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4">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4">
        <dgm:presLayoutVars>
          <dgm:bulletEnabled val="1"/>
        </dgm:presLayoutVars>
      </dgm:prSet>
      <dgm:spPr/>
    </dgm:pt>
  </dgm:ptLst>
  <dgm:cxnLst>
    <dgm:cxn modelId="{B169DA16-FD6A-0C42-B982-02B70A373C8D}" type="presOf" srcId="{9AABBBD2-5E5E-9A45-93E6-024DF8331810}" destId="{47904C27-172E-E045-91F3-8A5A0AC65125}" srcOrd="0" destOrd="0" presId="urn:microsoft.com/office/officeart/2005/8/layout/hChevron3"/>
    <dgm:cxn modelId="{B088E225-C870-0E47-B562-A50208D1A5EF}" srcId="{BFB1C713-2822-0642-971D-67D8852E3364}" destId="{65895D85-F9BC-9E43-8AC6-DA68BD2EBB0C}" srcOrd="1" destOrd="0" parTransId="{C80ABF91-119F-AD4D-A6A0-73F9DDED4537}" sibTransId="{9A502B5C-347D-DB42-83C5-CA2D69447932}"/>
    <dgm:cxn modelId="{125BE93A-9331-C040-907F-E76020436E65}" type="presOf" srcId="{201FA7D1-4673-164B-A870-07B69404D1D4}" destId="{E569B5B3-1E70-B741-AAA2-79F249C73546}" srcOrd="0" destOrd="0" presId="urn:microsoft.com/office/officeart/2005/8/layout/hChevron3"/>
    <dgm:cxn modelId="{31D2073D-BAC2-E741-8362-8F8703223972}" srcId="{BFB1C713-2822-0642-971D-67D8852E3364}" destId="{201FA7D1-4673-164B-A870-07B69404D1D4}" srcOrd="3" destOrd="0" parTransId="{AA15B90E-7C06-A54F-AD91-0DC8E0016736}" sibTransId="{49C5F9F7-AE5F-B141-BC2C-2898192A370D}"/>
    <dgm:cxn modelId="{9386714A-A701-5746-AEE8-1B8383973D5D}" type="presOf" srcId="{BFB1C713-2822-0642-971D-67D8852E3364}" destId="{82E90554-E42A-5248-935B-DE2F8293B9CB}" srcOrd="0" destOrd="0" presId="urn:microsoft.com/office/officeart/2005/8/layout/hChevron3"/>
    <dgm:cxn modelId="{6D183A58-62AC-324D-AB8D-047C15E8EE13}" type="presOf" srcId="{65895D85-F9BC-9E43-8AC6-DA68BD2EBB0C}" destId="{91F73428-6E2C-1848-8C4C-42EAFE35EB4F}" srcOrd="0" destOrd="0" presId="urn:microsoft.com/office/officeart/2005/8/layout/hChevron3"/>
    <dgm:cxn modelId="{9C156B70-9915-584C-9B6A-D7EDF22D12B4}" srcId="{BFB1C713-2822-0642-971D-67D8852E3364}" destId="{9AABBBD2-5E5E-9A45-93E6-024DF8331810}" srcOrd="2" destOrd="0" parTransId="{8DE9B082-385A-054E-805A-93D0B928988D}" sibTransId="{7E92C188-48A2-A24E-9626-10646C9B8C4C}"/>
    <dgm:cxn modelId="{B5A89290-E25F-8B44-AD1D-0769AF918FCB}" srcId="{BFB1C713-2822-0642-971D-67D8852E3364}" destId="{2E116C6B-C1B8-9143-8839-7BD327EF26AE}" srcOrd="0" destOrd="0" parTransId="{5E426208-14FB-3E44-B270-31A7C637ADFD}" sibTransId="{DDBD4537-9A4A-BD43-ACD0-8C0F074CEBB7}"/>
    <dgm:cxn modelId="{214A02C5-FC56-0844-BB7E-7582F3BFCED5}" type="presOf" srcId="{2E116C6B-C1B8-9143-8839-7BD327EF26AE}" destId="{0B98E2E4-7E61-BF45-9002-438D1AD64EC9}" srcOrd="0" destOrd="0" presId="urn:microsoft.com/office/officeart/2005/8/layout/hChevron3"/>
    <dgm:cxn modelId="{95A1B2C2-D8E5-0841-8ABF-62FC034D6117}" type="presParOf" srcId="{82E90554-E42A-5248-935B-DE2F8293B9CB}" destId="{0B98E2E4-7E61-BF45-9002-438D1AD64EC9}" srcOrd="0" destOrd="0" presId="urn:microsoft.com/office/officeart/2005/8/layout/hChevron3"/>
    <dgm:cxn modelId="{73D711DA-FC3F-744F-8B70-ADE85CFF1B15}" type="presParOf" srcId="{82E90554-E42A-5248-935B-DE2F8293B9CB}" destId="{C0E157E5-CE26-1542-8B42-34971273D584}" srcOrd="1" destOrd="0" presId="urn:microsoft.com/office/officeart/2005/8/layout/hChevron3"/>
    <dgm:cxn modelId="{508579AD-E82E-6945-B48C-E8E03754B92C}" type="presParOf" srcId="{82E90554-E42A-5248-935B-DE2F8293B9CB}" destId="{91F73428-6E2C-1848-8C4C-42EAFE35EB4F}" srcOrd="2" destOrd="0" presId="urn:microsoft.com/office/officeart/2005/8/layout/hChevron3"/>
    <dgm:cxn modelId="{AADC28C4-BD9D-FE47-8DCB-13D1C837CB43}" type="presParOf" srcId="{82E90554-E42A-5248-935B-DE2F8293B9CB}" destId="{5E3365C3-A6F2-2C40-A058-F759206C8753}" srcOrd="3" destOrd="0" presId="urn:microsoft.com/office/officeart/2005/8/layout/hChevron3"/>
    <dgm:cxn modelId="{B9E7AD4C-6E1F-2D44-B4D7-F8086AF7D176}" type="presParOf" srcId="{82E90554-E42A-5248-935B-DE2F8293B9CB}" destId="{47904C27-172E-E045-91F3-8A5A0AC65125}" srcOrd="4" destOrd="0" presId="urn:microsoft.com/office/officeart/2005/8/layout/hChevron3"/>
    <dgm:cxn modelId="{8092F1DA-3C2F-3744-8F95-6DDC71C844EB}" type="presParOf" srcId="{82E90554-E42A-5248-935B-DE2F8293B9CB}" destId="{037E5992-A1C2-114D-89BB-8FFC76AE48FF}" srcOrd="5" destOrd="0" presId="urn:microsoft.com/office/officeart/2005/8/layout/hChevron3"/>
    <dgm:cxn modelId="{9A9B85ED-B361-A142-812C-6F14EAB38D17}" type="presParOf" srcId="{82E90554-E42A-5248-935B-DE2F8293B9CB}" destId="{E569B5B3-1E70-B741-AAA2-79F249C73546}" srcOrd="6" destOrd="0" presId="urn:microsoft.com/office/officeart/2005/8/layout/hChevron3"/>
  </dgm:cxnLst>
  <dgm:bg/>
  <dgm:whole/>
  <dgm:extLst>
    <a:ext uri="http://schemas.microsoft.com/office/drawing/2008/diagram">
      <dsp:dataModelExt xmlns:dsp="http://schemas.microsoft.com/office/drawing/2008/diagram" relId="rId11"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2_4" csCatId="accent2" phldr="1"/>
      <dgm:spPr/>
    </dgm:pt>
    <dgm:pt modelId="{2E116C6B-C1B8-9143-8839-7BD327EF26AE}">
      <dgm:prSet phldrT="[Text]" custT="1"/>
      <dgm:spPr/>
      <dgm:t>
        <a:bodyPr/>
        <a:lstStyle/>
        <a:p>
          <a:r>
            <a:rPr lang="en-US" sz="1100" dirty="0"/>
            <a:t>Release 1</a:t>
          </a:r>
        </a:p>
      </dgm:t>
    </dgm:pt>
    <dgm:pt modelId="{5E426208-14FB-3E44-B270-31A7C637ADFD}" type="parTrans" cxnId="{B5A89290-E25F-8B44-AD1D-0769AF918FCB}">
      <dgm:prSet/>
      <dgm:spPr/>
      <dgm:t>
        <a:bodyPr/>
        <a:lstStyle/>
        <a:p>
          <a:endParaRPr lang="en-US" sz="1400"/>
        </a:p>
      </dgm:t>
    </dgm:pt>
    <dgm:pt modelId="{DDBD4537-9A4A-BD43-ACD0-8C0F074CEBB7}" type="sibTrans" cxnId="{B5A89290-E25F-8B44-AD1D-0769AF918FCB}">
      <dgm:prSet/>
      <dgm:spPr/>
      <dgm:t>
        <a:bodyPr/>
        <a:lstStyle/>
        <a:p>
          <a:endParaRPr lang="en-US" sz="1400"/>
        </a:p>
      </dgm:t>
    </dgm:pt>
    <dgm:pt modelId="{65895D85-F9BC-9E43-8AC6-DA68BD2EBB0C}">
      <dgm:prSet phldrT="[Text]" custT="1"/>
      <dgm:spPr/>
      <dgm:t>
        <a:bodyPr/>
        <a:lstStyle/>
        <a:p>
          <a:r>
            <a:rPr lang="en-US" sz="1100" dirty="0"/>
            <a:t>Release 2 </a:t>
          </a:r>
        </a:p>
      </dgm:t>
    </dgm:pt>
    <dgm:pt modelId="{C80ABF91-119F-AD4D-A6A0-73F9DDED4537}" type="parTrans" cxnId="{B088E225-C870-0E47-B562-A50208D1A5EF}">
      <dgm:prSet/>
      <dgm:spPr/>
      <dgm:t>
        <a:bodyPr/>
        <a:lstStyle/>
        <a:p>
          <a:endParaRPr lang="en-US" sz="1400"/>
        </a:p>
      </dgm:t>
    </dgm:pt>
    <dgm:pt modelId="{9A502B5C-347D-DB42-83C5-CA2D69447932}" type="sibTrans" cxnId="{B088E225-C870-0E47-B562-A50208D1A5EF}">
      <dgm:prSet/>
      <dgm:spPr/>
      <dgm:t>
        <a:bodyPr/>
        <a:lstStyle/>
        <a:p>
          <a:endParaRPr lang="en-US" sz="1400"/>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2" custScaleX="111383" custScaleY="91263" custLinFactNeighborX="-4407">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2">
        <dgm:presLayoutVars>
          <dgm:bulletEnabled val="1"/>
        </dgm:presLayoutVars>
      </dgm:prSet>
      <dgm:spPr/>
    </dgm:pt>
  </dgm:ptLst>
  <dgm:cxnLst>
    <dgm:cxn modelId="{B088E225-C870-0E47-B562-A50208D1A5EF}" srcId="{BFB1C713-2822-0642-971D-67D8852E3364}" destId="{65895D85-F9BC-9E43-8AC6-DA68BD2EBB0C}" srcOrd="1" destOrd="0" parTransId="{C80ABF91-119F-AD4D-A6A0-73F9DDED4537}" sibTransId="{9A502B5C-347D-DB42-83C5-CA2D69447932}"/>
    <dgm:cxn modelId="{0B9A953B-132B-9D4C-A73D-3755FBCE39DE}" type="presOf" srcId="{BFB1C713-2822-0642-971D-67D8852E3364}" destId="{82E90554-E42A-5248-935B-DE2F8293B9CB}"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46238393-F65A-364F-B124-7D564AD1D523}" type="presOf" srcId="{65895D85-F9BC-9E43-8AC6-DA68BD2EBB0C}" destId="{91F73428-6E2C-1848-8C4C-42EAFE35EB4F}" srcOrd="0" destOrd="0" presId="urn:microsoft.com/office/officeart/2005/8/layout/hChevron3"/>
    <dgm:cxn modelId="{5296A2B1-60A6-DA4F-85AF-AD8F1BE94350}" type="presOf" srcId="{2E116C6B-C1B8-9143-8839-7BD327EF26AE}" destId="{0B98E2E4-7E61-BF45-9002-438D1AD64EC9}" srcOrd="0" destOrd="0" presId="urn:microsoft.com/office/officeart/2005/8/layout/hChevron3"/>
    <dgm:cxn modelId="{B8759805-F9E1-BE4A-94FC-81BD2F91DAC0}" type="presParOf" srcId="{82E90554-E42A-5248-935B-DE2F8293B9CB}" destId="{0B98E2E4-7E61-BF45-9002-438D1AD64EC9}" srcOrd="0" destOrd="0" presId="urn:microsoft.com/office/officeart/2005/8/layout/hChevron3"/>
    <dgm:cxn modelId="{1568DD00-CBD5-774A-8BC7-EFB1099ECAB9}" type="presParOf" srcId="{82E90554-E42A-5248-935B-DE2F8293B9CB}" destId="{C0E157E5-CE26-1542-8B42-34971273D584}" srcOrd="1" destOrd="0" presId="urn:microsoft.com/office/officeart/2005/8/layout/hChevron3"/>
    <dgm:cxn modelId="{090F06D7-233E-CC49-B39F-48CCAD04CF36}" type="presParOf" srcId="{82E90554-E42A-5248-935B-DE2F8293B9CB}" destId="{91F73428-6E2C-1848-8C4C-42EAFE35EB4F}" srcOrd="2" destOrd="0" presId="urn:microsoft.com/office/officeart/2005/8/layout/hChevron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4_5" csCatId="accent4" phldr="1"/>
      <dgm:spPr/>
    </dgm:pt>
    <dgm:pt modelId="{2E116C6B-C1B8-9143-8839-7BD327EF26AE}">
      <dgm:prSet phldrT="[Text]"/>
      <dgm:spPr/>
      <dgm:t>
        <a:bodyPr/>
        <a:lstStyle/>
        <a:p>
          <a:r>
            <a:rPr lang="en-US" dirty="0"/>
            <a:t>Month 1</a:t>
          </a:r>
        </a:p>
      </dgm:t>
    </dgm:pt>
    <dgm:pt modelId="{5E426208-14FB-3E44-B270-31A7C637ADFD}" type="parTrans" cxnId="{B5A89290-E25F-8B44-AD1D-0769AF918FCB}">
      <dgm:prSet/>
      <dgm:spPr/>
      <dgm:t>
        <a:bodyPr/>
        <a:lstStyle/>
        <a:p>
          <a:endParaRPr lang="en-US"/>
        </a:p>
      </dgm:t>
    </dgm:pt>
    <dgm:pt modelId="{DDBD4537-9A4A-BD43-ACD0-8C0F074CEBB7}" type="sibTrans" cxnId="{B5A89290-E25F-8B44-AD1D-0769AF918FCB}">
      <dgm:prSet/>
      <dgm:spPr/>
      <dgm:t>
        <a:bodyPr/>
        <a:lstStyle/>
        <a:p>
          <a:endParaRPr lang="en-US"/>
        </a:p>
      </dgm:t>
    </dgm:pt>
    <dgm:pt modelId="{65895D85-F9BC-9E43-8AC6-DA68BD2EBB0C}">
      <dgm:prSet phldrT="[Text]"/>
      <dgm:spPr/>
      <dgm:t>
        <a:bodyPr/>
        <a:lstStyle/>
        <a:p>
          <a:r>
            <a:rPr lang="en-US" dirty="0"/>
            <a:t>Month 2 </a:t>
          </a:r>
        </a:p>
      </dgm:t>
    </dgm:pt>
    <dgm:pt modelId="{C80ABF91-119F-AD4D-A6A0-73F9DDED4537}" type="parTrans" cxnId="{B088E225-C870-0E47-B562-A50208D1A5EF}">
      <dgm:prSet/>
      <dgm:spPr/>
      <dgm:t>
        <a:bodyPr/>
        <a:lstStyle/>
        <a:p>
          <a:endParaRPr lang="en-US"/>
        </a:p>
      </dgm:t>
    </dgm:pt>
    <dgm:pt modelId="{9A502B5C-347D-DB42-83C5-CA2D69447932}" type="sibTrans" cxnId="{B088E225-C870-0E47-B562-A50208D1A5EF}">
      <dgm:prSet/>
      <dgm:spPr/>
      <dgm:t>
        <a:bodyPr/>
        <a:lstStyle/>
        <a:p>
          <a:endParaRPr lang="en-US"/>
        </a:p>
      </dgm:t>
    </dgm:pt>
    <dgm:pt modelId="{9AABBBD2-5E5E-9A45-93E6-024DF8331810}">
      <dgm:prSet phldrT="[Text]"/>
      <dgm:spPr/>
      <dgm:t>
        <a:bodyPr/>
        <a:lstStyle/>
        <a:p>
          <a:r>
            <a:rPr lang="en-US" dirty="0"/>
            <a:t>Month 3 </a:t>
          </a:r>
        </a:p>
      </dgm:t>
    </dgm:pt>
    <dgm:pt modelId="{8DE9B082-385A-054E-805A-93D0B928988D}" type="parTrans" cxnId="{9C156B70-9915-584C-9B6A-D7EDF22D12B4}">
      <dgm:prSet/>
      <dgm:spPr/>
      <dgm:t>
        <a:bodyPr/>
        <a:lstStyle/>
        <a:p>
          <a:endParaRPr lang="en-US"/>
        </a:p>
      </dgm:t>
    </dgm:pt>
    <dgm:pt modelId="{7E92C188-48A2-A24E-9626-10646C9B8C4C}" type="sibTrans" cxnId="{9C156B70-9915-584C-9B6A-D7EDF22D12B4}">
      <dgm:prSet/>
      <dgm:spPr/>
      <dgm:t>
        <a:bodyPr/>
        <a:lstStyle/>
        <a:p>
          <a:endParaRPr lang="en-US"/>
        </a:p>
      </dgm:t>
    </dgm:pt>
    <dgm:pt modelId="{201FA7D1-4673-164B-A870-07B69404D1D4}">
      <dgm:prSet phldrT="[Text]"/>
      <dgm:spPr/>
      <dgm:t>
        <a:bodyPr/>
        <a:lstStyle/>
        <a:p>
          <a:r>
            <a:rPr lang="en-US" dirty="0"/>
            <a:t>Month 4 </a:t>
          </a:r>
        </a:p>
      </dgm:t>
    </dgm:pt>
    <dgm:pt modelId="{AA15B90E-7C06-A54F-AD91-0DC8E0016736}" type="parTrans" cxnId="{31D2073D-BAC2-E741-8362-8F8703223972}">
      <dgm:prSet/>
      <dgm:spPr/>
      <dgm:t>
        <a:bodyPr/>
        <a:lstStyle/>
        <a:p>
          <a:endParaRPr lang="en-US"/>
        </a:p>
      </dgm:t>
    </dgm:pt>
    <dgm:pt modelId="{49C5F9F7-AE5F-B141-BC2C-2898192A370D}" type="sibTrans" cxnId="{31D2073D-BAC2-E741-8362-8F8703223972}">
      <dgm:prSet/>
      <dgm:spPr/>
      <dgm:t>
        <a:bodyPr/>
        <a:lstStyle/>
        <a:p>
          <a:endParaRPr lang="en-US"/>
        </a:p>
      </dgm:t>
    </dgm:pt>
    <dgm:pt modelId="{6BA70F3A-3D54-3141-8E3E-3D20B1879B93}">
      <dgm:prSet phldrT="[Text]"/>
      <dgm:spPr/>
      <dgm:t>
        <a:bodyPr/>
        <a:lstStyle/>
        <a:p>
          <a:r>
            <a:rPr lang="en-US" dirty="0"/>
            <a:t>Month 5</a:t>
          </a:r>
        </a:p>
      </dgm:t>
    </dgm:pt>
    <dgm:pt modelId="{0C567076-8DF7-DE4A-A0EB-341373F865F0}" type="parTrans" cxnId="{C643E0C0-94E1-9345-B4BE-9685BD2739CD}">
      <dgm:prSet/>
      <dgm:spPr/>
      <dgm:t>
        <a:bodyPr/>
        <a:lstStyle/>
        <a:p>
          <a:endParaRPr lang="en-US"/>
        </a:p>
      </dgm:t>
    </dgm:pt>
    <dgm:pt modelId="{7E870EA2-3781-594E-8F5D-95942472EA9D}" type="sibTrans" cxnId="{C643E0C0-94E1-9345-B4BE-9685BD2739CD}">
      <dgm:prSet/>
      <dgm:spPr/>
      <dgm:t>
        <a:bodyPr/>
        <a:lstStyle/>
        <a:p>
          <a:endParaRPr lang="en-US"/>
        </a:p>
      </dgm:t>
    </dgm:pt>
    <dgm:pt modelId="{F5D6B3E2-133D-864D-BA93-91387FC82374}">
      <dgm:prSet phldrT="[Text]"/>
      <dgm:spPr/>
      <dgm:t>
        <a:bodyPr/>
        <a:lstStyle/>
        <a:p>
          <a:r>
            <a:rPr lang="en-US" dirty="0"/>
            <a:t>Month 6</a:t>
          </a:r>
        </a:p>
      </dgm:t>
    </dgm:pt>
    <dgm:pt modelId="{A2ACC591-70E1-A64F-ACB2-35050E032A5D}" type="parTrans" cxnId="{136F216F-F1F9-B24A-8EB5-995E6A48E6E8}">
      <dgm:prSet/>
      <dgm:spPr/>
      <dgm:t>
        <a:bodyPr/>
        <a:lstStyle/>
        <a:p>
          <a:endParaRPr lang="en-US"/>
        </a:p>
      </dgm:t>
    </dgm:pt>
    <dgm:pt modelId="{44E84D39-CD13-334E-BCF2-2797D0B4F2E6}" type="sibTrans" cxnId="{136F216F-F1F9-B24A-8EB5-995E6A48E6E8}">
      <dgm:prSet/>
      <dgm:spPr/>
      <dgm:t>
        <a:bodyPr/>
        <a:lstStyle/>
        <a:p>
          <a:endParaRPr lang="en-US"/>
        </a:p>
      </dgm:t>
    </dgm:pt>
    <dgm:pt modelId="{9CB8935A-9D49-BB44-BD1B-5119A1C1C5C0}">
      <dgm:prSet phldrT="[Text]"/>
      <dgm:spPr>
        <a:solidFill>
          <a:schemeClr val="bg1">
            <a:lumMod val="85000"/>
          </a:schemeClr>
        </a:solidFill>
      </dgm:spPr>
      <dgm:t>
        <a:bodyPr/>
        <a:lstStyle/>
        <a:p>
          <a:r>
            <a:rPr lang="en-US" dirty="0"/>
            <a:t>Month 7</a:t>
          </a:r>
        </a:p>
      </dgm:t>
    </dgm:pt>
    <dgm:pt modelId="{3EDA7E4D-DE64-544F-9589-AFE692B28099}" type="parTrans" cxnId="{9D32DE28-61BA-F744-846F-09D5DEFB0AE9}">
      <dgm:prSet/>
      <dgm:spPr/>
      <dgm:t>
        <a:bodyPr/>
        <a:lstStyle/>
        <a:p>
          <a:endParaRPr lang="en-US"/>
        </a:p>
      </dgm:t>
    </dgm:pt>
    <dgm:pt modelId="{6EB7D773-B2F7-E541-B389-686ED9293BAD}" type="sibTrans" cxnId="{9D32DE28-61BA-F744-846F-09D5DEFB0AE9}">
      <dgm:prSet/>
      <dgm:spPr/>
      <dgm:t>
        <a:bodyPr/>
        <a:lstStyle/>
        <a:p>
          <a:endParaRPr lang="en-US"/>
        </a:p>
      </dgm:t>
    </dgm:pt>
    <dgm:pt modelId="{E5B03628-D444-844F-BCA0-A700B7607177}">
      <dgm:prSet phldrT="[Text]"/>
      <dgm:spPr>
        <a:solidFill>
          <a:schemeClr val="bg1">
            <a:lumMod val="85000"/>
          </a:schemeClr>
        </a:solidFill>
      </dgm:spPr>
      <dgm:t>
        <a:bodyPr/>
        <a:lstStyle/>
        <a:p>
          <a:r>
            <a:rPr lang="en-US" dirty="0"/>
            <a:t>Month 8</a:t>
          </a:r>
        </a:p>
      </dgm:t>
    </dgm:pt>
    <dgm:pt modelId="{3AE3AD21-8F1A-564D-91F7-4C4E0785B2B2}" type="parTrans" cxnId="{A2C11CA5-6CBE-7548-9C09-D06A89C2EC8C}">
      <dgm:prSet/>
      <dgm:spPr/>
      <dgm:t>
        <a:bodyPr/>
        <a:lstStyle/>
        <a:p>
          <a:endParaRPr lang="en-US"/>
        </a:p>
      </dgm:t>
    </dgm:pt>
    <dgm:pt modelId="{01C091AE-C10D-B249-94E1-17CD3B07AFB3}" type="sibTrans" cxnId="{A2C11CA5-6CBE-7548-9C09-D06A89C2EC8C}">
      <dgm:prSet/>
      <dgm:spPr/>
      <dgm:t>
        <a:bodyPr/>
        <a:lstStyle/>
        <a:p>
          <a:endParaRPr lang="en-US"/>
        </a:p>
      </dgm:t>
    </dgm:pt>
    <dgm:pt modelId="{D0893B01-BFF4-3647-A373-B7F1672DC978}">
      <dgm:prSet phldrT="[Text]"/>
      <dgm:spPr>
        <a:solidFill>
          <a:schemeClr val="bg1">
            <a:lumMod val="85000"/>
          </a:schemeClr>
        </a:solidFill>
      </dgm:spPr>
      <dgm:t>
        <a:bodyPr/>
        <a:lstStyle/>
        <a:p>
          <a:r>
            <a:rPr lang="en-US" dirty="0"/>
            <a:t>Month 9</a:t>
          </a:r>
        </a:p>
      </dgm:t>
    </dgm:pt>
    <dgm:pt modelId="{AF1AA3F2-1844-F342-99D9-D4850E230535}" type="parTrans" cxnId="{6DA81650-4740-2F40-989B-245A3E2BE897}">
      <dgm:prSet/>
      <dgm:spPr/>
      <dgm:t>
        <a:bodyPr/>
        <a:lstStyle/>
        <a:p>
          <a:endParaRPr lang="en-US"/>
        </a:p>
      </dgm:t>
    </dgm:pt>
    <dgm:pt modelId="{AD42D8B3-BD14-3540-AFF2-493D10E4E67F}" type="sibTrans" cxnId="{6DA81650-4740-2F40-989B-245A3E2BE897}">
      <dgm:prSet/>
      <dgm:spPr/>
      <dgm:t>
        <a:bodyPr/>
        <a:lstStyle/>
        <a:p>
          <a:endParaRPr lang="en-US"/>
        </a:p>
      </dgm:t>
    </dgm:pt>
    <dgm:pt modelId="{23C19E56-3F53-8240-9F9D-37417F772BD6}">
      <dgm:prSet phldrT="[Text]"/>
      <dgm:spPr>
        <a:solidFill>
          <a:schemeClr val="bg1">
            <a:lumMod val="85000"/>
          </a:schemeClr>
        </a:solidFill>
      </dgm:spPr>
      <dgm:t>
        <a:bodyPr/>
        <a:lstStyle/>
        <a:p>
          <a:r>
            <a:rPr lang="en-US" dirty="0"/>
            <a:t>Month 10</a:t>
          </a:r>
        </a:p>
      </dgm:t>
    </dgm:pt>
    <dgm:pt modelId="{FC01C80A-BFFC-E441-BD6B-C2CE3754BC59}" type="parTrans" cxnId="{B116FC17-799C-8843-BD75-1D37A9179AF6}">
      <dgm:prSet/>
      <dgm:spPr/>
      <dgm:t>
        <a:bodyPr/>
        <a:lstStyle/>
        <a:p>
          <a:endParaRPr lang="en-US"/>
        </a:p>
      </dgm:t>
    </dgm:pt>
    <dgm:pt modelId="{E6D0CBD5-5A72-9349-B78B-755469DDA692}" type="sibTrans" cxnId="{B116FC17-799C-8843-BD75-1D37A9179AF6}">
      <dgm:prSet/>
      <dgm:spPr/>
      <dgm:t>
        <a:bodyPr/>
        <a:lstStyle/>
        <a:p>
          <a:endParaRPr lang="en-US"/>
        </a:p>
      </dgm:t>
    </dgm:pt>
    <dgm:pt modelId="{BC4B1D52-AC7D-EF40-ADC2-8191D7E636A5}">
      <dgm:prSet phldrT="[Text]"/>
      <dgm:spPr>
        <a:solidFill>
          <a:schemeClr val="bg1">
            <a:lumMod val="85000"/>
          </a:schemeClr>
        </a:solidFill>
      </dgm:spPr>
      <dgm:t>
        <a:bodyPr/>
        <a:lstStyle/>
        <a:p>
          <a:r>
            <a:rPr lang="en-US" dirty="0"/>
            <a:t>Month 11</a:t>
          </a:r>
        </a:p>
      </dgm:t>
    </dgm:pt>
    <dgm:pt modelId="{83E0DB81-AC78-F54A-AD88-CA0BED9551DC}" type="parTrans" cxnId="{0AB0CC75-DA02-2A42-B2F6-267344D771A9}">
      <dgm:prSet/>
      <dgm:spPr/>
      <dgm:t>
        <a:bodyPr/>
        <a:lstStyle/>
        <a:p>
          <a:endParaRPr lang="en-US"/>
        </a:p>
      </dgm:t>
    </dgm:pt>
    <dgm:pt modelId="{8155EBE7-145D-3045-B4D5-A2FB590F3E70}" type="sibTrans" cxnId="{0AB0CC75-DA02-2A42-B2F6-267344D771A9}">
      <dgm:prSet/>
      <dgm:spPr/>
      <dgm:t>
        <a:bodyPr/>
        <a:lstStyle/>
        <a:p>
          <a:endParaRPr lang="en-US"/>
        </a:p>
      </dgm:t>
    </dgm:pt>
    <dgm:pt modelId="{924DCAD4-5F17-7C44-B591-115356CF3831}">
      <dgm:prSet phldrT="[Text]"/>
      <dgm:spPr>
        <a:solidFill>
          <a:schemeClr val="bg1">
            <a:lumMod val="85000"/>
          </a:schemeClr>
        </a:solidFill>
      </dgm:spPr>
      <dgm:t>
        <a:bodyPr/>
        <a:lstStyle/>
        <a:p>
          <a:r>
            <a:rPr lang="en-US" dirty="0"/>
            <a:t>Month 12</a:t>
          </a:r>
        </a:p>
      </dgm:t>
    </dgm:pt>
    <dgm:pt modelId="{9C4C81A4-0AE7-4641-9CC8-947D1A2983A6}" type="parTrans" cxnId="{FE42BEA0-E062-B84F-BAB1-7F499112563E}">
      <dgm:prSet/>
      <dgm:spPr/>
      <dgm:t>
        <a:bodyPr/>
        <a:lstStyle/>
        <a:p>
          <a:endParaRPr lang="en-US"/>
        </a:p>
      </dgm:t>
    </dgm:pt>
    <dgm:pt modelId="{17628B93-F602-0545-AA5B-7223EA392249}" type="sibTrans" cxnId="{FE42BEA0-E062-B84F-BAB1-7F499112563E}">
      <dgm:prSet/>
      <dgm:spPr/>
      <dgm:t>
        <a:bodyPr/>
        <a:lstStyle/>
        <a:p>
          <a:endParaRPr lang="en-US"/>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12">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12">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12">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12">
        <dgm:presLayoutVars>
          <dgm:bulletEnabled val="1"/>
        </dgm:presLayoutVars>
      </dgm:prSet>
      <dgm:spPr/>
    </dgm:pt>
    <dgm:pt modelId="{4DB0A912-015E-F54B-AFCF-9E01D80BB765}" type="pres">
      <dgm:prSet presAssocID="{49C5F9F7-AE5F-B141-BC2C-2898192A370D}" presName="parSpace" presStyleCnt="0"/>
      <dgm:spPr/>
    </dgm:pt>
    <dgm:pt modelId="{C2359B7F-CB8F-EC42-B4C3-050C16F42CFD}" type="pres">
      <dgm:prSet presAssocID="{6BA70F3A-3D54-3141-8E3E-3D20B1879B93}" presName="parTxOnly" presStyleLbl="node1" presStyleIdx="4" presStyleCnt="12">
        <dgm:presLayoutVars>
          <dgm:bulletEnabled val="1"/>
        </dgm:presLayoutVars>
      </dgm:prSet>
      <dgm:spPr/>
    </dgm:pt>
    <dgm:pt modelId="{82048E63-EC94-1E41-82BD-0145FBEB2C86}" type="pres">
      <dgm:prSet presAssocID="{7E870EA2-3781-594E-8F5D-95942472EA9D}" presName="parSpace" presStyleCnt="0"/>
      <dgm:spPr/>
    </dgm:pt>
    <dgm:pt modelId="{7F02DCD0-1033-D447-9CA9-3DA883DF1990}" type="pres">
      <dgm:prSet presAssocID="{F5D6B3E2-133D-864D-BA93-91387FC82374}" presName="parTxOnly" presStyleLbl="node1" presStyleIdx="5" presStyleCnt="12">
        <dgm:presLayoutVars>
          <dgm:bulletEnabled val="1"/>
        </dgm:presLayoutVars>
      </dgm:prSet>
      <dgm:spPr/>
    </dgm:pt>
    <dgm:pt modelId="{498E2210-870F-2C42-9932-7E74816A0C53}" type="pres">
      <dgm:prSet presAssocID="{44E84D39-CD13-334E-BCF2-2797D0B4F2E6}" presName="parSpace" presStyleCnt="0"/>
      <dgm:spPr/>
    </dgm:pt>
    <dgm:pt modelId="{83154A96-9DD8-B74C-85EB-5A9EE8918262}" type="pres">
      <dgm:prSet presAssocID="{9CB8935A-9D49-BB44-BD1B-5119A1C1C5C0}" presName="parTxOnly" presStyleLbl="node1" presStyleIdx="6" presStyleCnt="12">
        <dgm:presLayoutVars>
          <dgm:bulletEnabled val="1"/>
        </dgm:presLayoutVars>
      </dgm:prSet>
      <dgm:spPr/>
    </dgm:pt>
    <dgm:pt modelId="{6014F0C3-AD36-5947-8A3C-24BCB6C96936}" type="pres">
      <dgm:prSet presAssocID="{6EB7D773-B2F7-E541-B389-686ED9293BAD}" presName="parSpace" presStyleCnt="0"/>
      <dgm:spPr/>
    </dgm:pt>
    <dgm:pt modelId="{AB78FE09-DB85-3D44-BEB2-B271C5B807E0}" type="pres">
      <dgm:prSet presAssocID="{E5B03628-D444-844F-BCA0-A700B7607177}" presName="parTxOnly" presStyleLbl="node1" presStyleIdx="7" presStyleCnt="12">
        <dgm:presLayoutVars>
          <dgm:bulletEnabled val="1"/>
        </dgm:presLayoutVars>
      </dgm:prSet>
      <dgm:spPr/>
    </dgm:pt>
    <dgm:pt modelId="{559D444F-CAA1-A941-87E3-C7CF056E6AE3}" type="pres">
      <dgm:prSet presAssocID="{01C091AE-C10D-B249-94E1-17CD3B07AFB3}" presName="parSpace" presStyleCnt="0"/>
      <dgm:spPr/>
    </dgm:pt>
    <dgm:pt modelId="{B504BB1E-0653-6843-9F8F-CEACB35BAC88}" type="pres">
      <dgm:prSet presAssocID="{D0893B01-BFF4-3647-A373-B7F1672DC978}" presName="parTxOnly" presStyleLbl="node1" presStyleIdx="8" presStyleCnt="12">
        <dgm:presLayoutVars>
          <dgm:bulletEnabled val="1"/>
        </dgm:presLayoutVars>
      </dgm:prSet>
      <dgm:spPr/>
    </dgm:pt>
    <dgm:pt modelId="{01ED2D9F-A9CD-C844-9DD1-0CF45462E718}" type="pres">
      <dgm:prSet presAssocID="{AD42D8B3-BD14-3540-AFF2-493D10E4E67F}" presName="parSpace" presStyleCnt="0"/>
      <dgm:spPr/>
    </dgm:pt>
    <dgm:pt modelId="{BB6E7E5B-38D0-734F-ADEE-B01CFC8F1C00}" type="pres">
      <dgm:prSet presAssocID="{23C19E56-3F53-8240-9F9D-37417F772BD6}" presName="parTxOnly" presStyleLbl="node1" presStyleIdx="9" presStyleCnt="12">
        <dgm:presLayoutVars>
          <dgm:bulletEnabled val="1"/>
        </dgm:presLayoutVars>
      </dgm:prSet>
      <dgm:spPr/>
    </dgm:pt>
    <dgm:pt modelId="{0925315D-1875-D64E-BBA8-FF115AE4C551}" type="pres">
      <dgm:prSet presAssocID="{E6D0CBD5-5A72-9349-B78B-755469DDA692}" presName="parSpace" presStyleCnt="0"/>
      <dgm:spPr/>
    </dgm:pt>
    <dgm:pt modelId="{45FF2AAE-E4F9-1846-BDA0-0BBA049F3E35}" type="pres">
      <dgm:prSet presAssocID="{BC4B1D52-AC7D-EF40-ADC2-8191D7E636A5}" presName="parTxOnly" presStyleLbl="node1" presStyleIdx="10" presStyleCnt="12">
        <dgm:presLayoutVars>
          <dgm:bulletEnabled val="1"/>
        </dgm:presLayoutVars>
      </dgm:prSet>
      <dgm:spPr/>
    </dgm:pt>
    <dgm:pt modelId="{7F5ACB1D-0434-A54D-9C8D-E6ECFB8A2E79}" type="pres">
      <dgm:prSet presAssocID="{8155EBE7-145D-3045-B4D5-A2FB590F3E70}" presName="parSpace" presStyleCnt="0"/>
      <dgm:spPr/>
    </dgm:pt>
    <dgm:pt modelId="{1B83875F-83A0-6F40-958B-283950257C57}" type="pres">
      <dgm:prSet presAssocID="{924DCAD4-5F17-7C44-B591-115356CF3831}" presName="parTxOnly" presStyleLbl="node1" presStyleIdx="11" presStyleCnt="12">
        <dgm:presLayoutVars>
          <dgm:bulletEnabled val="1"/>
        </dgm:presLayoutVars>
      </dgm:prSet>
      <dgm:spPr/>
    </dgm:pt>
  </dgm:ptLst>
  <dgm:cxnLst>
    <dgm:cxn modelId="{643ECE16-1450-4349-990D-30F895BE269A}" type="presOf" srcId="{D0893B01-BFF4-3647-A373-B7F1672DC978}" destId="{B504BB1E-0653-6843-9F8F-CEACB35BAC88}" srcOrd="0" destOrd="0" presId="urn:microsoft.com/office/officeart/2005/8/layout/hChevron3"/>
    <dgm:cxn modelId="{B116FC17-799C-8843-BD75-1D37A9179AF6}" srcId="{BFB1C713-2822-0642-971D-67D8852E3364}" destId="{23C19E56-3F53-8240-9F9D-37417F772BD6}" srcOrd="9" destOrd="0" parTransId="{FC01C80A-BFFC-E441-BD6B-C2CE3754BC59}" sibTransId="{E6D0CBD5-5A72-9349-B78B-755469DDA692}"/>
    <dgm:cxn modelId="{B088E225-C870-0E47-B562-A50208D1A5EF}" srcId="{BFB1C713-2822-0642-971D-67D8852E3364}" destId="{65895D85-F9BC-9E43-8AC6-DA68BD2EBB0C}" srcOrd="1" destOrd="0" parTransId="{C80ABF91-119F-AD4D-A6A0-73F9DDED4537}" sibTransId="{9A502B5C-347D-DB42-83C5-CA2D69447932}"/>
    <dgm:cxn modelId="{0A146928-4463-3C44-B16B-01855A88A75A}" type="presOf" srcId="{E5B03628-D444-844F-BCA0-A700B7607177}" destId="{AB78FE09-DB85-3D44-BEB2-B271C5B807E0}" srcOrd="0" destOrd="0" presId="urn:microsoft.com/office/officeart/2005/8/layout/hChevron3"/>
    <dgm:cxn modelId="{9D32DE28-61BA-F744-846F-09D5DEFB0AE9}" srcId="{BFB1C713-2822-0642-971D-67D8852E3364}" destId="{9CB8935A-9D49-BB44-BD1B-5119A1C1C5C0}" srcOrd="6" destOrd="0" parTransId="{3EDA7E4D-DE64-544F-9589-AFE692B28099}" sibTransId="{6EB7D773-B2F7-E541-B389-686ED9293BAD}"/>
    <dgm:cxn modelId="{F31BE02A-3203-3846-9624-576F61D8AA42}" type="presOf" srcId="{65895D85-F9BC-9E43-8AC6-DA68BD2EBB0C}" destId="{91F73428-6E2C-1848-8C4C-42EAFE35EB4F}" srcOrd="0" destOrd="0" presId="urn:microsoft.com/office/officeart/2005/8/layout/hChevron3"/>
    <dgm:cxn modelId="{31D2073D-BAC2-E741-8362-8F8703223972}" srcId="{BFB1C713-2822-0642-971D-67D8852E3364}" destId="{201FA7D1-4673-164B-A870-07B69404D1D4}" srcOrd="3" destOrd="0" parTransId="{AA15B90E-7C06-A54F-AD91-0DC8E0016736}" sibTransId="{49C5F9F7-AE5F-B141-BC2C-2898192A370D}"/>
    <dgm:cxn modelId="{5A41F23E-096E-AB44-9DD1-5B130625E634}" type="presOf" srcId="{6BA70F3A-3D54-3141-8E3E-3D20B1879B93}" destId="{C2359B7F-CB8F-EC42-B4C3-050C16F42CFD}" srcOrd="0" destOrd="0" presId="urn:microsoft.com/office/officeart/2005/8/layout/hChevron3"/>
    <dgm:cxn modelId="{6DA81650-4740-2F40-989B-245A3E2BE897}" srcId="{BFB1C713-2822-0642-971D-67D8852E3364}" destId="{D0893B01-BFF4-3647-A373-B7F1672DC978}" srcOrd="8" destOrd="0" parTransId="{AF1AA3F2-1844-F342-99D9-D4850E230535}" sibTransId="{AD42D8B3-BD14-3540-AFF2-493D10E4E67F}"/>
    <dgm:cxn modelId="{EAD4DF56-9629-BE4D-B646-21CD9364F325}" type="presOf" srcId="{23C19E56-3F53-8240-9F9D-37417F772BD6}" destId="{BB6E7E5B-38D0-734F-ADEE-B01CFC8F1C00}" srcOrd="0" destOrd="0" presId="urn:microsoft.com/office/officeart/2005/8/layout/hChevron3"/>
    <dgm:cxn modelId="{FC39F856-ECD5-2245-9B73-C57DBE8DAF0D}" type="presOf" srcId="{2E116C6B-C1B8-9143-8839-7BD327EF26AE}" destId="{0B98E2E4-7E61-BF45-9002-438D1AD64EC9}" srcOrd="0" destOrd="0" presId="urn:microsoft.com/office/officeart/2005/8/layout/hChevron3"/>
    <dgm:cxn modelId="{785CB257-868E-5F4A-8D1F-1566271E9083}" type="presOf" srcId="{201FA7D1-4673-164B-A870-07B69404D1D4}" destId="{E569B5B3-1E70-B741-AAA2-79F249C73546}" srcOrd="0" destOrd="0" presId="urn:microsoft.com/office/officeart/2005/8/layout/hChevron3"/>
    <dgm:cxn modelId="{F86E5961-7245-5244-ABF7-003C527EF808}" type="presOf" srcId="{9AABBBD2-5E5E-9A45-93E6-024DF8331810}" destId="{47904C27-172E-E045-91F3-8A5A0AC65125}" srcOrd="0" destOrd="0" presId="urn:microsoft.com/office/officeart/2005/8/layout/hChevron3"/>
    <dgm:cxn modelId="{136F216F-F1F9-B24A-8EB5-995E6A48E6E8}" srcId="{BFB1C713-2822-0642-971D-67D8852E3364}" destId="{F5D6B3E2-133D-864D-BA93-91387FC82374}" srcOrd="5" destOrd="0" parTransId="{A2ACC591-70E1-A64F-ACB2-35050E032A5D}" sibTransId="{44E84D39-CD13-334E-BCF2-2797D0B4F2E6}"/>
    <dgm:cxn modelId="{9C156B70-9915-584C-9B6A-D7EDF22D12B4}" srcId="{BFB1C713-2822-0642-971D-67D8852E3364}" destId="{9AABBBD2-5E5E-9A45-93E6-024DF8331810}" srcOrd="2" destOrd="0" parTransId="{8DE9B082-385A-054E-805A-93D0B928988D}" sibTransId="{7E92C188-48A2-A24E-9626-10646C9B8C4C}"/>
    <dgm:cxn modelId="{DB0B4C71-F576-194C-80A2-9FE426EAFB34}" type="presOf" srcId="{BC4B1D52-AC7D-EF40-ADC2-8191D7E636A5}" destId="{45FF2AAE-E4F9-1846-BDA0-0BBA049F3E35}" srcOrd="0" destOrd="0" presId="urn:microsoft.com/office/officeart/2005/8/layout/hChevron3"/>
    <dgm:cxn modelId="{0AB0CC75-DA02-2A42-B2F6-267344D771A9}" srcId="{BFB1C713-2822-0642-971D-67D8852E3364}" destId="{BC4B1D52-AC7D-EF40-ADC2-8191D7E636A5}" srcOrd="10" destOrd="0" parTransId="{83E0DB81-AC78-F54A-AD88-CA0BED9551DC}" sibTransId="{8155EBE7-145D-3045-B4D5-A2FB590F3E70}"/>
    <dgm:cxn modelId="{8667D28C-6FF2-2649-BBC1-DC50FE947FCD}" type="presOf" srcId="{9CB8935A-9D49-BB44-BD1B-5119A1C1C5C0}" destId="{83154A96-9DD8-B74C-85EB-5A9EE8918262}"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FE42BEA0-E062-B84F-BAB1-7F499112563E}" srcId="{BFB1C713-2822-0642-971D-67D8852E3364}" destId="{924DCAD4-5F17-7C44-B591-115356CF3831}" srcOrd="11" destOrd="0" parTransId="{9C4C81A4-0AE7-4641-9CC8-947D1A2983A6}" sibTransId="{17628B93-F602-0545-AA5B-7223EA392249}"/>
    <dgm:cxn modelId="{A2C11CA5-6CBE-7548-9C09-D06A89C2EC8C}" srcId="{BFB1C713-2822-0642-971D-67D8852E3364}" destId="{E5B03628-D444-844F-BCA0-A700B7607177}" srcOrd="7" destOrd="0" parTransId="{3AE3AD21-8F1A-564D-91F7-4C4E0785B2B2}" sibTransId="{01C091AE-C10D-B249-94E1-17CD3B07AFB3}"/>
    <dgm:cxn modelId="{FBF349B7-FE36-2F4C-A45E-188D55B03F0F}" type="presOf" srcId="{924DCAD4-5F17-7C44-B591-115356CF3831}" destId="{1B83875F-83A0-6F40-958B-283950257C57}" srcOrd="0" destOrd="0" presId="urn:microsoft.com/office/officeart/2005/8/layout/hChevron3"/>
    <dgm:cxn modelId="{C643E0C0-94E1-9345-B4BE-9685BD2739CD}" srcId="{BFB1C713-2822-0642-971D-67D8852E3364}" destId="{6BA70F3A-3D54-3141-8E3E-3D20B1879B93}" srcOrd="4" destOrd="0" parTransId="{0C567076-8DF7-DE4A-A0EB-341373F865F0}" sibTransId="{7E870EA2-3781-594E-8F5D-95942472EA9D}"/>
    <dgm:cxn modelId="{39D9C4CE-CDF5-8742-B672-7942106548B0}" type="presOf" srcId="{F5D6B3E2-133D-864D-BA93-91387FC82374}" destId="{7F02DCD0-1033-D447-9CA9-3DA883DF1990}" srcOrd="0" destOrd="0" presId="urn:microsoft.com/office/officeart/2005/8/layout/hChevron3"/>
    <dgm:cxn modelId="{87047EDE-09EB-3347-9576-DC0ED04696FA}" type="presOf" srcId="{BFB1C713-2822-0642-971D-67D8852E3364}" destId="{82E90554-E42A-5248-935B-DE2F8293B9CB}" srcOrd="0" destOrd="0" presId="urn:microsoft.com/office/officeart/2005/8/layout/hChevron3"/>
    <dgm:cxn modelId="{4880C929-7FD8-5C4C-9CE9-2E0742B11BB2}" type="presParOf" srcId="{82E90554-E42A-5248-935B-DE2F8293B9CB}" destId="{0B98E2E4-7E61-BF45-9002-438D1AD64EC9}" srcOrd="0" destOrd="0" presId="urn:microsoft.com/office/officeart/2005/8/layout/hChevron3"/>
    <dgm:cxn modelId="{B2B7BDFF-8177-4241-886C-5F5CF411B3A2}" type="presParOf" srcId="{82E90554-E42A-5248-935B-DE2F8293B9CB}" destId="{C0E157E5-CE26-1542-8B42-34971273D584}" srcOrd="1" destOrd="0" presId="urn:microsoft.com/office/officeart/2005/8/layout/hChevron3"/>
    <dgm:cxn modelId="{27E4C30F-941E-8048-92A1-A0A05A50B79A}" type="presParOf" srcId="{82E90554-E42A-5248-935B-DE2F8293B9CB}" destId="{91F73428-6E2C-1848-8C4C-42EAFE35EB4F}" srcOrd="2" destOrd="0" presId="urn:microsoft.com/office/officeart/2005/8/layout/hChevron3"/>
    <dgm:cxn modelId="{22FDA00B-3D09-4943-8182-64A73207CAB7}" type="presParOf" srcId="{82E90554-E42A-5248-935B-DE2F8293B9CB}" destId="{5E3365C3-A6F2-2C40-A058-F759206C8753}" srcOrd="3" destOrd="0" presId="urn:microsoft.com/office/officeart/2005/8/layout/hChevron3"/>
    <dgm:cxn modelId="{935249E4-7911-584F-9390-E2DF7A1F934B}" type="presParOf" srcId="{82E90554-E42A-5248-935B-DE2F8293B9CB}" destId="{47904C27-172E-E045-91F3-8A5A0AC65125}" srcOrd="4" destOrd="0" presId="urn:microsoft.com/office/officeart/2005/8/layout/hChevron3"/>
    <dgm:cxn modelId="{147EA829-4359-0D4D-93DF-1DE7D79A490F}" type="presParOf" srcId="{82E90554-E42A-5248-935B-DE2F8293B9CB}" destId="{037E5992-A1C2-114D-89BB-8FFC76AE48FF}" srcOrd="5" destOrd="0" presId="urn:microsoft.com/office/officeart/2005/8/layout/hChevron3"/>
    <dgm:cxn modelId="{89E6121A-9E18-E94A-8528-A48A8DC39B79}" type="presParOf" srcId="{82E90554-E42A-5248-935B-DE2F8293B9CB}" destId="{E569B5B3-1E70-B741-AAA2-79F249C73546}" srcOrd="6" destOrd="0" presId="urn:microsoft.com/office/officeart/2005/8/layout/hChevron3"/>
    <dgm:cxn modelId="{AFC0D559-BA5A-4E4C-9010-BC58010198E0}" type="presParOf" srcId="{82E90554-E42A-5248-935B-DE2F8293B9CB}" destId="{4DB0A912-015E-F54B-AFCF-9E01D80BB765}" srcOrd="7" destOrd="0" presId="urn:microsoft.com/office/officeart/2005/8/layout/hChevron3"/>
    <dgm:cxn modelId="{4A1F0E35-7EBA-924C-A322-AFFF48CAD37A}" type="presParOf" srcId="{82E90554-E42A-5248-935B-DE2F8293B9CB}" destId="{C2359B7F-CB8F-EC42-B4C3-050C16F42CFD}" srcOrd="8" destOrd="0" presId="urn:microsoft.com/office/officeart/2005/8/layout/hChevron3"/>
    <dgm:cxn modelId="{A9E07DD8-615C-FC4E-A36A-4AB085DBBDBC}" type="presParOf" srcId="{82E90554-E42A-5248-935B-DE2F8293B9CB}" destId="{82048E63-EC94-1E41-82BD-0145FBEB2C86}" srcOrd="9" destOrd="0" presId="urn:microsoft.com/office/officeart/2005/8/layout/hChevron3"/>
    <dgm:cxn modelId="{6866E699-88D6-6C48-A163-8A585951CE23}" type="presParOf" srcId="{82E90554-E42A-5248-935B-DE2F8293B9CB}" destId="{7F02DCD0-1033-D447-9CA9-3DA883DF1990}" srcOrd="10" destOrd="0" presId="urn:microsoft.com/office/officeart/2005/8/layout/hChevron3"/>
    <dgm:cxn modelId="{957588F2-FACD-B945-B650-91E274B99692}" type="presParOf" srcId="{82E90554-E42A-5248-935B-DE2F8293B9CB}" destId="{498E2210-870F-2C42-9932-7E74816A0C53}" srcOrd="11" destOrd="0" presId="urn:microsoft.com/office/officeart/2005/8/layout/hChevron3"/>
    <dgm:cxn modelId="{C1D7D1CB-092D-584E-A752-45E5E66EC739}" type="presParOf" srcId="{82E90554-E42A-5248-935B-DE2F8293B9CB}" destId="{83154A96-9DD8-B74C-85EB-5A9EE8918262}" srcOrd="12" destOrd="0" presId="urn:microsoft.com/office/officeart/2005/8/layout/hChevron3"/>
    <dgm:cxn modelId="{00A244D1-B991-5F40-A0CC-5F42264C4336}" type="presParOf" srcId="{82E90554-E42A-5248-935B-DE2F8293B9CB}" destId="{6014F0C3-AD36-5947-8A3C-24BCB6C96936}" srcOrd="13" destOrd="0" presId="urn:microsoft.com/office/officeart/2005/8/layout/hChevron3"/>
    <dgm:cxn modelId="{F42AEEF5-30AF-7546-986C-7E4B52CEC2CC}" type="presParOf" srcId="{82E90554-E42A-5248-935B-DE2F8293B9CB}" destId="{AB78FE09-DB85-3D44-BEB2-B271C5B807E0}" srcOrd="14" destOrd="0" presId="urn:microsoft.com/office/officeart/2005/8/layout/hChevron3"/>
    <dgm:cxn modelId="{67FDD139-E45A-974A-91A6-861D4DF306E2}" type="presParOf" srcId="{82E90554-E42A-5248-935B-DE2F8293B9CB}" destId="{559D444F-CAA1-A941-87E3-C7CF056E6AE3}" srcOrd="15" destOrd="0" presId="urn:microsoft.com/office/officeart/2005/8/layout/hChevron3"/>
    <dgm:cxn modelId="{DEDB6549-9FC2-3F4D-89BE-3D92DDBB3306}" type="presParOf" srcId="{82E90554-E42A-5248-935B-DE2F8293B9CB}" destId="{B504BB1E-0653-6843-9F8F-CEACB35BAC88}" srcOrd="16" destOrd="0" presId="urn:microsoft.com/office/officeart/2005/8/layout/hChevron3"/>
    <dgm:cxn modelId="{868CC1CB-F2DC-0747-8BEF-BAA56AB32252}" type="presParOf" srcId="{82E90554-E42A-5248-935B-DE2F8293B9CB}" destId="{01ED2D9F-A9CD-C844-9DD1-0CF45462E718}" srcOrd="17" destOrd="0" presId="urn:microsoft.com/office/officeart/2005/8/layout/hChevron3"/>
    <dgm:cxn modelId="{A3CFD63E-C06C-5441-B0AB-D6CFED9454A9}" type="presParOf" srcId="{82E90554-E42A-5248-935B-DE2F8293B9CB}" destId="{BB6E7E5B-38D0-734F-ADEE-B01CFC8F1C00}" srcOrd="18" destOrd="0" presId="urn:microsoft.com/office/officeart/2005/8/layout/hChevron3"/>
    <dgm:cxn modelId="{B7FE5316-B6F3-DB4C-B000-13D5F638565E}" type="presParOf" srcId="{82E90554-E42A-5248-935B-DE2F8293B9CB}" destId="{0925315D-1875-D64E-BBA8-FF115AE4C551}" srcOrd="19" destOrd="0" presId="urn:microsoft.com/office/officeart/2005/8/layout/hChevron3"/>
    <dgm:cxn modelId="{1994D8D6-CDDF-BC41-959A-30A2C2E5F927}" type="presParOf" srcId="{82E90554-E42A-5248-935B-DE2F8293B9CB}" destId="{45FF2AAE-E4F9-1846-BDA0-0BBA049F3E35}" srcOrd="20" destOrd="0" presId="urn:microsoft.com/office/officeart/2005/8/layout/hChevron3"/>
    <dgm:cxn modelId="{F7705C3E-EB3B-B84F-9ABA-F633C191DF3F}" type="presParOf" srcId="{82E90554-E42A-5248-935B-DE2F8293B9CB}" destId="{7F5ACB1D-0434-A54D-9C8D-E6ECFB8A2E79}" srcOrd="21" destOrd="0" presId="urn:microsoft.com/office/officeart/2005/8/layout/hChevron3"/>
    <dgm:cxn modelId="{172CAD9F-2B52-184B-8F10-AA1E3AA1FA07}" type="presParOf" srcId="{82E90554-E42A-5248-935B-DE2F8293B9CB}" destId="{1B83875F-83A0-6F40-958B-283950257C57}" srcOrd="22" destOrd="0" presId="urn:microsoft.com/office/officeart/2005/8/layout/hChevron3"/>
  </dgm:cxnLst>
  <dgm:bg/>
  <dgm:whole/>
  <dgm:extLst>
    <a:ext uri="http://schemas.microsoft.com/office/drawing/2008/diagram">
      <dsp:dataModelExt xmlns:dsp="http://schemas.microsoft.com/office/drawing/2008/diagram" relId="rId11"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BFB1C713-2822-0642-971D-67D8852E3364}" type="doc">
      <dgm:prSet loTypeId="urn:microsoft.com/office/officeart/2005/8/layout/hChevron3" loCatId="" qsTypeId="urn:microsoft.com/office/officeart/2005/8/quickstyle/simple4" qsCatId="simple" csTypeId="urn:microsoft.com/office/officeart/2005/8/colors/accent2_4" csCatId="accent2" phldr="1"/>
      <dgm:spPr/>
    </dgm:pt>
    <dgm:pt modelId="{2E116C6B-C1B8-9143-8839-7BD327EF26AE}">
      <dgm:prSet phldrT="[Text]" custT="1"/>
      <dgm:spPr/>
      <dgm:t>
        <a:bodyPr/>
        <a:lstStyle/>
        <a:p>
          <a:r>
            <a:rPr lang="en-US" sz="600" dirty="0"/>
            <a:t>Sprint 1</a:t>
          </a:r>
        </a:p>
      </dgm:t>
    </dgm:pt>
    <dgm:pt modelId="{5E426208-14FB-3E44-B270-31A7C637ADFD}" type="parTrans" cxnId="{B5A89290-E25F-8B44-AD1D-0769AF918FCB}">
      <dgm:prSet/>
      <dgm:spPr/>
      <dgm:t>
        <a:bodyPr/>
        <a:lstStyle/>
        <a:p>
          <a:endParaRPr lang="en-US" sz="2000"/>
        </a:p>
      </dgm:t>
    </dgm:pt>
    <dgm:pt modelId="{DDBD4537-9A4A-BD43-ACD0-8C0F074CEBB7}" type="sibTrans" cxnId="{B5A89290-E25F-8B44-AD1D-0769AF918FCB}">
      <dgm:prSet/>
      <dgm:spPr/>
      <dgm:t>
        <a:bodyPr/>
        <a:lstStyle/>
        <a:p>
          <a:endParaRPr lang="en-US" sz="2000"/>
        </a:p>
      </dgm:t>
    </dgm:pt>
    <dgm:pt modelId="{65895D85-F9BC-9E43-8AC6-DA68BD2EBB0C}">
      <dgm:prSet phldrT="[Text]" custT="1"/>
      <dgm:spPr/>
      <dgm:t>
        <a:bodyPr/>
        <a:lstStyle/>
        <a:p>
          <a:r>
            <a:rPr lang="en-US" sz="600" dirty="0"/>
            <a:t>Sprint 2 </a:t>
          </a:r>
        </a:p>
      </dgm:t>
    </dgm:pt>
    <dgm:pt modelId="{C80ABF91-119F-AD4D-A6A0-73F9DDED4537}" type="parTrans" cxnId="{B088E225-C870-0E47-B562-A50208D1A5EF}">
      <dgm:prSet/>
      <dgm:spPr/>
      <dgm:t>
        <a:bodyPr/>
        <a:lstStyle/>
        <a:p>
          <a:endParaRPr lang="en-US" sz="2000"/>
        </a:p>
      </dgm:t>
    </dgm:pt>
    <dgm:pt modelId="{9A502B5C-347D-DB42-83C5-CA2D69447932}" type="sibTrans" cxnId="{B088E225-C870-0E47-B562-A50208D1A5EF}">
      <dgm:prSet/>
      <dgm:spPr/>
      <dgm:t>
        <a:bodyPr/>
        <a:lstStyle/>
        <a:p>
          <a:endParaRPr lang="en-US" sz="2000"/>
        </a:p>
      </dgm:t>
    </dgm:pt>
    <dgm:pt modelId="{9AABBBD2-5E5E-9A45-93E6-024DF8331810}">
      <dgm:prSet phldrT="[Text]" custT="1"/>
      <dgm:spPr/>
      <dgm:t>
        <a:bodyPr/>
        <a:lstStyle/>
        <a:p>
          <a:r>
            <a:rPr lang="en-US" sz="600" dirty="0"/>
            <a:t>Sprint 3 </a:t>
          </a:r>
        </a:p>
      </dgm:t>
    </dgm:pt>
    <dgm:pt modelId="{8DE9B082-385A-054E-805A-93D0B928988D}" type="parTrans" cxnId="{9C156B70-9915-584C-9B6A-D7EDF22D12B4}">
      <dgm:prSet/>
      <dgm:spPr/>
      <dgm:t>
        <a:bodyPr/>
        <a:lstStyle/>
        <a:p>
          <a:endParaRPr lang="en-US" sz="2000"/>
        </a:p>
      </dgm:t>
    </dgm:pt>
    <dgm:pt modelId="{7E92C188-48A2-A24E-9626-10646C9B8C4C}" type="sibTrans" cxnId="{9C156B70-9915-584C-9B6A-D7EDF22D12B4}">
      <dgm:prSet/>
      <dgm:spPr/>
      <dgm:t>
        <a:bodyPr/>
        <a:lstStyle/>
        <a:p>
          <a:endParaRPr lang="en-US" sz="2000"/>
        </a:p>
      </dgm:t>
    </dgm:pt>
    <dgm:pt modelId="{201FA7D1-4673-164B-A870-07B69404D1D4}">
      <dgm:prSet phldrT="[Text]" custT="1"/>
      <dgm:spPr/>
      <dgm:t>
        <a:bodyPr/>
        <a:lstStyle/>
        <a:p>
          <a:r>
            <a:rPr lang="en-US" sz="600" dirty="0"/>
            <a:t>Sprint 4 </a:t>
          </a:r>
        </a:p>
      </dgm:t>
    </dgm:pt>
    <dgm:pt modelId="{AA15B90E-7C06-A54F-AD91-0DC8E0016736}" type="parTrans" cxnId="{31D2073D-BAC2-E741-8362-8F8703223972}">
      <dgm:prSet/>
      <dgm:spPr/>
      <dgm:t>
        <a:bodyPr/>
        <a:lstStyle/>
        <a:p>
          <a:endParaRPr lang="en-US" sz="2000"/>
        </a:p>
      </dgm:t>
    </dgm:pt>
    <dgm:pt modelId="{49C5F9F7-AE5F-B141-BC2C-2898192A370D}" type="sibTrans" cxnId="{31D2073D-BAC2-E741-8362-8F8703223972}">
      <dgm:prSet/>
      <dgm:spPr/>
      <dgm:t>
        <a:bodyPr/>
        <a:lstStyle/>
        <a:p>
          <a:endParaRPr lang="en-US" sz="2000"/>
        </a:p>
      </dgm:t>
    </dgm:pt>
    <dgm:pt modelId="{82E90554-E42A-5248-935B-DE2F8293B9CB}" type="pres">
      <dgm:prSet presAssocID="{BFB1C713-2822-0642-971D-67D8852E3364}" presName="Name0" presStyleCnt="0">
        <dgm:presLayoutVars>
          <dgm:dir/>
          <dgm:resizeHandles val="exact"/>
        </dgm:presLayoutVars>
      </dgm:prSet>
      <dgm:spPr/>
    </dgm:pt>
    <dgm:pt modelId="{0B98E2E4-7E61-BF45-9002-438D1AD64EC9}" type="pres">
      <dgm:prSet presAssocID="{2E116C6B-C1B8-9143-8839-7BD327EF26AE}" presName="parTxOnly" presStyleLbl="node1" presStyleIdx="0" presStyleCnt="4">
        <dgm:presLayoutVars>
          <dgm:bulletEnabled val="1"/>
        </dgm:presLayoutVars>
      </dgm:prSet>
      <dgm:spPr/>
    </dgm:pt>
    <dgm:pt modelId="{C0E157E5-CE26-1542-8B42-34971273D584}" type="pres">
      <dgm:prSet presAssocID="{DDBD4537-9A4A-BD43-ACD0-8C0F074CEBB7}" presName="parSpace" presStyleCnt="0"/>
      <dgm:spPr/>
    </dgm:pt>
    <dgm:pt modelId="{91F73428-6E2C-1848-8C4C-42EAFE35EB4F}" type="pres">
      <dgm:prSet presAssocID="{65895D85-F9BC-9E43-8AC6-DA68BD2EBB0C}" presName="parTxOnly" presStyleLbl="node1" presStyleIdx="1" presStyleCnt="4">
        <dgm:presLayoutVars>
          <dgm:bulletEnabled val="1"/>
        </dgm:presLayoutVars>
      </dgm:prSet>
      <dgm:spPr/>
    </dgm:pt>
    <dgm:pt modelId="{5E3365C3-A6F2-2C40-A058-F759206C8753}" type="pres">
      <dgm:prSet presAssocID="{9A502B5C-347D-DB42-83C5-CA2D69447932}" presName="parSpace" presStyleCnt="0"/>
      <dgm:spPr/>
    </dgm:pt>
    <dgm:pt modelId="{47904C27-172E-E045-91F3-8A5A0AC65125}" type="pres">
      <dgm:prSet presAssocID="{9AABBBD2-5E5E-9A45-93E6-024DF8331810}" presName="parTxOnly" presStyleLbl="node1" presStyleIdx="2" presStyleCnt="4">
        <dgm:presLayoutVars>
          <dgm:bulletEnabled val="1"/>
        </dgm:presLayoutVars>
      </dgm:prSet>
      <dgm:spPr/>
    </dgm:pt>
    <dgm:pt modelId="{037E5992-A1C2-114D-89BB-8FFC76AE48FF}" type="pres">
      <dgm:prSet presAssocID="{7E92C188-48A2-A24E-9626-10646C9B8C4C}" presName="parSpace" presStyleCnt="0"/>
      <dgm:spPr/>
    </dgm:pt>
    <dgm:pt modelId="{E569B5B3-1E70-B741-AAA2-79F249C73546}" type="pres">
      <dgm:prSet presAssocID="{201FA7D1-4673-164B-A870-07B69404D1D4}" presName="parTxOnly" presStyleLbl="node1" presStyleIdx="3" presStyleCnt="4">
        <dgm:presLayoutVars>
          <dgm:bulletEnabled val="1"/>
        </dgm:presLayoutVars>
      </dgm:prSet>
      <dgm:spPr/>
    </dgm:pt>
  </dgm:ptLst>
  <dgm:cxnLst>
    <dgm:cxn modelId="{B088E225-C870-0E47-B562-A50208D1A5EF}" srcId="{BFB1C713-2822-0642-971D-67D8852E3364}" destId="{65895D85-F9BC-9E43-8AC6-DA68BD2EBB0C}" srcOrd="1" destOrd="0" parTransId="{C80ABF91-119F-AD4D-A6A0-73F9DDED4537}" sibTransId="{9A502B5C-347D-DB42-83C5-CA2D69447932}"/>
    <dgm:cxn modelId="{31D2073D-BAC2-E741-8362-8F8703223972}" srcId="{BFB1C713-2822-0642-971D-67D8852E3364}" destId="{201FA7D1-4673-164B-A870-07B69404D1D4}" srcOrd="3" destOrd="0" parTransId="{AA15B90E-7C06-A54F-AD91-0DC8E0016736}" sibTransId="{49C5F9F7-AE5F-B141-BC2C-2898192A370D}"/>
    <dgm:cxn modelId="{9C156B70-9915-584C-9B6A-D7EDF22D12B4}" srcId="{BFB1C713-2822-0642-971D-67D8852E3364}" destId="{9AABBBD2-5E5E-9A45-93E6-024DF8331810}" srcOrd="2" destOrd="0" parTransId="{8DE9B082-385A-054E-805A-93D0B928988D}" sibTransId="{7E92C188-48A2-A24E-9626-10646C9B8C4C}"/>
    <dgm:cxn modelId="{5311A082-405D-8A4F-B83B-CDA92B38EB30}" type="presOf" srcId="{9AABBBD2-5E5E-9A45-93E6-024DF8331810}" destId="{47904C27-172E-E045-91F3-8A5A0AC65125}" srcOrd="0" destOrd="0" presId="urn:microsoft.com/office/officeart/2005/8/layout/hChevron3"/>
    <dgm:cxn modelId="{B5A89290-E25F-8B44-AD1D-0769AF918FCB}" srcId="{BFB1C713-2822-0642-971D-67D8852E3364}" destId="{2E116C6B-C1B8-9143-8839-7BD327EF26AE}" srcOrd="0" destOrd="0" parTransId="{5E426208-14FB-3E44-B270-31A7C637ADFD}" sibTransId="{DDBD4537-9A4A-BD43-ACD0-8C0F074CEBB7}"/>
    <dgm:cxn modelId="{71718896-BB42-1C4E-A40D-5866C1BEF782}" type="presOf" srcId="{65895D85-F9BC-9E43-8AC6-DA68BD2EBB0C}" destId="{91F73428-6E2C-1848-8C4C-42EAFE35EB4F}" srcOrd="0" destOrd="0" presId="urn:microsoft.com/office/officeart/2005/8/layout/hChevron3"/>
    <dgm:cxn modelId="{E84DECA9-1A41-3D45-B7C0-956F0129F038}" type="presOf" srcId="{2E116C6B-C1B8-9143-8839-7BD327EF26AE}" destId="{0B98E2E4-7E61-BF45-9002-438D1AD64EC9}" srcOrd="0" destOrd="0" presId="urn:microsoft.com/office/officeart/2005/8/layout/hChevron3"/>
    <dgm:cxn modelId="{369410E1-BF83-C144-A13B-B0D338A027E3}" type="presOf" srcId="{201FA7D1-4673-164B-A870-07B69404D1D4}" destId="{E569B5B3-1E70-B741-AAA2-79F249C73546}" srcOrd="0" destOrd="0" presId="urn:microsoft.com/office/officeart/2005/8/layout/hChevron3"/>
    <dgm:cxn modelId="{7324DCFE-49B5-2941-A85F-42D0CCADEBDC}" type="presOf" srcId="{BFB1C713-2822-0642-971D-67D8852E3364}" destId="{82E90554-E42A-5248-935B-DE2F8293B9CB}" srcOrd="0" destOrd="0" presId="urn:microsoft.com/office/officeart/2005/8/layout/hChevron3"/>
    <dgm:cxn modelId="{4C676E1F-D413-D349-8411-82FFC9CC7521}" type="presParOf" srcId="{82E90554-E42A-5248-935B-DE2F8293B9CB}" destId="{0B98E2E4-7E61-BF45-9002-438D1AD64EC9}" srcOrd="0" destOrd="0" presId="urn:microsoft.com/office/officeart/2005/8/layout/hChevron3"/>
    <dgm:cxn modelId="{4F9CB4B0-259A-9C4F-B136-4D596E651AE2}" type="presParOf" srcId="{82E90554-E42A-5248-935B-DE2F8293B9CB}" destId="{C0E157E5-CE26-1542-8B42-34971273D584}" srcOrd="1" destOrd="0" presId="urn:microsoft.com/office/officeart/2005/8/layout/hChevron3"/>
    <dgm:cxn modelId="{A30F2A1E-A1E7-AF4B-8CFE-DE2E289A478C}" type="presParOf" srcId="{82E90554-E42A-5248-935B-DE2F8293B9CB}" destId="{91F73428-6E2C-1848-8C4C-42EAFE35EB4F}" srcOrd="2" destOrd="0" presId="urn:microsoft.com/office/officeart/2005/8/layout/hChevron3"/>
    <dgm:cxn modelId="{D56FC195-5BAF-DE42-921D-BBAFE212D165}" type="presParOf" srcId="{82E90554-E42A-5248-935B-DE2F8293B9CB}" destId="{5E3365C3-A6F2-2C40-A058-F759206C8753}" srcOrd="3" destOrd="0" presId="urn:microsoft.com/office/officeart/2005/8/layout/hChevron3"/>
    <dgm:cxn modelId="{1289A219-E533-2446-BCD0-906E3A767C8E}" type="presParOf" srcId="{82E90554-E42A-5248-935B-DE2F8293B9CB}" destId="{47904C27-172E-E045-91F3-8A5A0AC65125}" srcOrd="4" destOrd="0" presId="urn:microsoft.com/office/officeart/2005/8/layout/hChevron3"/>
    <dgm:cxn modelId="{FC44C87D-AC54-594C-BF6C-782078FC44CB}" type="presParOf" srcId="{82E90554-E42A-5248-935B-DE2F8293B9CB}" destId="{037E5992-A1C2-114D-89BB-8FFC76AE48FF}" srcOrd="5" destOrd="0" presId="urn:microsoft.com/office/officeart/2005/8/layout/hChevron3"/>
    <dgm:cxn modelId="{CFB21474-643A-4F41-B165-A6C3BA823F4E}" type="presParOf" srcId="{82E90554-E42A-5248-935B-DE2F8293B9CB}" destId="{E569B5B3-1E70-B741-AAA2-79F249C73546}" srcOrd="6" destOrd="0" presId="urn:microsoft.com/office/officeart/2005/8/layout/hChevron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488" y="163625"/>
          <a:ext cx="832874" cy="333149"/>
        </a:xfrm>
        <a:prstGeom prst="homePlate">
          <a:avLst/>
        </a:prstGeom>
        <a:solidFill>
          <a:schemeClr val="accent1"/>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53340"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a:t>
          </a:r>
        </a:p>
      </dsp:txBody>
      <dsp:txXfrm>
        <a:off x="4488" y="163625"/>
        <a:ext cx="749587" cy="333149"/>
      </dsp:txXfrm>
    </dsp:sp>
    <dsp:sp modelId="{91F73428-6E2C-1848-8C4C-42EAFE35EB4F}">
      <dsp:nvSpPr>
        <dsp:cNvPr id="0" name=""/>
        <dsp:cNvSpPr/>
      </dsp:nvSpPr>
      <dsp:spPr>
        <a:xfrm>
          <a:off x="670787" y="163625"/>
          <a:ext cx="832874" cy="333149"/>
        </a:xfrm>
        <a:prstGeom prst="chevron">
          <a:avLst/>
        </a:prstGeom>
        <a:solidFill>
          <a:schemeClr val="accent1"/>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2 </a:t>
          </a:r>
        </a:p>
      </dsp:txBody>
      <dsp:txXfrm>
        <a:off x="837362" y="163625"/>
        <a:ext cx="499725" cy="333149"/>
      </dsp:txXfrm>
    </dsp:sp>
    <dsp:sp modelId="{47904C27-172E-E045-91F3-8A5A0AC65125}">
      <dsp:nvSpPr>
        <dsp:cNvPr id="0" name=""/>
        <dsp:cNvSpPr/>
      </dsp:nvSpPr>
      <dsp:spPr>
        <a:xfrm>
          <a:off x="1337087" y="163625"/>
          <a:ext cx="832874" cy="333149"/>
        </a:xfrm>
        <a:prstGeom prst="chevron">
          <a:avLst/>
        </a:prstGeom>
        <a:solidFill>
          <a:schemeClr val="accent1">
            <a:lumMod val="40000"/>
            <a:lumOff val="6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3 </a:t>
          </a:r>
        </a:p>
      </dsp:txBody>
      <dsp:txXfrm>
        <a:off x="1503662" y="163625"/>
        <a:ext cx="499725" cy="333149"/>
      </dsp:txXfrm>
    </dsp:sp>
    <dsp:sp modelId="{E569B5B3-1E70-B741-AAA2-79F249C73546}">
      <dsp:nvSpPr>
        <dsp:cNvPr id="0" name=""/>
        <dsp:cNvSpPr/>
      </dsp:nvSpPr>
      <dsp:spPr>
        <a:xfrm>
          <a:off x="2003386" y="163625"/>
          <a:ext cx="832874" cy="333149"/>
        </a:xfrm>
        <a:prstGeom prst="chevron">
          <a:avLst/>
        </a:prstGeom>
        <a:solidFill>
          <a:schemeClr val="accent1">
            <a:lumMod val="40000"/>
            <a:lumOff val="6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4 </a:t>
          </a:r>
        </a:p>
      </dsp:txBody>
      <dsp:txXfrm>
        <a:off x="2169961" y="163625"/>
        <a:ext cx="499725" cy="333149"/>
      </dsp:txXfrm>
    </dsp:sp>
    <dsp:sp modelId="{C2359B7F-CB8F-EC42-B4C3-050C16F42CFD}">
      <dsp:nvSpPr>
        <dsp:cNvPr id="0" name=""/>
        <dsp:cNvSpPr/>
      </dsp:nvSpPr>
      <dsp:spPr>
        <a:xfrm>
          <a:off x="2669686" y="163625"/>
          <a:ext cx="832874" cy="333149"/>
        </a:xfrm>
        <a:prstGeom prst="chevron">
          <a:avLst/>
        </a:prstGeom>
        <a:solidFill>
          <a:schemeClr val="accent1">
            <a:lumMod val="40000"/>
            <a:lumOff val="6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5</a:t>
          </a:r>
        </a:p>
      </dsp:txBody>
      <dsp:txXfrm>
        <a:off x="2836261" y="163625"/>
        <a:ext cx="499725" cy="333149"/>
      </dsp:txXfrm>
    </dsp:sp>
    <dsp:sp modelId="{7F02DCD0-1033-D447-9CA9-3DA883DF1990}">
      <dsp:nvSpPr>
        <dsp:cNvPr id="0" name=""/>
        <dsp:cNvSpPr/>
      </dsp:nvSpPr>
      <dsp:spPr>
        <a:xfrm>
          <a:off x="3335985" y="163625"/>
          <a:ext cx="832874" cy="333149"/>
        </a:xfrm>
        <a:prstGeom prst="chevron">
          <a:avLst/>
        </a:prstGeom>
        <a:solidFill>
          <a:schemeClr val="accent1">
            <a:lumMod val="40000"/>
            <a:lumOff val="6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6</a:t>
          </a:r>
        </a:p>
      </dsp:txBody>
      <dsp:txXfrm>
        <a:off x="3502560" y="163625"/>
        <a:ext cx="499725" cy="333149"/>
      </dsp:txXfrm>
    </dsp:sp>
    <dsp:sp modelId="{83154A96-9DD8-B74C-85EB-5A9EE8918262}">
      <dsp:nvSpPr>
        <dsp:cNvPr id="0" name=""/>
        <dsp:cNvSpPr/>
      </dsp:nvSpPr>
      <dsp:spPr>
        <a:xfrm>
          <a:off x="4002285"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7</a:t>
          </a:r>
        </a:p>
      </dsp:txBody>
      <dsp:txXfrm>
        <a:off x="4168860" y="163625"/>
        <a:ext cx="499725" cy="333149"/>
      </dsp:txXfrm>
    </dsp:sp>
    <dsp:sp modelId="{AB78FE09-DB85-3D44-BEB2-B271C5B807E0}">
      <dsp:nvSpPr>
        <dsp:cNvPr id="0" name=""/>
        <dsp:cNvSpPr/>
      </dsp:nvSpPr>
      <dsp:spPr>
        <a:xfrm>
          <a:off x="4668584"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8</a:t>
          </a:r>
        </a:p>
      </dsp:txBody>
      <dsp:txXfrm>
        <a:off x="4835159" y="163625"/>
        <a:ext cx="499725" cy="333149"/>
      </dsp:txXfrm>
    </dsp:sp>
    <dsp:sp modelId="{B504BB1E-0653-6843-9F8F-CEACB35BAC88}">
      <dsp:nvSpPr>
        <dsp:cNvPr id="0" name=""/>
        <dsp:cNvSpPr/>
      </dsp:nvSpPr>
      <dsp:spPr>
        <a:xfrm>
          <a:off x="5334883"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9</a:t>
          </a:r>
        </a:p>
      </dsp:txBody>
      <dsp:txXfrm>
        <a:off x="5501458" y="163625"/>
        <a:ext cx="499725" cy="333149"/>
      </dsp:txXfrm>
    </dsp:sp>
    <dsp:sp modelId="{BB6E7E5B-38D0-734F-ADEE-B01CFC8F1C00}">
      <dsp:nvSpPr>
        <dsp:cNvPr id="0" name=""/>
        <dsp:cNvSpPr/>
      </dsp:nvSpPr>
      <dsp:spPr>
        <a:xfrm>
          <a:off x="6001183"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0</a:t>
          </a:r>
        </a:p>
      </dsp:txBody>
      <dsp:txXfrm>
        <a:off x="6167758" y="163625"/>
        <a:ext cx="499725" cy="333149"/>
      </dsp:txXfrm>
    </dsp:sp>
    <dsp:sp modelId="{45FF2AAE-E4F9-1846-BDA0-0BBA049F3E35}">
      <dsp:nvSpPr>
        <dsp:cNvPr id="0" name=""/>
        <dsp:cNvSpPr/>
      </dsp:nvSpPr>
      <dsp:spPr>
        <a:xfrm>
          <a:off x="6667482"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1</a:t>
          </a:r>
        </a:p>
      </dsp:txBody>
      <dsp:txXfrm>
        <a:off x="6834057" y="163625"/>
        <a:ext cx="499725" cy="333149"/>
      </dsp:txXfrm>
    </dsp:sp>
    <dsp:sp modelId="{1B83875F-83A0-6F40-958B-283950257C57}">
      <dsp:nvSpPr>
        <dsp:cNvPr id="0" name=""/>
        <dsp:cNvSpPr/>
      </dsp:nvSpPr>
      <dsp:spPr>
        <a:xfrm>
          <a:off x="7333782"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2</a:t>
          </a:r>
        </a:p>
      </dsp:txBody>
      <dsp:txXfrm>
        <a:off x="7500357" y="163625"/>
        <a:ext cx="499725" cy="333149"/>
      </dsp:txXfrm>
    </dsp:sp>
  </dsp:spTree>
</dsp:drawing>
</file>

<file path=ppt/diagrams/drawing1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488" y="94029"/>
          <a:ext cx="832874" cy="333149"/>
        </a:xfrm>
        <a:prstGeom prst="homePlate">
          <a:avLst/>
        </a:prstGeom>
        <a:gradFill rotWithShape="0">
          <a:gsLst>
            <a:gs pos="0">
              <a:schemeClr val="accent4">
                <a:alpha val="90000"/>
                <a:hueOff val="0"/>
                <a:satOff val="0"/>
                <a:lumOff val="0"/>
                <a:alphaOff val="0"/>
                <a:tint val="100000"/>
                <a:shade val="100000"/>
                <a:satMod val="130000"/>
              </a:schemeClr>
            </a:gs>
            <a:gs pos="100000">
              <a:schemeClr val="accent4">
                <a:alpha val="90000"/>
                <a:hueOff val="0"/>
                <a:satOff val="0"/>
                <a:lumOff val="0"/>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53340"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a:t>
          </a:r>
        </a:p>
      </dsp:txBody>
      <dsp:txXfrm>
        <a:off x="4488" y="94029"/>
        <a:ext cx="749587" cy="333149"/>
      </dsp:txXfrm>
    </dsp:sp>
    <dsp:sp modelId="{91F73428-6E2C-1848-8C4C-42EAFE35EB4F}">
      <dsp:nvSpPr>
        <dsp:cNvPr id="0" name=""/>
        <dsp:cNvSpPr/>
      </dsp:nvSpPr>
      <dsp:spPr>
        <a:xfrm>
          <a:off x="670787" y="94029"/>
          <a:ext cx="832874" cy="333149"/>
        </a:xfrm>
        <a:prstGeom prst="chevron">
          <a:avLst/>
        </a:prstGeom>
        <a:gradFill rotWithShape="0">
          <a:gsLst>
            <a:gs pos="0">
              <a:schemeClr val="accent4">
                <a:alpha val="90000"/>
                <a:hueOff val="0"/>
                <a:satOff val="0"/>
                <a:lumOff val="0"/>
                <a:alphaOff val="-3636"/>
                <a:tint val="100000"/>
                <a:shade val="100000"/>
                <a:satMod val="130000"/>
              </a:schemeClr>
            </a:gs>
            <a:gs pos="100000">
              <a:schemeClr val="accent4">
                <a:alpha val="90000"/>
                <a:hueOff val="0"/>
                <a:satOff val="0"/>
                <a:lumOff val="0"/>
                <a:alphaOff val="-3636"/>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2 </a:t>
          </a:r>
        </a:p>
      </dsp:txBody>
      <dsp:txXfrm>
        <a:off x="837362" y="94029"/>
        <a:ext cx="499725" cy="333149"/>
      </dsp:txXfrm>
    </dsp:sp>
    <dsp:sp modelId="{47904C27-172E-E045-91F3-8A5A0AC65125}">
      <dsp:nvSpPr>
        <dsp:cNvPr id="0" name=""/>
        <dsp:cNvSpPr/>
      </dsp:nvSpPr>
      <dsp:spPr>
        <a:xfrm>
          <a:off x="1337087"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3 </a:t>
          </a:r>
        </a:p>
      </dsp:txBody>
      <dsp:txXfrm>
        <a:off x="1503662" y="94029"/>
        <a:ext cx="499725" cy="333149"/>
      </dsp:txXfrm>
    </dsp:sp>
    <dsp:sp modelId="{E569B5B3-1E70-B741-AAA2-79F249C73546}">
      <dsp:nvSpPr>
        <dsp:cNvPr id="0" name=""/>
        <dsp:cNvSpPr/>
      </dsp:nvSpPr>
      <dsp:spPr>
        <a:xfrm>
          <a:off x="2003386"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4 </a:t>
          </a:r>
        </a:p>
      </dsp:txBody>
      <dsp:txXfrm>
        <a:off x="2169961" y="94029"/>
        <a:ext cx="499725" cy="333149"/>
      </dsp:txXfrm>
    </dsp:sp>
    <dsp:sp modelId="{C2359B7F-CB8F-EC42-B4C3-050C16F42CFD}">
      <dsp:nvSpPr>
        <dsp:cNvPr id="0" name=""/>
        <dsp:cNvSpPr/>
      </dsp:nvSpPr>
      <dsp:spPr>
        <a:xfrm>
          <a:off x="2669686"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5</a:t>
          </a:r>
        </a:p>
      </dsp:txBody>
      <dsp:txXfrm>
        <a:off x="2836261" y="94029"/>
        <a:ext cx="499725" cy="333149"/>
      </dsp:txXfrm>
    </dsp:sp>
    <dsp:sp modelId="{7F02DCD0-1033-D447-9CA9-3DA883DF1990}">
      <dsp:nvSpPr>
        <dsp:cNvPr id="0" name=""/>
        <dsp:cNvSpPr/>
      </dsp:nvSpPr>
      <dsp:spPr>
        <a:xfrm>
          <a:off x="3335985"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6</a:t>
          </a:r>
        </a:p>
      </dsp:txBody>
      <dsp:txXfrm>
        <a:off x="3502560" y="94029"/>
        <a:ext cx="499725" cy="333149"/>
      </dsp:txXfrm>
    </dsp:sp>
    <dsp:sp modelId="{83154A96-9DD8-B74C-85EB-5A9EE8918262}">
      <dsp:nvSpPr>
        <dsp:cNvPr id="0" name=""/>
        <dsp:cNvSpPr/>
      </dsp:nvSpPr>
      <dsp:spPr>
        <a:xfrm>
          <a:off x="4002285"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7</a:t>
          </a:r>
        </a:p>
      </dsp:txBody>
      <dsp:txXfrm>
        <a:off x="4168860" y="94029"/>
        <a:ext cx="499725" cy="333149"/>
      </dsp:txXfrm>
    </dsp:sp>
    <dsp:sp modelId="{AB78FE09-DB85-3D44-BEB2-B271C5B807E0}">
      <dsp:nvSpPr>
        <dsp:cNvPr id="0" name=""/>
        <dsp:cNvSpPr/>
      </dsp:nvSpPr>
      <dsp:spPr>
        <a:xfrm>
          <a:off x="4668584"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8</a:t>
          </a:r>
        </a:p>
      </dsp:txBody>
      <dsp:txXfrm>
        <a:off x="4835159" y="94029"/>
        <a:ext cx="499725" cy="333149"/>
      </dsp:txXfrm>
    </dsp:sp>
    <dsp:sp modelId="{B504BB1E-0653-6843-9F8F-CEACB35BAC88}">
      <dsp:nvSpPr>
        <dsp:cNvPr id="0" name=""/>
        <dsp:cNvSpPr/>
      </dsp:nvSpPr>
      <dsp:spPr>
        <a:xfrm>
          <a:off x="5334883"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9</a:t>
          </a:r>
        </a:p>
      </dsp:txBody>
      <dsp:txXfrm>
        <a:off x="5501458" y="94029"/>
        <a:ext cx="499725" cy="333149"/>
      </dsp:txXfrm>
    </dsp:sp>
    <dsp:sp modelId="{BB6E7E5B-38D0-734F-ADEE-B01CFC8F1C00}">
      <dsp:nvSpPr>
        <dsp:cNvPr id="0" name=""/>
        <dsp:cNvSpPr/>
      </dsp:nvSpPr>
      <dsp:spPr>
        <a:xfrm>
          <a:off x="6001183"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0</a:t>
          </a:r>
        </a:p>
      </dsp:txBody>
      <dsp:txXfrm>
        <a:off x="6167758" y="94029"/>
        <a:ext cx="499725" cy="333149"/>
      </dsp:txXfrm>
    </dsp:sp>
    <dsp:sp modelId="{45FF2AAE-E4F9-1846-BDA0-0BBA049F3E35}">
      <dsp:nvSpPr>
        <dsp:cNvPr id="0" name=""/>
        <dsp:cNvSpPr/>
      </dsp:nvSpPr>
      <dsp:spPr>
        <a:xfrm>
          <a:off x="6667482"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1</a:t>
          </a:r>
        </a:p>
      </dsp:txBody>
      <dsp:txXfrm>
        <a:off x="6834057" y="94029"/>
        <a:ext cx="499725" cy="333149"/>
      </dsp:txXfrm>
    </dsp:sp>
    <dsp:sp modelId="{1B83875F-83A0-6F40-958B-283950257C57}">
      <dsp:nvSpPr>
        <dsp:cNvPr id="0" name=""/>
        <dsp:cNvSpPr/>
      </dsp:nvSpPr>
      <dsp:spPr>
        <a:xfrm>
          <a:off x="7333782"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2</a:t>
          </a:r>
        </a:p>
      </dsp:txBody>
      <dsp:txXfrm>
        <a:off x="7500357" y="94029"/>
        <a:ext cx="499725" cy="333149"/>
      </dsp:txXfrm>
    </dsp:sp>
  </dsp:spTree>
</dsp:drawing>
</file>

<file path=ppt/diagrams/drawing1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388" y="176193"/>
          <a:ext cx="770034" cy="308013"/>
        </a:xfrm>
        <a:prstGeom prst="homePlate">
          <a:avLst/>
        </a:prstGeom>
        <a:solidFill>
          <a:schemeClr val="accent2"/>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8006"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a:t>
          </a:r>
        </a:p>
      </dsp:txBody>
      <dsp:txXfrm>
        <a:off x="4388" y="176193"/>
        <a:ext cx="693031" cy="308013"/>
      </dsp:txXfrm>
    </dsp:sp>
    <dsp:sp modelId="{91F73428-6E2C-1848-8C4C-42EAFE35EB4F}">
      <dsp:nvSpPr>
        <dsp:cNvPr id="0" name=""/>
        <dsp:cNvSpPr/>
      </dsp:nvSpPr>
      <dsp:spPr>
        <a:xfrm>
          <a:off x="620416" y="176193"/>
          <a:ext cx="770034" cy="308013"/>
        </a:xfrm>
        <a:prstGeom prst="chevron">
          <a:avLst/>
        </a:prstGeom>
        <a:gradFill rotWithShape="0">
          <a:gsLst>
            <a:gs pos="0">
              <a:schemeClr val="accent4">
                <a:alpha val="90000"/>
                <a:hueOff val="0"/>
                <a:satOff val="0"/>
                <a:lumOff val="0"/>
                <a:alphaOff val="-3333"/>
                <a:tint val="100000"/>
                <a:shade val="100000"/>
                <a:satMod val="130000"/>
              </a:schemeClr>
            </a:gs>
            <a:gs pos="100000">
              <a:schemeClr val="accent4">
                <a:alpha val="90000"/>
                <a:hueOff val="0"/>
                <a:satOff val="0"/>
                <a:lumOff val="0"/>
                <a:alphaOff val="-3333"/>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2 </a:t>
          </a:r>
        </a:p>
      </dsp:txBody>
      <dsp:txXfrm>
        <a:off x="774423" y="176193"/>
        <a:ext cx="462021" cy="308013"/>
      </dsp:txXfrm>
    </dsp:sp>
    <dsp:sp modelId="{47904C27-172E-E045-91F3-8A5A0AC65125}">
      <dsp:nvSpPr>
        <dsp:cNvPr id="0" name=""/>
        <dsp:cNvSpPr/>
      </dsp:nvSpPr>
      <dsp:spPr>
        <a:xfrm>
          <a:off x="1236444" y="176193"/>
          <a:ext cx="770034" cy="308013"/>
        </a:xfrm>
        <a:prstGeom prst="chevron">
          <a:avLst/>
        </a:prstGeom>
        <a:solidFill>
          <a:schemeClr val="accent2">
            <a:lumMod val="60000"/>
            <a:lumOff val="4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3 </a:t>
          </a:r>
        </a:p>
      </dsp:txBody>
      <dsp:txXfrm>
        <a:off x="1390451" y="176193"/>
        <a:ext cx="462021" cy="308013"/>
      </dsp:txXfrm>
    </dsp:sp>
    <dsp:sp modelId="{E569B5B3-1E70-B741-AAA2-79F249C73546}">
      <dsp:nvSpPr>
        <dsp:cNvPr id="0" name=""/>
        <dsp:cNvSpPr/>
      </dsp:nvSpPr>
      <dsp:spPr>
        <a:xfrm>
          <a:off x="1852471"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4 </a:t>
          </a:r>
        </a:p>
      </dsp:txBody>
      <dsp:txXfrm>
        <a:off x="2006478" y="176193"/>
        <a:ext cx="462021" cy="308013"/>
      </dsp:txXfrm>
    </dsp:sp>
    <dsp:sp modelId="{C2359B7F-CB8F-EC42-B4C3-050C16F42CFD}">
      <dsp:nvSpPr>
        <dsp:cNvPr id="0" name=""/>
        <dsp:cNvSpPr/>
      </dsp:nvSpPr>
      <dsp:spPr>
        <a:xfrm>
          <a:off x="2468499"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5</a:t>
          </a:r>
        </a:p>
      </dsp:txBody>
      <dsp:txXfrm>
        <a:off x="2622506" y="176193"/>
        <a:ext cx="462021" cy="308013"/>
      </dsp:txXfrm>
    </dsp:sp>
    <dsp:sp modelId="{7F02DCD0-1033-D447-9CA9-3DA883DF1990}">
      <dsp:nvSpPr>
        <dsp:cNvPr id="0" name=""/>
        <dsp:cNvSpPr/>
      </dsp:nvSpPr>
      <dsp:spPr>
        <a:xfrm>
          <a:off x="3084527"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6</a:t>
          </a:r>
        </a:p>
      </dsp:txBody>
      <dsp:txXfrm>
        <a:off x="3238534" y="176193"/>
        <a:ext cx="462021" cy="308013"/>
      </dsp:txXfrm>
    </dsp:sp>
    <dsp:sp modelId="{83154A96-9DD8-B74C-85EB-5A9EE8918262}">
      <dsp:nvSpPr>
        <dsp:cNvPr id="0" name=""/>
        <dsp:cNvSpPr/>
      </dsp:nvSpPr>
      <dsp:spPr>
        <a:xfrm>
          <a:off x="3700555"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7</a:t>
          </a:r>
        </a:p>
      </dsp:txBody>
      <dsp:txXfrm>
        <a:off x="3854562" y="176193"/>
        <a:ext cx="462021" cy="308013"/>
      </dsp:txXfrm>
    </dsp:sp>
    <dsp:sp modelId="{AB78FE09-DB85-3D44-BEB2-B271C5B807E0}">
      <dsp:nvSpPr>
        <dsp:cNvPr id="0" name=""/>
        <dsp:cNvSpPr/>
      </dsp:nvSpPr>
      <dsp:spPr>
        <a:xfrm>
          <a:off x="4316582"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8</a:t>
          </a:r>
        </a:p>
      </dsp:txBody>
      <dsp:txXfrm>
        <a:off x="4470589" y="176193"/>
        <a:ext cx="462021" cy="308013"/>
      </dsp:txXfrm>
    </dsp:sp>
    <dsp:sp modelId="{B504BB1E-0653-6843-9F8F-CEACB35BAC88}">
      <dsp:nvSpPr>
        <dsp:cNvPr id="0" name=""/>
        <dsp:cNvSpPr/>
      </dsp:nvSpPr>
      <dsp:spPr>
        <a:xfrm>
          <a:off x="4932610"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9</a:t>
          </a:r>
        </a:p>
      </dsp:txBody>
      <dsp:txXfrm>
        <a:off x="5086617" y="176193"/>
        <a:ext cx="462021" cy="308013"/>
      </dsp:txXfrm>
    </dsp:sp>
    <dsp:sp modelId="{BB6E7E5B-38D0-734F-ADEE-B01CFC8F1C00}">
      <dsp:nvSpPr>
        <dsp:cNvPr id="0" name=""/>
        <dsp:cNvSpPr/>
      </dsp:nvSpPr>
      <dsp:spPr>
        <a:xfrm>
          <a:off x="5548638"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0</a:t>
          </a:r>
        </a:p>
      </dsp:txBody>
      <dsp:txXfrm>
        <a:off x="5702645" y="176193"/>
        <a:ext cx="462021" cy="308013"/>
      </dsp:txXfrm>
    </dsp:sp>
    <dsp:sp modelId="{45FF2AAE-E4F9-1846-BDA0-0BBA049F3E35}">
      <dsp:nvSpPr>
        <dsp:cNvPr id="0" name=""/>
        <dsp:cNvSpPr/>
      </dsp:nvSpPr>
      <dsp:spPr>
        <a:xfrm>
          <a:off x="6164666"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1</a:t>
          </a:r>
        </a:p>
      </dsp:txBody>
      <dsp:txXfrm>
        <a:off x="6318673" y="176193"/>
        <a:ext cx="462021" cy="308013"/>
      </dsp:txXfrm>
    </dsp:sp>
    <dsp:sp modelId="{1B83875F-83A0-6F40-958B-283950257C57}">
      <dsp:nvSpPr>
        <dsp:cNvPr id="0" name=""/>
        <dsp:cNvSpPr/>
      </dsp:nvSpPr>
      <dsp:spPr>
        <a:xfrm>
          <a:off x="6780693"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2</a:t>
          </a:r>
        </a:p>
      </dsp:txBody>
      <dsp:txXfrm>
        <a:off x="6934700" y="176193"/>
        <a:ext cx="462021" cy="308013"/>
      </dsp:txXfrm>
    </dsp:sp>
    <dsp:sp modelId="{D9FE7833-CFF6-5C4D-BDB6-40FBA1FD31FE}">
      <dsp:nvSpPr>
        <dsp:cNvPr id="0" name=""/>
        <dsp:cNvSpPr/>
      </dsp:nvSpPr>
      <dsp:spPr>
        <a:xfrm>
          <a:off x="7396721" y="176193"/>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3</a:t>
          </a:r>
        </a:p>
      </dsp:txBody>
      <dsp:txXfrm>
        <a:off x="7550728" y="176193"/>
        <a:ext cx="462021" cy="308013"/>
      </dsp:txXfrm>
    </dsp:sp>
  </dsp:spTree>
</dsp:drawing>
</file>

<file path=ppt/diagrams/drawing1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388" y="106082"/>
          <a:ext cx="770034" cy="308013"/>
        </a:xfrm>
        <a:prstGeom prst="homePlate">
          <a:avLst/>
        </a:prstGeom>
        <a:solidFill>
          <a:schemeClr val="accent2"/>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8006"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a:t>
          </a:r>
        </a:p>
      </dsp:txBody>
      <dsp:txXfrm>
        <a:off x="4388" y="106082"/>
        <a:ext cx="693031" cy="308013"/>
      </dsp:txXfrm>
    </dsp:sp>
    <dsp:sp modelId="{91F73428-6E2C-1848-8C4C-42EAFE35EB4F}">
      <dsp:nvSpPr>
        <dsp:cNvPr id="0" name=""/>
        <dsp:cNvSpPr/>
      </dsp:nvSpPr>
      <dsp:spPr>
        <a:xfrm>
          <a:off x="620416" y="106082"/>
          <a:ext cx="770034" cy="308013"/>
        </a:xfrm>
        <a:prstGeom prst="chevron">
          <a:avLst/>
        </a:prstGeom>
        <a:gradFill rotWithShape="0">
          <a:gsLst>
            <a:gs pos="0">
              <a:schemeClr val="accent4">
                <a:alpha val="90000"/>
                <a:hueOff val="0"/>
                <a:satOff val="0"/>
                <a:lumOff val="0"/>
                <a:alphaOff val="-3333"/>
                <a:tint val="100000"/>
                <a:shade val="100000"/>
                <a:satMod val="130000"/>
              </a:schemeClr>
            </a:gs>
            <a:gs pos="100000">
              <a:schemeClr val="accent4">
                <a:alpha val="90000"/>
                <a:hueOff val="0"/>
                <a:satOff val="0"/>
                <a:lumOff val="0"/>
                <a:alphaOff val="-3333"/>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2 </a:t>
          </a:r>
        </a:p>
      </dsp:txBody>
      <dsp:txXfrm>
        <a:off x="774423" y="106082"/>
        <a:ext cx="462021" cy="308013"/>
      </dsp:txXfrm>
    </dsp:sp>
    <dsp:sp modelId="{47904C27-172E-E045-91F3-8A5A0AC65125}">
      <dsp:nvSpPr>
        <dsp:cNvPr id="0" name=""/>
        <dsp:cNvSpPr/>
      </dsp:nvSpPr>
      <dsp:spPr>
        <a:xfrm>
          <a:off x="1236444" y="106082"/>
          <a:ext cx="770034" cy="308013"/>
        </a:xfrm>
        <a:prstGeom prst="chevron">
          <a:avLst/>
        </a:prstGeom>
        <a:gradFill rotWithShape="0">
          <a:gsLst>
            <a:gs pos="0">
              <a:schemeClr val="accent4">
                <a:alpha val="90000"/>
                <a:hueOff val="0"/>
                <a:satOff val="0"/>
                <a:lumOff val="0"/>
                <a:alphaOff val="-6667"/>
                <a:tint val="100000"/>
                <a:shade val="100000"/>
                <a:satMod val="130000"/>
              </a:schemeClr>
            </a:gs>
            <a:gs pos="100000">
              <a:schemeClr val="accent4">
                <a:alpha val="90000"/>
                <a:hueOff val="0"/>
                <a:satOff val="0"/>
                <a:lumOff val="0"/>
                <a:alphaOff val="-6667"/>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3 </a:t>
          </a:r>
        </a:p>
      </dsp:txBody>
      <dsp:txXfrm>
        <a:off x="1390451" y="106082"/>
        <a:ext cx="462021" cy="308013"/>
      </dsp:txXfrm>
    </dsp:sp>
    <dsp:sp modelId="{E569B5B3-1E70-B741-AAA2-79F249C73546}">
      <dsp:nvSpPr>
        <dsp:cNvPr id="0" name=""/>
        <dsp:cNvSpPr/>
      </dsp:nvSpPr>
      <dsp:spPr>
        <a:xfrm>
          <a:off x="1852471" y="106082"/>
          <a:ext cx="770034" cy="308013"/>
        </a:xfrm>
        <a:prstGeom prst="chevron">
          <a:avLst/>
        </a:prstGeom>
        <a:gradFill rotWithShape="0">
          <a:gsLst>
            <a:gs pos="0">
              <a:schemeClr val="accent4">
                <a:alpha val="90000"/>
                <a:hueOff val="0"/>
                <a:satOff val="0"/>
                <a:lumOff val="0"/>
                <a:alphaOff val="-10000"/>
                <a:tint val="100000"/>
                <a:shade val="100000"/>
                <a:satMod val="130000"/>
              </a:schemeClr>
            </a:gs>
            <a:gs pos="100000">
              <a:schemeClr val="accent4">
                <a:alpha val="90000"/>
                <a:hueOff val="0"/>
                <a:satOff val="0"/>
                <a:lumOff val="0"/>
                <a:alphaOff val="-1000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4 </a:t>
          </a:r>
        </a:p>
      </dsp:txBody>
      <dsp:txXfrm>
        <a:off x="2006478" y="106082"/>
        <a:ext cx="462021" cy="308013"/>
      </dsp:txXfrm>
    </dsp:sp>
    <dsp:sp modelId="{C2359B7F-CB8F-EC42-B4C3-050C16F42CFD}">
      <dsp:nvSpPr>
        <dsp:cNvPr id="0" name=""/>
        <dsp:cNvSpPr/>
      </dsp:nvSpPr>
      <dsp:spPr>
        <a:xfrm>
          <a:off x="2468499" y="106082"/>
          <a:ext cx="770034" cy="308013"/>
        </a:xfrm>
        <a:prstGeom prst="chevron">
          <a:avLst/>
        </a:prstGeom>
        <a:gradFill rotWithShape="0">
          <a:gsLst>
            <a:gs pos="0">
              <a:schemeClr val="accent4">
                <a:alpha val="90000"/>
                <a:hueOff val="0"/>
                <a:satOff val="0"/>
                <a:lumOff val="0"/>
                <a:alphaOff val="-13333"/>
                <a:tint val="100000"/>
                <a:shade val="100000"/>
                <a:satMod val="130000"/>
              </a:schemeClr>
            </a:gs>
            <a:gs pos="100000">
              <a:schemeClr val="accent4">
                <a:alpha val="90000"/>
                <a:hueOff val="0"/>
                <a:satOff val="0"/>
                <a:lumOff val="0"/>
                <a:alphaOff val="-13333"/>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5</a:t>
          </a:r>
        </a:p>
      </dsp:txBody>
      <dsp:txXfrm>
        <a:off x="2622506" y="106082"/>
        <a:ext cx="462021" cy="308013"/>
      </dsp:txXfrm>
    </dsp:sp>
    <dsp:sp modelId="{7F02DCD0-1033-D447-9CA9-3DA883DF1990}">
      <dsp:nvSpPr>
        <dsp:cNvPr id="0" name=""/>
        <dsp:cNvSpPr/>
      </dsp:nvSpPr>
      <dsp:spPr>
        <a:xfrm>
          <a:off x="3084527" y="106082"/>
          <a:ext cx="770034" cy="308013"/>
        </a:xfrm>
        <a:prstGeom prst="chevron">
          <a:avLst/>
        </a:prstGeom>
        <a:gradFill rotWithShape="0">
          <a:gsLst>
            <a:gs pos="0">
              <a:schemeClr val="accent4">
                <a:alpha val="90000"/>
                <a:hueOff val="0"/>
                <a:satOff val="0"/>
                <a:lumOff val="0"/>
                <a:alphaOff val="-16667"/>
                <a:tint val="100000"/>
                <a:shade val="100000"/>
                <a:satMod val="130000"/>
              </a:schemeClr>
            </a:gs>
            <a:gs pos="100000">
              <a:schemeClr val="accent4">
                <a:alpha val="90000"/>
                <a:hueOff val="0"/>
                <a:satOff val="0"/>
                <a:lumOff val="0"/>
                <a:alphaOff val="-16667"/>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6</a:t>
          </a:r>
        </a:p>
      </dsp:txBody>
      <dsp:txXfrm>
        <a:off x="3238534" y="106082"/>
        <a:ext cx="462021" cy="308013"/>
      </dsp:txXfrm>
    </dsp:sp>
    <dsp:sp modelId="{83154A96-9DD8-B74C-85EB-5A9EE8918262}">
      <dsp:nvSpPr>
        <dsp:cNvPr id="0" name=""/>
        <dsp:cNvSpPr/>
      </dsp:nvSpPr>
      <dsp:spPr>
        <a:xfrm>
          <a:off x="3700555" y="106082"/>
          <a:ext cx="770034" cy="308013"/>
        </a:xfrm>
        <a:prstGeom prst="chevron">
          <a:avLst/>
        </a:prstGeom>
        <a:solidFill>
          <a:schemeClr val="accent2">
            <a:lumMod val="60000"/>
            <a:lumOff val="4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7</a:t>
          </a:r>
        </a:p>
      </dsp:txBody>
      <dsp:txXfrm>
        <a:off x="3854562" y="106082"/>
        <a:ext cx="462021" cy="308013"/>
      </dsp:txXfrm>
    </dsp:sp>
    <dsp:sp modelId="{AB78FE09-DB85-3D44-BEB2-B271C5B807E0}">
      <dsp:nvSpPr>
        <dsp:cNvPr id="0" name=""/>
        <dsp:cNvSpPr/>
      </dsp:nvSpPr>
      <dsp:spPr>
        <a:xfrm>
          <a:off x="4316582" y="106082"/>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8</a:t>
          </a:r>
        </a:p>
      </dsp:txBody>
      <dsp:txXfrm>
        <a:off x="4470589" y="106082"/>
        <a:ext cx="462021" cy="308013"/>
      </dsp:txXfrm>
    </dsp:sp>
    <dsp:sp modelId="{B504BB1E-0653-6843-9F8F-CEACB35BAC88}">
      <dsp:nvSpPr>
        <dsp:cNvPr id="0" name=""/>
        <dsp:cNvSpPr/>
      </dsp:nvSpPr>
      <dsp:spPr>
        <a:xfrm>
          <a:off x="4932610" y="106082"/>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9</a:t>
          </a:r>
        </a:p>
      </dsp:txBody>
      <dsp:txXfrm>
        <a:off x="5086617" y="106082"/>
        <a:ext cx="462021" cy="308013"/>
      </dsp:txXfrm>
    </dsp:sp>
    <dsp:sp modelId="{BB6E7E5B-38D0-734F-ADEE-B01CFC8F1C00}">
      <dsp:nvSpPr>
        <dsp:cNvPr id="0" name=""/>
        <dsp:cNvSpPr/>
      </dsp:nvSpPr>
      <dsp:spPr>
        <a:xfrm>
          <a:off x="5548638" y="106082"/>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0</a:t>
          </a:r>
        </a:p>
      </dsp:txBody>
      <dsp:txXfrm>
        <a:off x="5702645" y="106082"/>
        <a:ext cx="462021" cy="308013"/>
      </dsp:txXfrm>
    </dsp:sp>
    <dsp:sp modelId="{45FF2AAE-E4F9-1846-BDA0-0BBA049F3E35}">
      <dsp:nvSpPr>
        <dsp:cNvPr id="0" name=""/>
        <dsp:cNvSpPr/>
      </dsp:nvSpPr>
      <dsp:spPr>
        <a:xfrm>
          <a:off x="6164666" y="106082"/>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1</a:t>
          </a:r>
        </a:p>
      </dsp:txBody>
      <dsp:txXfrm>
        <a:off x="6318673" y="106082"/>
        <a:ext cx="462021" cy="308013"/>
      </dsp:txXfrm>
    </dsp:sp>
    <dsp:sp modelId="{1B83875F-83A0-6F40-958B-283950257C57}">
      <dsp:nvSpPr>
        <dsp:cNvPr id="0" name=""/>
        <dsp:cNvSpPr/>
      </dsp:nvSpPr>
      <dsp:spPr>
        <a:xfrm>
          <a:off x="6780693" y="106082"/>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2</a:t>
          </a:r>
        </a:p>
      </dsp:txBody>
      <dsp:txXfrm>
        <a:off x="6934700" y="106082"/>
        <a:ext cx="462021" cy="308013"/>
      </dsp:txXfrm>
    </dsp:sp>
    <dsp:sp modelId="{BBB798EE-38F8-1F45-9421-49138A3A2230}">
      <dsp:nvSpPr>
        <dsp:cNvPr id="0" name=""/>
        <dsp:cNvSpPr/>
      </dsp:nvSpPr>
      <dsp:spPr>
        <a:xfrm>
          <a:off x="7396721" y="106082"/>
          <a:ext cx="770034" cy="308013"/>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3</a:t>
          </a:r>
        </a:p>
      </dsp:txBody>
      <dsp:txXfrm>
        <a:off x="7550728" y="106082"/>
        <a:ext cx="462021" cy="308013"/>
      </dsp:txXfrm>
    </dsp:sp>
  </dsp:spTree>
</dsp:drawing>
</file>

<file path=ppt/diagrams/drawing1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388" y="176193"/>
          <a:ext cx="770034" cy="308013"/>
        </a:xfrm>
        <a:prstGeom prst="homePlate">
          <a:avLst/>
        </a:prstGeom>
        <a:solidFill>
          <a:schemeClr val="accent2"/>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8006"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a:t>
          </a:r>
        </a:p>
      </dsp:txBody>
      <dsp:txXfrm>
        <a:off x="4388" y="176193"/>
        <a:ext cx="693031" cy="308013"/>
      </dsp:txXfrm>
    </dsp:sp>
    <dsp:sp modelId="{91F73428-6E2C-1848-8C4C-42EAFE35EB4F}">
      <dsp:nvSpPr>
        <dsp:cNvPr id="0" name=""/>
        <dsp:cNvSpPr/>
      </dsp:nvSpPr>
      <dsp:spPr>
        <a:xfrm>
          <a:off x="620416" y="176193"/>
          <a:ext cx="770034" cy="308013"/>
        </a:xfrm>
        <a:prstGeom prst="chevron">
          <a:avLst/>
        </a:prstGeom>
        <a:gradFill rotWithShape="0">
          <a:gsLst>
            <a:gs pos="0">
              <a:schemeClr val="accent4">
                <a:alpha val="90000"/>
                <a:hueOff val="0"/>
                <a:satOff val="0"/>
                <a:lumOff val="0"/>
                <a:alphaOff val="-3333"/>
                <a:tint val="100000"/>
                <a:shade val="100000"/>
                <a:satMod val="130000"/>
              </a:schemeClr>
            </a:gs>
            <a:gs pos="100000">
              <a:schemeClr val="accent4">
                <a:alpha val="90000"/>
                <a:hueOff val="0"/>
                <a:satOff val="0"/>
                <a:lumOff val="0"/>
                <a:alphaOff val="-3333"/>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2 </a:t>
          </a:r>
        </a:p>
      </dsp:txBody>
      <dsp:txXfrm>
        <a:off x="774423" y="176193"/>
        <a:ext cx="462021" cy="308013"/>
      </dsp:txXfrm>
    </dsp:sp>
    <dsp:sp modelId="{47904C27-172E-E045-91F3-8A5A0AC65125}">
      <dsp:nvSpPr>
        <dsp:cNvPr id="0" name=""/>
        <dsp:cNvSpPr/>
      </dsp:nvSpPr>
      <dsp:spPr>
        <a:xfrm>
          <a:off x="1236444" y="176193"/>
          <a:ext cx="770034" cy="308013"/>
        </a:xfrm>
        <a:prstGeom prst="chevron">
          <a:avLst/>
        </a:prstGeom>
        <a:gradFill rotWithShape="0">
          <a:gsLst>
            <a:gs pos="0">
              <a:schemeClr val="accent4">
                <a:alpha val="90000"/>
                <a:hueOff val="0"/>
                <a:satOff val="0"/>
                <a:lumOff val="0"/>
                <a:alphaOff val="-6667"/>
                <a:tint val="100000"/>
                <a:shade val="100000"/>
                <a:satMod val="130000"/>
              </a:schemeClr>
            </a:gs>
            <a:gs pos="100000">
              <a:schemeClr val="accent4">
                <a:alpha val="90000"/>
                <a:hueOff val="0"/>
                <a:satOff val="0"/>
                <a:lumOff val="0"/>
                <a:alphaOff val="-6667"/>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3 </a:t>
          </a:r>
        </a:p>
      </dsp:txBody>
      <dsp:txXfrm>
        <a:off x="1390451" y="176193"/>
        <a:ext cx="462021" cy="308013"/>
      </dsp:txXfrm>
    </dsp:sp>
    <dsp:sp modelId="{E569B5B3-1E70-B741-AAA2-79F249C73546}">
      <dsp:nvSpPr>
        <dsp:cNvPr id="0" name=""/>
        <dsp:cNvSpPr/>
      </dsp:nvSpPr>
      <dsp:spPr>
        <a:xfrm>
          <a:off x="1852471" y="176193"/>
          <a:ext cx="770034" cy="308013"/>
        </a:xfrm>
        <a:prstGeom prst="chevron">
          <a:avLst/>
        </a:prstGeom>
        <a:gradFill rotWithShape="0">
          <a:gsLst>
            <a:gs pos="0">
              <a:schemeClr val="accent4">
                <a:alpha val="90000"/>
                <a:hueOff val="0"/>
                <a:satOff val="0"/>
                <a:lumOff val="0"/>
                <a:alphaOff val="-10000"/>
                <a:tint val="100000"/>
                <a:shade val="100000"/>
                <a:satMod val="130000"/>
              </a:schemeClr>
            </a:gs>
            <a:gs pos="100000">
              <a:schemeClr val="accent4">
                <a:alpha val="90000"/>
                <a:hueOff val="0"/>
                <a:satOff val="0"/>
                <a:lumOff val="0"/>
                <a:alphaOff val="-1000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4 </a:t>
          </a:r>
        </a:p>
      </dsp:txBody>
      <dsp:txXfrm>
        <a:off x="2006478" y="176193"/>
        <a:ext cx="462021" cy="308013"/>
      </dsp:txXfrm>
    </dsp:sp>
    <dsp:sp modelId="{C2359B7F-CB8F-EC42-B4C3-050C16F42CFD}">
      <dsp:nvSpPr>
        <dsp:cNvPr id="0" name=""/>
        <dsp:cNvSpPr/>
      </dsp:nvSpPr>
      <dsp:spPr>
        <a:xfrm>
          <a:off x="2468499" y="176193"/>
          <a:ext cx="770034" cy="308013"/>
        </a:xfrm>
        <a:prstGeom prst="chevron">
          <a:avLst/>
        </a:prstGeom>
        <a:gradFill rotWithShape="0">
          <a:gsLst>
            <a:gs pos="0">
              <a:schemeClr val="accent4">
                <a:alpha val="90000"/>
                <a:hueOff val="0"/>
                <a:satOff val="0"/>
                <a:lumOff val="0"/>
                <a:alphaOff val="-13333"/>
                <a:tint val="100000"/>
                <a:shade val="100000"/>
                <a:satMod val="130000"/>
              </a:schemeClr>
            </a:gs>
            <a:gs pos="100000">
              <a:schemeClr val="accent4">
                <a:alpha val="90000"/>
                <a:hueOff val="0"/>
                <a:satOff val="0"/>
                <a:lumOff val="0"/>
                <a:alphaOff val="-13333"/>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5</a:t>
          </a:r>
        </a:p>
      </dsp:txBody>
      <dsp:txXfrm>
        <a:off x="2622506" y="176193"/>
        <a:ext cx="462021" cy="308013"/>
      </dsp:txXfrm>
    </dsp:sp>
    <dsp:sp modelId="{7F02DCD0-1033-D447-9CA9-3DA883DF1990}">
      <dsp:nvSpPr>
        <dsp:cNvPr id="0" name=""/>
        <dsp:cNvSpPr/>
      </dsp:nvSpPr>
      <dsp:spPr>
        <a:xfrm>
          <a:off x="3084527" y="176193"/>
          <a:ext cx="770034" cy="308013"/>
        </a:xfrm>
        <a:prstGeom prst="chevron">
          <a:avLst/>
        </a:prstGeom>
        <a:gradFill rotWithShape="0">
          <a:gsLst>
            <a:gs pos="0">
              <a:schemeClr val="accent4">
                <a:alpha val="90000"/>
                <a:hueOff val="0"/>
                <a:satOff val="0"/>
                <a:lumOff val="0"/>
                <a:alphaOff val="-16667"/>
                <a:tint val="100000"/>
                <a:shade val="100000"/>
                <a:satMod val="130000"/>
              </a:schemeClr>
            </a:gs>
            <a:gs pos="100000">
              <a:schemeClr val="accent4">
                <a:alpha val="90000"/>
                <a:hueOff val="0"/>
                <a:satOff val="0"/>
                <a:lumOff val="0"/>
                <a:alphaOff val="-16667"/>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6</a:t>
          </a:r>
        </a:p>
      </dsp:txBody>
      <dsp:txXfrm>
        <a:off x="3238534" y="176193"/>
        <a:ext cx="462021" cy="308013"/>
      </dsp:txXfrm>
    </dsp:sp>
    <dsp:sp modelId="{83154A96-9DD8-B74C-85EB-5A9EE8918262}">
      <dsp:nvSpPr>
        <dsp:cNvPr id="0" name=""/>
        <dsp:cNvSpPr/>
      </dsp:nvSpPr>
      <dsp:spPr>
        <a:xfrm>
          <a:off x="3700555" y="176193"/>
          <a:ext cx="770034" cy="308013"/>
        </a:xfrm>
        <a:prstGeom prst="chevron">
          <a:avLst/>
        </a:prstGeom>
        <a:gradFill rotWithShape="0">
          <a:gsLst>
            <a:gs pos="0">
              <a:schemeClr val="accent4">
                <a:alpha val="90000"/>
                <a:hueOff val="0"/>
                <a:satOff val="0"/>
                <a:lumOff val="0"/>
                <a:alphaOff val="-20000"/>
                <a:tint val="100000"/>
                <a:shade val="100000"/>
                <a:satMod val="130000"/>
              </a:schemeClr>
            </a:gs>
            <a:gs pos="100000">
              <a:schemeClr val="accent4">
                <a:alpha val="90000"/>
                <a:hueOff val="0"/>
                <a:satOff val="0"/>
                <a:lumOff val="0"/>
                <a:alphaOff val="-2000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7</a:t>
          </a:r>
        </a:p>
      </dsp:txBody>
      <dsp:txXfrm>
        <a:off x="3854562" y="176193"/>
        <a:ext cx="462021" cy="308013"/>
      </dsp:txXfrm>
    </dsp:sp>
    <dsp:sp modelId="{AB78FE09-DB85-3D44-BEB2-B271C5B807E0}">
      <dsp:nvSpPr>
        <dsp:cNvPr id="0" name=""/>
        <dsp:cNvSpPr/>
      </dsp:nvSpPr>
      <dsp:spPr>
        <a:xfrm>
          <a:off x="4316582" y="176193"/>
          <a:ext cx="770034" cy="308013"/>
        </a:xfrm>
        <a:prstGeom prst="chevron">
          <a:avLst/>
        </a:prstGeom>
        <a:gradFill rotWithShape="0">
          <a:gsLst>
            <a:gs pos="0">
              <a:schemeClr val="accent4">
                <a:alpha val="90000"/>
                <a:hueOff val="0"/>
                <a:satOff val="0"/>
                <a:lumOff val="0"/>
                <a:alphaOff val="-23333"/>
                <a:tint val="100000"/>
                <a:shade val="100000"/>
                <a:satMod val="130000"/>
              </a:schemeClr>
            </a:gs>
            <a:gs pos="100000">
              <a:schemeClr val="accent4">
                <a:alpha val="90000"/>
                <a:hueOff val="0"/>
                <a:satOff val="0"/>
                <a:lumOff val="0"/>
                <a:alphaOff val="-23333"/>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8</a:t>
          </a:r>
        </a:p>
      </dsp:txBody>
      <dsp:txXfrm>
        <a:off x="4470589" y="176193"/>
        <a:ext cx="462021" cy="308013"/>
      </dsp:txXfrm>
    </dsp:sp>
    <dsp:sp modelId="{B504BB1E-0653-6843-9F8F-CEACB35BAC88}">
      <dsp:nvSpPr>
        <dsp:cNvPr id="0" name=""/>
        <dsp:cNvSpPr/>
      </dsp:nvSpPr>
      <dsp:spPr>
        <a:xfrm>
          <a:off x="4932610" y="176193"/>
          <a:ext cx="770034" cy="308013"/>
        </a:xfrm>
        <a:prstGeom prst="chevron">
          <a:avLst/>
        </a:prstGeom>
        <a:gradFill rotWithShape="0">
          <a:gsLst>
            <a:gs pos="0">
              <a:schemeClr val="accent4">
                <a:alpha val="90000"/>
                <a:hueOff val="0"/>
                <a:satOff val="0"/>
                <a:lumOff val="0"/>
                <a:alphaOff val="-26667"/>
                <a:tint val="100000"/>
                <a:shade val="100000"/>
                <a:satMod val="130000"/>
              </a:schemeClr>
            </a:gs>
            <a:gs pos="100000">
              <a:schemeClr val="accent4">
                <a:alpha val="90000"/>
                <a:hueOff val="0"/>
                <a:satOff val="0"/>
                <a:lumOff val="0"/>
                <a:alphaOff val="-26667"/>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9</a:t>
          </a:r>
        </a:p>
      </dsp:txBody>
      <dsp:txXfrm>
        <a:off x="5086617" y="176193"/>
        <a:ext cx="462021" cy="308013"/>
      </dsp:txXfrm>
    </dsp:sp>
    <dsp:sp modelId="{BB6E7E5B-38D0-734F-ADEE-B01CFC8F1C00}">
      <dsp:nvSpPr>
        <dsp:cNvPr id="0" name=""/>
        <dsp:cNvSpPr/>
      </dsp:nvSpPr>
      <dsp:spPr>
        <a:xfrm>
          <a:off x="5548638" y="176193"/>
          <a:ext cx="770034" cy="308013"/>
        </a:xfrm>
        <a:prstGeom prst="chevron">
          <a:avLst/>
        </a:prstGeom>
        <a:gradFill rotWithShape="0">
          <a:gsLst>
            <a:gs pos="0">
              <a:schemeClr val="accent4">
                <a:alpha val="90000"/>
                <a:hueOff val="0"/>
                <a:satOff val="0"/>
                <a:lumOff val="0"/>
                <a:alphaOff val="-30000"/>
                <a:tint val="100000"/>
                <a:shade val="100000"/>
                <a:satMod val="130000"/>
              </a:schemeClr>
            </a:gs>
            <a:gs pos="100000">
              <a:schemeClr val="accent4">
                <a:alpha val="90000"/>
                <a:hueOff val="0"/>
                <a:satOff val="0"/>
                <a:lumOff val="0"/>
                <a:alphaOff val="-3000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0</a:t>
          </a:r>
        </a:p>
      </dsp:txBody>
      <dsp:txXfrm>
        <a:off x="5702645" y="176193"/>
        <a:ext cx="462021" cy="308013"/>
      </dsp:txXfrm>
    </dsp:sp>
    <dsp:sp modelId="{45FF2AAE-E4F9-1846-BDA0-0BBA049F3E35}">
      <dsp:nvSpPr>
        <dsp:cNvPr id="0" name=""/>
        <dsp:cNvSpPr/>
      </dsp:nvSpPr>
      <dsp:spPr>
        <a:xfrm>
          <a:off x="6164666" y="176193"/>
          <a:ext cx="770034" cy="308013"/>
        </a:xfrm>
        <a:prstGeom prst="chevron">
          <a:avLst/>
        </a:prstGeom>
        <a:gradFill rotWithShape="0">
          <a:gsLst>
            <a:gs pos="0">
              <a:schemeClr val="accent4">
                <a:alpha val="90000"/>
                <a:hueOff val="0"/>
                <a:satOff val="0"/>
                <a:lumOff val="0"/>
                <a:alphaOff val="-33333"/>
                <a:tint val="100000"/>
                <a:shade val="100000"/>
                <a:satMod val="130000"/>
              </a:schemeClr>
            </a:gs>
            <a:gs pos="100000">
              <a:schemeClr val="accent4">
                <a:alpha val="90000"/>
                <a:hueOff val="0"/>
                <a:satOff val="0"/>
                <a:lumOff val="0"/>
                <a:alphaOff val="-33333"/>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1</a:t>
          </a:r>
        </a:p>
      </dsp:txBody>
      <dsp:txXfrm>
        <a:off x="6318673" y="176193"/>
        <a:ext cx="462021" cy="308013"/>
      </dsp:txXfrm>
    </dsp:sp>
    <dsp:sp modelId="{1B83875F-83A0-6F40-958B-283950257C57}">
      <dsp:nvSpPr>
        <dsp:cNvPr id="0" name=""/>
        <dsp:cNvSpPr/>
      </dsp:nvSpPr>
      <dsp:spPr>
        <a:xfrm>
          <a:off x="6780693" y="176193"/>
          <a:ext cx="770034" cy="308013"/>
        </a:xfrm>
        <a:prstGeom prst="chevron">
          <a:avLst/>
        </a:prstGeom>
        <a:gradFill rotWithShape="0">
          <a:gsLst>
            <a:gs pos="0">
              <a:schemeClr val="accent4">
                <a:alpha val="90000"/>
                <a:hueOff val="0"/>
                <a:satOff val="0"/>
                <a:lumOff val="0"/>
                <a:alphaOff val="-36667"/>
                <a:tint val="100000"/>
                <a:shade val="100000"/>
                <a:satMod val="130000"/>
              </a:schemeClr>
            </a:gs>
            <a:gs pos="100000">
              <a:schemeClr val="accent4">
                <a:alpha val="90000"/>
                <a:hueOff val="0"/>
                <a:satOff val="0"/>
                <a:lumOff val="0"/>
                <a:alphaOff val="-36667"/>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2</a:t>
          </a:r>
        </a:p>
      </dsp:txBody>
      <dsp:txXfrm>
        <a:off x="6934700" y="176193"/>
        <a:ext cx="462021" cy="308013"/>
      </dsp:txXfrm>
    </dsp:sp>
    <dsp:sp modelId="{8EDA0878-A070-3946-944D-D17A834CF102}">
      <dsp:nvSpPr>
        <dsp:cNvPr id="0" name=""/>
        <dsp:cNvSpPr/>
      </dsp:nvSpPr>
      <dsp:spPr>
        <a:xfrm>
          <a:off x="7396721" y="176193"/>
          <a:ext cx="770034" cy="308013"/>
        </a:xfrm>
        <a:prstGeom prst="chevron">
          <a:avLst/>
        </a:prstGeom>
        <a:solidFill>
          <a:schemeClr val="accent2">
            <a:lumMod val="60000"/>
            <a:lumOff val="4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6005" tIns="24003" rIns="12002" bIns="24003" numCol="1" spcCol="1270" anchor="ctr" anchorCtr="0">
          <a:noAutofit/>
        </a:bodyPr>
        <a:lstStyle/>
        <a:p>
          <a:pPr marL="0" lvl="0" indent="0" algn="ctr" defTabSz="400050">
            <a:lnSpc>
              <a:spcPct val="90000"/>
            </a:lnSpc>
            <a:spcBef>
              <a:spcPct val="0"/>
            </a:spcBef>
            <a:spcAft>
              <a:spcPct val="35000"/>
            </a:spcAft>
            <a:buNone/>
          </a:pPr>
          <a:r>
            <a:rPr lang="en-US" sz="900" kern="1200" dirty="0"/>
            <a:t>Month 13</a:t>
          </a:r>
        </a:p>
      </dsp:txBody>
      <dsp:txXfrm>
        <a:off x="7550728" y="176193"/>
        <a:ext cx="462021" cy="308013"/>
      </dsp:txXfrm>
    </dsp:sp>
  </dsp:spTree>
</dsp:drawing>
</file>

<file path=ppt/diagrams/drawing1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A888A32-F567-844F-9681-359A05E0360C}">
      <dsp:nvSpPr>
        <dsp:cNvPr id="0" name=""/>
        <dsp:cNvSpPr/>
      </dsp:nvSpPr>
      <dsp:spPr>
        <a:xfrm rot="5400000">
          <a:off x="2678392" y="-892101"/>
          <a:ext cx="938859" cy="2962656"/>
        </a:xfrm>
        <a:prstGeom prst="round2SameRect">
          <a:avLst/>
        </a:prstGeom>
        <a:solidFill>
          <a:schemeClr val="accent4">
            <a:lumMod val="20000"/>
            <a:lumOff val="80000"/>
            <a:alpha val="90000"/>
          </a:schemeClr>
        </a:solid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247650" tIns="123825" rIns="247650" bIns="123825" numCol="1" spcCol="1270" anchor="ctr" anchorCtr="0">
          <a:noAutofit/>
        </a:bodyPr>
        <a:lstStyle/>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Name</a:t>
          </a:r>
        </a:p>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Epic Owner/ Product Manager</a:t>
          </a:r>
        </a:p>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Investment Theme (and Capability if known)</a:t>
          </a:r>
        </a:p>
      </dsp:txBody>
      <dsp:txXfrm rot="-5400000">
        <a:off x="1666494" y="165628"/>
        <a:ext cx="2916825" cy="847197"/>
      </dsp:txXfrm>
    </dsp:sp>
    <dsp:sp modelId="{B4E5BB7A-8A9D-7244-8842-35320B226539}">
      <dsp:nvSpPr>
        <dsp:cNvPr id="0" name=""/>
        <dsp:cNvSpPr/>
      </dsp:nvSpPr>
      <dsp:spPr>
        <a:xfrm>
          <a:off x="0" y="2439"/>
          <a:ext cx="1666494" cy="1173573"/>
        </a:xfrm>
        <a:prstGeom prst="roundRect">
          <a:avLst/>
        </a:prstGeom>
        <a:solidFill>
          <a:srgbClr val="4ABD9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68580" tIns="34290" rIns="68580" bIns="34290" numCol="1" spcCol="1270" anchor="ctr" anchorCtr="0">
          <a:noAutofit/>
        </a:bodyPr>
        <a:lstStyle/>
        <a:p>
          <a:pPr marL="0" lvl="0" indent="0" algn="ctr" defTabSz="800100">
            <a:lnSpc>
              <a:spcPct val="90000"/>
            </a:lnSpc>
            <a:spcBef>
              <a:spcPct val="0"/>
            </a:spcBef>
            <a:spcAft>
              <a:spcPct val="35000"/>
            </a:spcAft>
            <a:buNone/>
          </a:pPr>
          <a:r>
            <a:rPr lang="en-US" sz="1800" b="1" kern="1200">
              <a:solidFill>
                <a:schemeClr val="bg1"/>
              </a:solidFill>
              <a:latin typeface="+mj-lt"/>
            </a:rPr>
            <a:t>DESCRIPTION</a:t>
          </a:r>
        </a:p>
      </dsp:txBody>
      <dsp:txXfrm>
        <a:off x="57289" y="59728"/>
        <a:ext cx="1551916" cy="1058995"/>
      </dsp:txXfrm>
    </dsp:sp>
    <dsp:sp modelId="{E1E2B158-BAF1-284D-848E-2A7330AB4AF7}">
      <dsp:nvSpPr>
        <dsp:cNvPr id="0" name=""/>
        <dsp:cNvSpPr/>
      </dsp:nvSpPr>
      <dsp:spPr>
        <a:xfrm rot="5400000">
          <a:off x="2678392" y="340151"/>
          <a:ext cx="938859" cy="2962656"/>
        </a:xfrm>
        <a:prstGeom prst="round2SameRect">
          <a:avLst/>
        </a:prstGeom>
        <a:solidFill>
          <a:srgbClr val="EBEBEB">
            <a:alpha val="90000"/>
          </a:srgbClr>
        </a:solid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247650" tIns="123825" rIns="247650" bIns="123825" numCol="1" spcCol="1270" anchor="ctr" anchorCtr="0">
          <a:noAutofit/>
        </a:bodyPr>
        <a:lstStyle/>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Value Statement</a:t>
          </a:r>
        </a:p>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Features/Benefits</a:t>
          </a:r>
        </a:p>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Personas</a:t>
          </a:r>
        </a:p>
      </dsp:txBody>
      <dsp:txXfrm rot="-5400000">
        <a:off x="1666494" y="1397881"/>
        <a:ext cx="2916825" cy="847197"/>
      </dsp:txXfrm>
    </dsp:sp>
    <dsp:sp modelId="{3855A1E4-2676-484D-BC5B-9464B932CB89}">
      <dsp:nvSpPr>
        <dsp:cNvPr id="0" name=""/>
        <dsp:cNvSpPr/>
      </dsp:nvSpPr>
      <dsp:spPr>
        <a:xfrm>
          <a:off x="0" y="1234692"/>
          <a:ext cx="1666494" cy="1173573"/>
        </a:xfrm>
        <a:prstGeom prst="roundRect">
          <a:avLst/>
        </a:prstGeom>
        <a:solidFill>
          <a:srgbClr val="4ABD9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68580" tIns="34290" rIns="68580" bIns="34290" numCol="1" spcCol="1270" anchor="ctr" anchorCtr="0">
          <a:noAutofit/>
        </a:bodyPr>
        <a:lstStyle/>
        <a:p>
          <a:pPr marL="0" lvl="0" indent="0" algn="ctr" defTabSz="800100">
            <a:lnSpc>
              <a:spcPct val="90000"/>
            </a:lnSpc>
            <a:spcBef>
              <a:spcPct val="0"/>
            </a:spcBef>
            <a:spcAft>
              <a:spcPct val="35000"/>
            </a:spcAft>
            <a:buNone/>
          </a:pPr>
          <a:r>
            <a:rPr lang="en-US" sz="1800" b="1" kern="1200">
              <a:latin typeface="+mj-lt"/>
            </a:rPr>
            <a:t>VISION</a:t>
          </a:r>
        </a:p>
      </dsp:txBody>
      <dsp:txXfrm>
        <a:off x="57289" y="1291981"/>
        <a:ext cx="1551916" cy="1058995"/>
      </dsp:txXfrm>
    </dsp:sp>
    <dsp:sp modelId="{E2868A16-0D2A-8749-9B46-D0E6A6B377E0}">
      <dsp:nvSpPr>
        <dsp:cNvPr id="0" name=""/>
        <dsp:cNvSpPr/>
      </dsp:nvSpPr>
      <dsp:spPr>
        <a:xfrm rot="5400000">
          <a:off x="2678392" y="1572404"/>
          <a:ext cx="938859" cy="2962656"/>
        </a:xfrm>
        <a:prstGeom prst="round2SameRect">
          <a:avLst/>
        </a:prstGeom>
        <a:solidFill>
          <a:srgbClr val="EBEBEB">
            <a:alpha val="90000"/>
          </a:srgbClr>
        </a:solid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247650" tIns="123825" rIns="247650" bIns="123825" numCol="1" spcCol="1270" anchor="ctr" anchorCtr="0">
          <a:noAutofit/>
        </a:bodyPr>
        <a:lstStyle/>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Dependencies</a:t>
          </a:r>
        </a:p>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Risks</a:t>
          </a:r>
        </a:p>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Assumptions</a:t>
          </a:r>
        </a:p>
      </dsp:txBody>
      <dsp:txXfrm rot="-5400000">
        <a:off x="1666494" y="2630134"/>
        <a:ext cx="2916825" cy="847197"/>
      </dsp:txXfrm>
    </dsp:sp>
    <dsp:sp modelId="{DA50DFCE-9330-A84F-BE89-31548A2C789B}">
      <dsp:nvSpPr>
        <dsp:cNvPr id="0" name=""/>
        <dsp:cNvSpPr/>
      </dsp:nvSpPr>
      <dsp:spPr>
        <a:xfrm>
          <a:off x="0" y="2466945"/>
          <a:ext cx="1666494" cy="1173573"/>
        </a:xfrm>
        <a:prstGeom prst="roundRect">
          <a:avLst/>
        </a:prstGeom>
        <a:solidFill>
          <a:srgbClr val="4ABD9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68580" tIns="34290" rIns="68580" bIns="34290" numCol="1" spcCol="1270" anchor="ctr" anchorCtr="0">
          <a:noAutofit/>
        </a:bodyPr>
        <a:lstStyle/>
        <a:p>
          <a:pPr marL="0" lvl="0" indent="0" algn="ctr" defTabSz="800100">
            <a:lnSpc>
              <a:spcPct val="90000"/>
            </a:lnSpc>
            <a:spcBef>
              <a:spcPct val="0"/>
            </a:spcBef>
            <a:spcAft>
              <a:spcPct val="35000"/>
            </a:spcAft>
            <a:buNone/>
          </a:pPr>
          <a:r>
            <a:rPr lang="en-US" sz="1800" b="1" kern="1200">
              <a:latin typeface="+mj-lt"/>
            </a:rPr>
            <a:t>CONSTRAINTS</a:t>
          </a:r>
        </a:p>
      </dsp:txBody>
      <dsp:txXfrm>
        <a:off x="57289" y="2524234"/>
        <a:ext cx="1551916" cy="1058995"/>
      </dsp:txXfrm>
    </dsp:sp>
    <dsp:sp modelId="{3AFC4B6D-5B85-0346-9EEB-FA2799197F39}">
      <dsp:nvSpPr>
        <dsp:cNvPr id="0" name=""/>
        <dsp:cNvSpPr/>
      </dsp:nvSpPr>
      <dsp:spPr>
        <a:xfrm rot="5400000">
          <a:off x="2678392" y="2804657"/>
          <a:ext cx="938859" cy="2962656"/>
        </a:xfrm>
        <a:prstGeom prst="round2SameRect">
          <a:avLst/>
        </a:prstGeom>
        <a:solidFill>
          <a:srgbClr val="EBEBEB">
            <a:alpha val="90000"/>
          </a:srgbClr>
        </a:solid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247650" tIns="123825" rIns="247650" bIns="123825" numCol="1" spcCol="1270" anchor="ctr" anchorCtr="0">
          <a:noAutofit/>
        </a:bodyPr>
        <a:lstStyle/>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Release Planning</a:t>
          </a:r>
        </a:p>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Opportunity Case</a:t>
          </a:r>
        </a:p>
        <a:p>
          <a:pPr marL="114300" lvl="1" indent="-114300" algn="l" defTabSz="577850">
            <a:lnSpc>
              <a:spcPct val="90000"/>
            </a:lnSpc>
            <a:spcBef>
              <a:spcPct val="0"/>
            </a:spcBef>
            <a:spcAft>
              <a:spcPct val="15000"/>
            </a:spcAft>
            <a:buChar char="•"/>
          </a:pPr>
          <a:r>
            <a:rPr lang="en-US" sz="1300" b="0" kern="1200">
              <a:solidFill>
                <a:schemeClr val="accent4">
                  <a:lumMod val="50000"/>
                </a:schemeClr>
              </a:solidFill>
            </a:rPr>
            <a:t>Roadmap</a:t>
          </a:r>
        </a:p>
      </dsp:txBody>
      <dsp:txXfrm rot="-5400000">
        <a:off x="1666494" y="3862387"/>
        <a:ext cx="2916825" cy="847197"/>
      </dsp:txXfrm>
    </dsp:sp>
    <dsp:sp modelId="{3572EDDF-E2EE-A04E-BCEA-E51329851E63}">
      <dsp:nvSpPr>
        <dsp:cNvPr id="0" name=""/>
        <dsp:cNvSpPr/>
      </dsp:nvSpPr>
      <dsp:spPr>
        <a:xfrm>
          <a:off x="0" y="3699198"/>
          <a:ext cx="1666494" cy="1173573"/>
        </a:xfrm>
        <a:prstGeom prst="roundRect">
          <a:avLst/>
        </a:prstGeom>
        <a:solidFill>
          <a:srgbClr val="4ABD92"/>
        </a:soli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68580" tIns="34290" rIns="68580" bIns="34290" numCol="1" spcCol="1270" anchor="ctr" anchorCtr="0">
          <a:noAutofit/>
        </a:bodyPr>
        <a:lstStyle/>
        <a:p>
          <a:pPr marL="0" lvl="0" indent="0" algn="ctr" defTabSz="800100">
            <a:lnSpc>
              <a:spcPct val="90000"/>
            </a:lnSpc>
            <a:spcBef>
              <a:spcPct val="0"/>
            </a:spcBef>
            <a:spcAft>
              <a:spcPct val="35000"/>
            </a:spcAft>
            <a:buNone/>
          </a:pPr>
          <a:r>
            <a:rPr lang="en-US" sz="1800" b="1" kern="1200">
              <a:latin typeface="+mj-lt"/>
            </a:rPr>
            <a:t>PLANNING</a:t>
          </a:r>
        </a:p>
      </dsp:txBody>
      <dsp:txXfrm>
        <a:off x="57289" y="3756487"/>
        <a:ext cx="1551916" cy="1058995"/>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488" y="163625"/>
          <a:ext cx="832874" cy="333149"/>
        </a:xfrm>
        <a:prstGeom prst="homePlate">
          <a:avLst/>
        </a:prstGeom>
        <a:solidFill>
          <a:schemeClr val="accent1"/>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53340"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a:t>
          </a:r>
        </a:p>
      </dsp:txBody>
      <dsp:txXfrm>
        <a:off x="4488" y="163625"/>
        <a:ext cx="749587" cy="333149"/>
      </dsp:txXfrm>
    </dsp:sp>
    <dsp:sp modelId="{91F73428-6E2C-1848-8C4C-42EAFE35EB4F}">
      <dsp:nvSpPr>
        <dsp:cNvPr id="0" name=""/>
        <dsp:cNvSpPr/>
      </dsp:nvSpPr>
      <dsp:spPr>
        <a:xfrm>
          <a:off x="670787" y="163625"/>
          <a:ext cx="832874" cy="333149"/>
        </a:xfrm>
        <a:prstGeom prst="chevron">
          <a:avLst/>
        </a:prstGeom>
        <a:solidFill>
          <a:schemeClr val="accent1"/>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2 </a:t>
          </a:r>
        </a:p>
      </dsp:txBody>
      <dsp:txXfrm>
        <a:off x="837362" y="163625"/>
        <a:ext cx="499725" cy="333149"/>
      </dsp:txXfrm>
    </dsp:sp>
    <dsp:sp modelId="{47904C27-172E-E045-91F3-8A5A0AC65125}">
      <dsp:nvSpPr>
        <dsp:cNvPr id="0" name=""/>
        <dsp:cNvSpPr/>
      </dsp:nvSpPr>
      <dsp:spPr>
        <a:xfrm>
          <a:off x="1337087"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3 </a:t>
          </a:r>
        </a:p>
      </dsp:txBody>
      <dsp:txXfrm>
        <a:off x="1503662" y="163625"/>
        <a:ext cx="499725" cy="333149"/>
      </dsp:txXfrm>
    </dsp:sp>
    <dsp:sp modelId="{E569B5B3-1E70-B741-AAA2-79F249C73546}">
      <dsp:nvSpPr>
        <dsp:cNvPr id="0" name=""/>
        <dsp:cNvSpPr/>
      </dsp:nvSpPr>
      <dsp:spPr>
        <a:xfrm>
          <a:off x="2003386"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4 </a:t>
          </a:r>
        </a:p>
      </dsp:txBody>
      <dsp:txXfrm>
        <a:off x="2169961" y="163625"/>
        <a:ext cx="499725" cy="333149"/>
      </dsp:txXfrm>
    </dsp:sp>
    <dsp:sp modelId="{C2359B7F-CB8F-EC42-B4C3-050C16F42CFD}">
      <dsp:nvSpPr>
        <dsp:cNvPr id="0" name=""/>
        <dsp:cNvSpPr/>
      </dsp:nvSpPr>
      <dsp:spPr>
        <a:xfrm>
          <a:off x="2669686"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5</a:t>
          </a:r>
        </a:p>
      </dsp:txBody>
      <dsp:txXfrm>
        <a:off x="2836261" y="163625"/>
        <a:ext cx="499725" cy="333149"/>
      </dsp:txXfrm>
    </dsp:sp>
    <dsp:sp modelId="{7F02DCD0-1033-D447-9CA9-3DA883DF1990}">
      <dsp:nvSpPr>
        <dsp:cNvPr id="0" name=""/>
        <dsp:cNvSpPr/>
      </dsp:nvSpPr>
      <dsp:spPr>
        <a:xfrm>
          <a:off x="3335985"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6</a:t>
          </a:r>
        </a:p>
      </dsp:txBody>
      <dsp:txXfrm>
        <a:off x="3502560" y="163625"/>
        <a:ext cx="499725" cy="333149"/>
      </dsp:txXfrm>
    </dsp:sp>
    <dsp:sp modelId="{83154A96-9DD8-B74C-85EB-5A9EE8918262}">
      <dsp:nvSpPr>
        <dsp:cNvPr id="0" name=""/>
        <dsp:cNvSpPr/>
      </dsp:nvSpPr>
      <dsp:spPr>
        <a:xfrm>
          <a:off x="4002285"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7</a:t>
          </a:r>
        </a:p>
      </dsp:txBody>
      <dsp:txXfrm>
        <a:off x="4168860" y="163625"/>
        <a:ext cx="499725" cy="333149"/>
      </dsp:txXfrm>
    </dsp:sp>
    <dsp:sp modelId="{AB78FE09-DB85-3D44-BEB2-B271C5B807E0}">
      <dsp:nvSpPr>
        <dsp:cNvPr id="0" name=""/>
        <dsp:cNvSpPr/>
      </dsp:nvSpPr>
      <dsp:spPr>
        <a:xfrm>
          <a:off x="4668584"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8</a:t>
          </a:r>
        </a:p>
      </dsp:txBody>
      <dsp:txXfrm>
        <a:off x="4835159" y="163625"/>
        <a:ext cx="499725" cy="333149"/>
      </dsp:txXfrm>
    </dsp:sp>
    <dsp:sp modelId="{B504BB1E-0653-6843-9F8F-CEACB35BAC88}">
      <dsp:nvSpPr>
        <dsp:cNvPr id="0" name=""/>
        <dsp:cNvSpPr/>
      </dsp:nvSpPr>
      <dsp:spPr>
        <a:xfrm>
          <a:off x="5334883"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9</a:t>
          </a:r>
        </a:p>
      </dsp:txBody>
      <dsp:txXfrm>
        <a:off x="5501458" y="163625"/>
        <a:ext cx="499725" cy="333149"/>
      </dsp:txXfrm>
    </dsp:sp>
    <dsp:sp modelId="{BB6E7E5B-38D0-734F-ADEE-B01CFC8F1C00}">
      <dsp:nvSpPr>
        <dsp:cNvPr id="0" name=""/>
        <dsp:cNvSpPr/>
      </dsp:nvSpPr>
      <dsp:spPr>
        <a:xfrm>
          <a:off x="6001183"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0</a:t>
          </a:r>
        </a:p>
      </dsp:txBody>
      <dsp:txXfrm>
        <a:off x="6167758" y="163625"/>
        <a:ext cx="499725" cy="333149"/>
      </dsp:txXfrm>
    </dsp:sp>
    <dsp:sp modelId="{45FF2AAE-E4F9-1846-BDA0-0BBA049F3E35}">
      <dsp:nvSpPr>
        <dsp:cNvPr id="0" name=""/>
        <dsp:cNvSpPr/>
      </dsp:nvSpPr>
      <dsp:spPr>
        <a:xfrm>
          <a:off x="6667482"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1</a:t>
          </a:r>
        </a:p>
      </dsp:txBody>
      <dsp:txXfrm>
        <a:off x="6834057" y="163625"/>
        <a:ext cx="499725" cy="333149"/>
      </dsp:txXfrm>
    </dsp:sp>
    <dsp:sp modelId="{1B83875F-83A0-6F40-958B-283950257C57}">
      <dsp:nvSpPr>
        <dsp:cNvPr id="0" name=""/>
        <dsp:cNvSpPr/>
      </dsp:nvSpPr>
      <dsp:spPr>
        <a:xfrm>
          <a:off x="7333782" y="163625"/>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a:t>Month </a:t>
          </a:r>
          <a:r>
            <a:rPr lang="en-US" sz="1000" kern="1200" dirty="0"/>
            <a:t>12</a:t>
          </a:r>
        </a:p>
      </dsp:txBody>
      <dsp:txXfrm>
        <a:off x="7500357" y="163625"/>
        <a:ext cx="499725" cy="333149"/>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488" y="26493"/>
          <a:ext cx="832874" cy="333149"/>
        </a:xfrm>
        <a:prstGeom prst="homePlate">
          <a:avLst/>
        </a:prstGeom>
        <a:solidFill>
          <a:schemeClr val="accent1"/>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53340"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a:t>
          </a:r>
        </a:p>
      </dsp:txBody>
      <dsp:txXfrm>
        <a:off x="4488" y="26493"/>
        <a:ext cx="749587" cy="333149"/>
      </dsp:txXfrm>
    </dsp:sp>
    <dsp:sp modelId="{91F73428-6E2C-1848-8C4C-42EAFE35EB4F}">
      <dsp:nvSpPr>
        <dsp:cNvPr id="0" name=""/>
        <dsp:cNvSpPr/>
      </dsp:nvSpPr>
      <dsp:spPr>
        <a:xfrm>
          <a:off x="670787" y="26493"/>
          <a:ext cx="832874" cy="333149"/>
        </a:xfrm>
        <a:prstGeom prst="chevron">
          <a:avLst/>
        </a:prstGeom>
        <a:solidFill>
          <a:schemeClr val="accent1"/>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2 </a:t>
          </a:r>
        </a:p>
      </dsp:txBody>
      <dsp:txXfrm>
        <a:off x="837362" y="26493"/>
        <a:ext cx="499725" cy="333149"/>
      </dsp:txXfrm>
    </dsp:sp>
    <dsp:sp modelId="{47904C27-172E-E045-91F3-8A5A0AC65125}">
      <dsp:nvSpPr>
        <dsp:cNvPr id="0" name=""/>
        <dsp:cNvSpPr/>
      </dsp:nvSpPr>
      <dsp:spPr>
        <a:xfrm>
          <a:off x="1337087" y="26493"/>
          <a:ext cx="832874" cy="333149"/>
        </a:xfrm>
        <a:prstGeom prst="chevron">
          <a:avLst/>
        </a:prstGeom>
        <a:solidFill>
          <a:schemeClr val="accent1">
            <a:lumMod val="40000"/>
            <a:lumOff val="6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3 </a:t>
          </a:r>
        </a:p>
      </dsp:txBody>
      <dsp:txXfrm>
        <a:off x="1503662" y="26493"/>
        <a:ext cx="499725" cy="333149"/>
      </dsp:txXfrm>
    </dsp:sp>
    <dsp:sp modelId="{E569B5B3-1E70-B741-AAA2-79F249C73546}">
      <dsp:nvSpPr>
        <dsp:cNvPr id="0" name=""/>
        <dsp:cNvSpPr/>
      </dsp:nvSpPr>
      <dsp:spPr>
        <a:xfrm>
          <a:off x="2003386" y="26493"/>
          <a:ext cx="832874" cy="333149"/>
        </a:xfrm>
        <a:prstGeom prst="chevron">
          <a:avLst/>
        </a:prstGeom>
        <a:solidFill>
          <a:schemeClr val="accent1">
            <a:lumMod val="40000"/>
            <a:lumOff val="6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4 </a:t>
          </a:r>
        </a:p>
      </dsp:txBody>
      <dsp:txXfrm>
        <a:off x="2169961" y="26493"/>
        <a:ext cx="499725" cy="333149"/>
      </dsp:txXfrm>
    </dsp:sp>
    <dsp:sp modelId="{C2359B7F-CB8F-EC42-B4C3-050C16F42CFD}">
      <dsp:nvSpPr>
        <dsp:cNvPr id="0" name=""/>
        <dsp:cNvSpPr/>
      </dsp:nvSpPr>
      <dsp:spPr>
        <a:xfrm>
          <a:off x="2669686" y="26493"/>
          <a:ext cx="832874" cy="333149"/>
        </a:xfrm>
        <a:prstGeom prst="chevron">
          <a:avLst/>
        </a:prstGeom>
        <a:solidFill>
          <a:schemeClr val="accent1">
            <a:lumMod val="40000"/>
            <a:lumOff val="6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5</a:t>
          </a:r>
        </a:p>
      </dsp:txBody>
      <dsp:txXfrm>
        <a:off x="2836261" y="26493"/>
        <a:ext cx="499725" cy="333149"/>
      </dsp:txXfrm>
    </dsp:sp>
    <dsp:sp modelId="{7F02DCD0-1033-D447-9CA9-3DA883DF1990}">
      <dsp:nvSpPr>
        <dsp:cNvPr id="0" name=""/>
        <dsp:cNvSpPr/>
      </dsp:nvSpPr>
      <dsp:spPr>
        <a:xfrm>
          <a:off x="3335985" y="26493"/>
          <a:ext cx="832874" cy="333149"/>
        </a:xfrm>
        <a:prstGeom prst="chevron">
          <a:avLst/>
        </a:prstGeom>
        <a:solidFill>
          <a:schemeClr val="accent1">
            <a:lumMod val="40000"/>
            <a:lumOff val="60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6</a:t>
          </a:r>
        </a:p>
      </dsp:txBody>
      <dsp:txXfrm>
        <a:off x="3502560" y="26493"/>
        <a:ext cx="499725" cy="333149"/>
      </dsp:txXfrm>
    </dsp:sp>
    <dsp:sp modelId="{83154A96-9DD8-B74C-85EB-5A9EE8918262}">
      <dsp:nvSpPr>
        <dsp:cNvPr id="0" name=""/>
        <dsp:cNvSpPr/>
      </dsp:nvSpPr>
      <dsp:spPr>
        <a:xfrm>
          <a:off x="4002285" y="26493"/>
          <a:ext cx="832874" cy="333149"/>
        </a:xfrm>
        <a:prstGeom prst="chevron">
          <a:avLst/>
        </a:prstGeom>
        <a:solidFill>
          <a:schemeClr val="accent6"/>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7</a:t>
          </a:r>
        </a:p>
      </dsp:txBody>
      <dsp:txXfrm>
        <a:off x="4168860" y="26493"/>
        <a:ext cx="499725" cy="333149"/>
      </dsp:txXfrm>
    </dsp:sp>
    <dsp:sp modelId="{AB78FE09-DB85-3D44-BEB2-B271C5B807E0}">
      <dsp:nvSpPr>
        <dsp:cNvPr id="0" name=""/>
        <dsp:cNvSpPr/>
      </dsp:nvSpPr>
      <dsp:spPr>
        <a:xfrm>
          <a:off x="4668584" y="26493"/>
          <a:ext cx="832874" cy="333149"/>
        </a:xfrm>
        <a:prstGeom prst="chevron">
          <a:avLst/>
        </a:prstGeom>
        <a:solidFill>
          <a:schemeClr val="accent6"/>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8</a:t>
          </a:r>
        </a:p>
      </dsp:txBody>
      <dsp:txXfrm>
        <a:off x="4835159" y="26493"/>
        <a:ext cx="499725" cy="333149"/>
      </dsp:txXfrm>
    </dsp:sp>
    <dsp:sp modelId="{B504BB1E-0653-6843-9F8F-CEACB35BAC88}">
      <dsp:nvSpPr>
        <dsp:cNvPr id="0" name=""/>
        <dsp:cNvSpPr/>
      </dsp:nvSpPr>
      <dsp:spPr>
        <a:xfrm>
          <a:off x="5334883" y="26493"/>
          <a:ext cx="832874" cy="333149"/>
        </a:xfrm>
        <a:prstGeom prst="chevron">
          <a:avLst/>
        </a:prstGeom>
        <a:solidFill>
          <a:schemeClr val="accent6"/>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9</a:t>
          </a:r>
        </a:p>
      </dsp:txBody>
      <dsp:txXfrm>
        <a:off x="5501458" y="26493"/>
        <a:ext cx="499725" cy="333149"/>
      </dsp:txXfrm>
    </dsp:sp>
    <dsp:sp modelId="{BB6E7E5B-38D0-734F-ADEE-B01CFC8F1C00}">
      <dsp:nvSpPr>
        <dsp:cNvPr id="0" name=""/>
        <dsp:cNvSpPr/>
      </dsp:nvSpPr>
      <dsp:spPr>
        <a:xfrm>
          <a:off x="6001183" y="26493"/>
          <a:ext cx="832874" cy="333149"/>
        </a:xfrm>
        <a:prstGeom prst="chevron">
          <a:avLst/>
        </a:prstGeom>
        <a:solidFill>
          <a:schemeClr val="accent6"/>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0</a:t>
          </a:r>
        </a:p>
      </dsp:txBody>
      <dsp:txXfrm>
        <a:off x="6167758" y="26493"/>
        <a:ext cx="499725" cy="333149"/>
      </dsp:txXfrm>
    </dsp:sp>
    <dsp:sp modelId="{45FF2AAE-E4F9-1846-BDA0-0BBA049F3E35}">
      <dsp:nvSpPr>
        <dsp:cNvPr id="0" name=""/>
        <dsp:cNvSpPr/>
      </dsp:nvSpPr>
      <dsp:spPr>
        <a:xfrm>
          <a:off x="6667482" y="26493"/>
          <a:ext cx="832874" cy="333149"/>
        </a:xfrm>
        <a:prstGeom prst="chevron">
          <a:avLst/>
        </a:prstGeom>
        <a:solidFill>
          <a:schemeClr val="accent6"/>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1</a:t>
          </a:r>
        </a:p>
      </dsp:txBody>
      <dsp:txXfrm>
        <a:off x="6834057" y="26493"/>
        <a:ext cx="499725" cy="333149"/>
      </dsp:txXfrm>
    </dsp:sp>
    <dsp:sp modelId="{1B83875F-83A0-6F40-958B-283950257C57}">
      <dsp:nvSpPr>
        <dsp:cNvPr id="0" name=""/>
        <dsp:cNvSpPr/>
      </dsp:nvSpPr>
      <dsp:spPr>
        <a:xfrm>
          <a:off x="7333782" y="26493"/>
          <a:ext cx="832874" cy="333149"/>
        </a:xfrm>
        <a:prstGeom prst="chevron">
          <a:avLst/>
        </a:prstGeom>
        <a:solidFill>
          <a:schemeClr val="accent6"/>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2</a:t>
          </a:r>
        </a:p>
      </dsp:txBody>
      <dsp:txXfrm>
        <a:off x="7500357" y="26493"/>
        <a:ext cx="499725" cy="333149"/>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3228" y="0"/>
          <a:ext cx="2292273" cy="270524"/>
        </a:xfrm>
        <a:prstGeom prst="homePlate">
          <a:avLst/>
        </a:prstGeom>
        <a:gradFill rotWithShape="0">
          <a:gsLst>
            <a:gs pos="0">
              <a:schemeClr val="accent2">
                <a:shade val="50000"/>
                <a:hueOff val="0"/>
                <a:satOff val="0"/>
                <a:lumOff val="0"/>
                <a:alphaOff val="0"/>
                <a:tint val="100000"/>
                <a:shade val="100000"/>
                <a:satMod val="130000"/>
              </a:schemeClr>
            </a:gs>
            <a:gs pos="100000">
              <a:schemeClr val="accent2">
                <a:shade val="50000"/>
                <a:hueOff val="0"/>
                <a:satOff val="0"/>
                <a:lumOff val="0"/>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58674" tIns="29337" rIns="14669" bIns="29337" numCol="1" spcCol="1270" anchor="ctr" anchorCtr="0">
          <a:noAutofit/>
        </a:bodyPr>
        <a:lstStyle/>
        <a:p>
          <a:pPr marL="0" lvl="0" indent="0" algn="ctr" defTabSz="488950">
            <a:lnSpc>
              <a:spcPct val="90000"/>
            </a:lnSpc>
            <a:spcBef>
              <a:spcPct val="0"/>
            </a:spcBef>
            <a:spcAft>
              <a:spcPct val="35000"/>
            </a:spcAft>
            <a:buNone/>
          </a:pPr>
          <a:r>
            <a:rPr lang="en-US" sz="1100" kern="1200" dirty="0"/>
            <a:t>Release 1</a:t>
          </a:r>
        </a:p>
      </dsp:txBody>
      <dsp:txXfrm>
        <a:off x="3228" y="0"/>
        <a:ext cx="2224642" cy="270524"/>
      </dsp:txXfrm>
    </dsp:sp>
    <dsp:sp modelId="{91F73428-6E2C-1848-8C4C-42EAFE35EB4F}">
      <dsp:nvSpPr>
        <dsp:cNvPr id="0" name=""/>
        <dsp:cNvSpPr/>
      </dsp:nvSpPr>
      <dsp:spPr>
        <a:xfrm>
          <a:off x="1837047" y="0"/>
          <a:ext cx="2292273" cy="270524"/>
        </a:xfrm>
        <a:prstGeom prst="chevron">
          <a:avLst/>
        </a:prstGeom>
        <a:gradFill rotWithShape="0">
          <a:gsLst>
            <a:gs pos="0">
              <a:schemeClr val="accent2">
                <a:shade val="50000"/>
                <a:hueOff val="-496555"/>
                <a:satOff val="-44448"/>
                <a:lumOff val="55276"/>
                <a:alphaOff val="0"/>
                <a:tint val="100000"/>
                <a:shade val="100000"/>
                <a:satMod val="130000"/>
              </a:schemeClr>
            </a:gs>
            <a:gs pos="100000">
              <a:schemeClr val="accent2">
                <a:shade val="50000"/>
                <a:hueOff val="-496555"/>
                <a:satOff val="-44448"/>
                <a:lumOff val="55276"/>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4006" tIns="29337" rIns="14669" bIns="29337" numCol="1" spcCol="1270" anchor="ctr" anchorCtr="0">
          <a:noAutofit/>
        </a:bodyPr>
        <a:lstStyle/>
        <a:p>
          <a:pPr marL="0" lvl="0" indent="0" algn="ctr" defTabSz="488950">
            <a:lnSpc>
              <a:spcPct val="90000"/>
            </a:lnSpc>
            <a:spcBef>
              <a:spcPct val="0"/>
            </a:spcBef>
            <a:spcAft>
              <a:spcPct val="35000"/>
            </a:spcAft>
            <a:buNone/>
          </a:pPr>
          <a:r>
            <a:rPr lang="en-US" sz="1100" kern="1200" dirty="0"/>
            <a:t>Release 2 </a:t>
          </a:r>
        </a:p>
      </dsp:txBody>
      <dsp:txXfrm>
        <a:off x="1972309" y="0"/>
        <a:ext cx="2021749" cy="270524"/>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488" y="94029"/>
          <a:ext cx="832874" cy="333149"/>
        </a:xfrm>
        <a:prstGeom prst="homePlate">
          <a:avLst/>
        </a:prstGeom>
        <a:gradFill rotWithShape="0">
          <a:gsLst>
            <a:gs pos="0">
              <a:schemeClr val="accent4">
                <a:alpha val="90000"/>
                <a:hueOff val="0"/>
                <a:satOff val="0"/>
                <a:lumOff val="0"/>
                <a:alphaOff val="0"/>
                <a:tint val="100000"/>
                <a:shade val="100000"/>
                <a:satMod val="130000"/>
              </a:schemeClr>
            </a:gs>
            <a:gs pos="100000">
              <a:schemeClr val="accent4">
                <a:alpha val="90000"/>
                <a:hueOff val="0"/>
                <a:satOff val="0"/>
                <a:lumOff val="0"/>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53340"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a:t>
          </a:r>
        </a:p>
      </dsp:txBody>
      <dsp:txXfrm>
        <a:off x="4488" y="94029"/>
        <a:ext cx="749587" cy="333149"/>
      </dsp:txXfrm>
    </dsp:sp>
    <dsp:sp modelId="{91F73428-6E2C-1848-8C4C-42EAFE35EB4F}">
      <dsp:nvSpPr>
        <dsp:cNvPr id="0" name=""/>
        <dsp:cNvSpPr/>
      </dsp:nvSpPr>
      <dsp:spPr>
        <a:xfrm>
          <a:off x="670787" y="94029"/>
          <a:ext cx="832874" cy="333149"/>
        </a:xfrm>
        <a:prstGeom prst="chevron">
          <a:avLst/>
        </a:prstGeom>
        <a:gradFill rotWithShape="0">
          <a:gsLst>
            <a:gs pos="0">
              <a:schemeClr val="accent4">
                <a:alpha val="90000"/>
                <a:hueOff val="0"/>
                <a:satOff val="0"/>
                <a:lumOff val="0"/>
                <a:alphaOff val="-3636"/>
                <a:tint val="100000"/>
                <a:shade val="100000"/>
                <a:satMod val="130000"/>
              </a:schemeClr>
            </a:gs>
            <a:gs pos="100000">
              <a:schemeClr val="accent4">
                <a:alpha val="90000"/>
                <a:hueOff val="0"/>
                <a:satOff val="0"/>
                <a:lumOff val="0"/>
                <a:alphaOff val="-3636"/>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2 </a:t>
          </a:r>
        </a:p>
      </dsp:txBody>
      <dsp:txXfrm>
        <a:off x="837362" y="94029"/>
        <a:ext cx="499725" cy="333149"/>
      </dsp:txXfrm>
    </dsp:sp>
    <dsp:sp modelId="{47904C27-172E-E045-91F3-8A5A0AC65125}">
      <dsp:nvSpPr>
        <dsp:cNvPr id="0" name=""/>
        <dsp:cNvSpPr/>
      </dsp:nvSpPr>
      <dsp:spPr>
        <a:xfrm>
          <a:off x="1337087" y="94029"/>
          <a:ext cx="832874" cy="333149"/>
        </a:xfrm>
        <a:prstGeom prst="chevron">
          <a:avLst/>
        </a:prstGeom>
        <a:gradFill rotWithShape="0">
          <a:gsLst>
            <a:gs pos="0">
              <a:schemeClr val="accent4">
                <a:alpha val="90000"/>
                <a:hueOff val="0"/>
                <a:satOff val="0"/>
                <a:lumOff val="0"/>
                <a:alphaOff val="-7273"/>
                <a:tint val="100000"/>
                <a:shade val="100000"/>
                <a:satMod val="130000"/>
              </a:schemeClr>
            </a:gs>
            <a:gs pos="100000">
              <a:schemeClr val="accent4">
                <a:alpha val="90000"/>
                <a:hueOff val="0"/>
                <a:satOff val="0"/>
                <a:lumOff val="0"/>
                <a:alphaOff val="-7273"/>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3 </a:t>
          </a:r>
        </a:p>
      </dsp:txBody>
      <dsp:txXfrm>
        <a:off x="1503662" y="94029"/>
        <a:ext cx="499725" cy="333149"/>
      </dsp:txXfrm>
    </dsp:sp>
    <dsp:sp modelId="{E569B5B3-1E70-B741-AAA2-79F249C73546}">
      <dsp:nvSpPr>
        <dsp:cNvPr id="0" name=""/>
        <dsp:cNvSpPr/>
      </dsp:nvSpPr>
      <dsp:spPr>
        <a:xfrm>
          <a:off x="2003386" y="94029"/>
          <a:ext cx="832874" cy="333149"/>
        </a:xfrm>
        <a:prstGeom prst="chevron">
          <a:avLst/>
        </a:prstGeom>
        <a:gradFill rotWithShape="0">
          <a:gsLst>
            <a:gs pos="0">
              <a:schemeClr val="accent4">
                <a:alpha val="90000"/>
                <a:hueOff val="0"/>
                <a:satOff val="0"/>
                <a:lumOff val="0"/>
                <a:alphaOff val="-10909"/>
                <a:tint val="100000"/>
                <a:shade val="100000"/>
                <a:satMod val="130000"/>
              </a:schemeClr>
            </a:gs>
            <a:gs pos="100000">
              <a:schemeClr val="accent4">
                <a:alpha val="90000"/>
                <a:hueOff val="0"/>
                <a:satOff val="0"/>
                <a:lumOff val="0"/>
                <a:alphaOff val="-10909"/>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4 </a:t>
          </a:r>
        </a:p>
      </dsp:txBody>
      <dsp:txXfrm>
        <a:off x="2169961" y="94029"/>
        <a:ext cx="499725" cy="333149"/>
      </dsp:txXfrm>
    </dsp:sp>
    <dsp:sp modelId="{C2359B7F-CB8F-EC42-B4C3-050C16F42CFD}">
      <dsp:nvSpPr>
        <dsp:cNvPr id="0" name=""/>
        <dsp:cNvSpPr/>
      </dsp:nvSpPr>
      <dsp:spPr>
        <a:xfrm>
          <a:off x="2669686" y="94029"/>
          <a:ext cx="832874" cy="333149"/>
        </a:xfrm>
        <a:prstGeom prst="chevron">
          <a:avLst/>
        </a:prstGeom>
        <a:gradFill rotWithShape="0">
          <a:gsLst>
            <a:gs pos="0">
              <a:schemeClr val="accent4">
                <a:alpha val="90000"/>
                <a:hueOff val="0"/>
                <a:satOff val="0"/>
                <a:lumOff val="0"/>
                <a:alphaOff val="-14545"/>
                <a:tint val="100000"/>
                <a:shade val="100000"/>
                <a:satMod val="130000"/>
              </a:schemeClr>
            </a:gs>
            <a:gs pos="100000">
              <a:schemeClr val="accent4">
                <a:alpha val="90000"/>
                <a:hueOff val="0"/>
                <a:satOff val="0"/>
                <a:lumOff val="0"/>
                <a:alphaOff val="-14545"/>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5</a:t>
          </a:r>
        </a:p>
      </dsp:txBody>
      <dsp:txXfrm>
        <a:off x="2836261" y="94029"/>
        <a:ext cx="499725" cy="333149"/>
      </dsp:txXfrm>
    </dsp:sp>
    <dsp:sp modelId="{7F02DCD0-1033-D447-9CA9-3DA883DF1990}">
      <dsp:nvSpPr>
        <dsp:cNvPr id="0" name=""/>
        <dsp:cNvSpPr/>
      </dsp:nvSpPr>
      <dsp:spPr>
        <a:xfrm>
          <a:off x="3335985" y="94029"/>
          <a:ext cx="832874" cy="333149"/>
        </a:xfrm>
        <a:prstGeom prst="chevron">
          <a:avLst/>
        </a:prstGeom>
        <a:gradFill rotWithShape="0">
          <a:gsLst>
            <a:gs pos="0">
              <a:schemeClr val="accent4">
                <a:alpha val="90000"/>
                <a:hueOff val="0"/>
                <a:satOff val="0"/>
                <a:lumOff val="0"/>
                <a:alphaOff val="-18182"/>
                <a:tint val="100000"/>
                <a:shade val="100000"/>
                <a:satMod val="130000"/>
              </a:schemeClr>
            </a:gs>
            <a:gs pos="100000">
              <a:schemeClr val="accent4">
                <a:alpha val="90000"/>
                <a:hueOff val="0"/>
                <a:satOff val="0"/>
                <a:lumOff val="0"/>
                <a:alphaOff val="-18182"/>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6</a:t>
          </a:r>
        </a:p>
      </dsp:txBody>
      <dsp:txXfrm>
        <a:off x="3502560" y="94029"/>
        <a:ext cx="499725" cy="333149"/>
      </dsp:txXfrm>
    </dsp:sp>
    <dsp:sp modelId="{83154A96-9DD8-B74C-85EB-5A9EE8918262}">
      <dsp:nvSpPr>
        <dsp:cNvPr id="0" name=""/>
        <dsp:cNvSpPr/>
      </dsp:nvSpPr>
      <dsp:spPr>
        <a:xfrm>
          <a:off x="4002285" y="94029"/>
          <a:ext cx="832874" cy="333149"/>
        </a:xfrm>
        <a:prstGeom prst="chevron">
          <a:avLst/>
        </a:prstGeom>
        <a:gradFill rotWithShape="0">
          <a:gsLst>
            <a:gs pos="0">
              <a:schemeClr val="accent4">
                <a:alpha val="90000"/>
                <a:hueOff val="0"/>
                <a:satOff val="0"/>
                <a:lumOff val="0"/>
                <a:alphaOff val="-21818"/>
                <a:tint val="100000"/>
                <a:shade val="100000"/>
                <a:satMod val="130000"/>
              </a:schemeClr>
            </a:gs>
            <a:gs pos="100000">
              <a:schemeClr val="accent4">
                <a:alpha val="90000"/>
                <a:hueOff val="0"/>
                <a:satOff val="0"/>
                <a:lumOff val="0"/>
                <a:alphaOff val="-21818"/>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7</a:t>
          </a:r>
        </a:p>
      </dsp:txBody>
      <dsp:txXfrm>
        <a:off x="4168860" y="94029"/>
        <a:ext cx="499725" cy="333149"/>
      </dsp:txXfrm>
    </dsp:sp>
    <dsp:sp modelId="{AB78FE09-DB85-3D44-BEB2-B271C5B807E0}">
      <dsp:nvSpPr>
        <dsp:cNvPr id="0" name=""/>
        <dsp:cNvSpPr/>
      </dsp:nvSpPr>
      <dsp:spPr>
        <a:xfrm>
          <a:off x="4668584" y="94029"/>
          <a:ext cx="832874" cy="333149"/>
        </a:xfrm>
        <a:prstGeom prst="chevron">
          <a:avLst/>
        </a:prstGeom>
        <a:gradFill rotWithShape="0">
          <a:gsLst>
            <a:gs pos="0">
              <a:schemeClr val="accent4">
                <a:alpha val="90000"/>
                <a:hueOff val="0"/>
                <a:satOff val="0"/>
                <a:lumOff val="0"/>
                <a:alphaOff val="-25455"/>
                <a:tint val="100000"/>
                <a:shade val="100000"/>
                <a:satMod val="130000"/>
              </a:schemeClr>
            </a:gs>
            <a:gs pos="100000">
              <a:schemeClr val="accent4">
                <a:alpha val="90000"/>
                <a:hueOff val="0"/>
                <a:satOff val="0"/>
                <a:lumOff val="0"/>
                <a:alphaOff val="-25455"/>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8</a:t>
          </a:r>
        </a:p>
      </dsp:txBody>
      <dsp:txXfrm>
        <a:off x="4835159" y="94029"/>
        <a:ext cx="499725" cy="333149"/>
      </dsp:txXfrm>
    </dsp:sp>
    <dsp:sp modelId="{B504BB1E-0653-6843-9F8F-CEACB35BAC88}">
      <dsp:nvSpPr>
        <dsp:cNvPr id="0" name=""/>
        <dsp:cNvSpPr/>
      </dsp:nvSpPr>
      <dsp:spPr>
        <a:xfrm>
          <a:off x="5334883" y="94029"/>
          <a:ext cx="832874" cy="333149"/>
        </a:xfrm>
        <a:prstGeom prst="chevron">
          <a:avLst/>
        </a:prstGeom>
        <a:gradFill rotWithShape="0">
          <a:gsLst>
            <a:gs pos="0">
              <a:schemeClr val="accent4">
                <a:alpha val="90000"/>
                <a:hueOff val="0"/>
                <a:satOff val="0"/>
                <a:lumOff val="0"/>
                <a:alphaOff val="-29091"/>
                <a:tint val="100000"/>
                <a:shade val="100000"/>
                <a:satMod val="130000"/>
              </a:schemeClr>
            </a:gs>
            <a:gs pos="100000">
              <a:schemeClr val="accent4">
                <a:alpha val="90000"/>
                <a:hueOff val="0"/>
                <a:satOff val="0"/>
                <a:lumOff val="0"/>
                <a:alphaOff val="-29091"/>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9</a:t>
          </a:r>
        </a:p>
      </dsp:txBody>
      <dsp:txXfrm>
        <a:off x="5501458" y="94029"/>
        <a:ext cx="499725" cy="333149"/>
      </dsp:txXfrm>
    </dsp:sp>
    <dsp:sp modelId="{BB6E7E5B-38D0-734F-ADEE-B01CFC8F1C00}">
      <dsp:nvSpPr>
        <dsp:cNvPr id="0" name=""/>
        <dsp:cNvSpPr/>
      </dsp:nvSpPr>
      <dsp:spPr>
        <a:xfrm>
          <a:off x="6001183" y="94029"/>
          <a:ext cx="832874" cy="333149"/>
        </a:xfrm>
        <a:prstGeom prst="chevron">
          <a:avLst/>
        </a:prstGeom>
        <a:gradFill rotWithShape="0">
          <a:gsLst>
            <a:gs pos="0">
              <a:schemeClr val="accent4">
                <a:alpha val="90000"/>
                <a:hueOff val="0"/>
                <a:satOff val="0"/>
                <a:lumOff val="0"/>
                <a:alphaOff val="-32727"/>
                <a:tint val="100000"/>
                <a:shade val="100000"/>
                <a:satMod val="130000"/>
              </a:schemeClr>
            </a:gs>
            <a:gs pos="100000">
              <a:schemeClr val="accent4">
                <a:alpha val="90000"/>
                <a:hueOff val="0"/>
                <a:satOff val="0"/>
                <a:lumOff val="0"/>
                <a:alphaOff val="-32727"/>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0</a:t>
          </a:r>
        </a:p>
      </dsp:txBody>
      <dsp:txXfrm>
        <a:off x="6167758" y="94029"/>
        <a:ext cx="499725" cy="333149"/>
      </dsp:txXfrm>
    </dsp:sp>
    <dsp:sp modelId="{45FF2AAE-E4F9-1846-BDA0-0BBA049F3E35}">
      <dsp:nvSpPr>
        <dsp:cNvPr id="0" name=""/>
        <dsp:cNvSpPr/>
      </dsp:nvSpPr>
      <dsp:spPr>
        <a:xfrm>
          <a:off x="6667482" y="94029"/>
          <a:ext cx="832874" cy="333149"/>
        </a:xfrm>
        <a:prstGeom prst="chevron">
          <a:avLst/>
        </a:prstGeom>
        <a:gradFill rotWithShape="0">
          <a:gsLst>
            <a:gs pos="0">
              <a:schemeClr val="accent4">
                <a:alpha val="90000"/>
                <a:hueOff val="0"/>
                <a:satOff val="0"/>
                <a:lumOff val="0"/>
                <a:alphaOff val="-36364"/>
                <a:tint val="100000"/>
                <a:shade val="100000"/>
                <a:satMod val="130000"/>
              </a:schemeClr>
            </a:gs>
            <a:gs pos="100000">
              <a:schemeClr val="accent4">
                <a:alpha val="90000"/>
                <a:hueOff val="0"/>
                <a:satOff val="0"/>
                <a:lumOff val="0"/>
                <a:alphaOff val="-36364"/>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1</a:t>
          </a:r>
        </a:p>
      </dsp:txBody>
      <dsp:txXfrm>
        <a:off x="6834057" y="94029"/>
        <a:ext cx="499725" cy="333149"/>
      </dsp:txXfrm>
    </dsp:sp>
    <dsp:sp modelId="{1B83875F-83A0-6F40-958B-283950257C57}">
      <dsp:nvSpPr>
        <dsp:cNvPr id="0" name=""/>
        <dsp:cNvSpPr/>
      </dsp:nvSpPr>
      <dsp:spPr>
        <a:xfrm>
          <a:off x="7333782" y="94029"/>
          <a:ext cx="832874" cy="333149"/>
        </a:xfrm>
        <a:prstGeom prst="chevron">
          <a:avLst/>
        </a:prstGeom>
        <a:gradFill rotWithShape="0">
          <a:gsLst>
            <a:gs pos="0">
              <a:schemeClr val="accent4">
                <a:alpha val="90000"/>
                <a:hueOff val="0"/>
                <a:satOff val="0"/>
                <a:lumOff val="0"/>
                <a:alphaOff val="-40000"/>
                <a:tint val="100000"/>
                <a:shade val="100000"/>
                <a:satMod val="130000"/>
              </a:schemeClr>
            </a:gs>
            <a:gs pos="100000">
              <a:schemeClr val="accent4">
                <a:alpha val="90000"/>
                <a:hueOff val="0"/>
                <a:satOff val="0"/>
                <a:lumOff val="0"/>
                <a:alphaOff val="-4000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2</a:t>
          </a:r>
        </a:p>
      </dsp:txBody>
      <dsp:txXfrm>
        <a:off x="7500357" y="94029"/>
        <a:ext cx="499725" cy="333149"/>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2393" y="0"/>
          <a:ext cx="2401869" cy="250521"/>
        </a:xfrm>
        <a:prstGeom prst="homePlate">
          <a:avLst/>
        </a:prstGeom>
        <a:gradFill rotWithShape="0">
          <a:gsLst>
            <a:gs pos="0">
              <a:schemeClr val="accent2">
                <a:shade val="80000"/>
                <a:hueOff val="0"/>
                <a:satOff val="0"/>
                <a:lumOff val="0"/>
                <a:alphaOff val="0"/>
                <a:tint val="100000"/>
                <a:shade val="100000"/>
                <a:satMod val="130000"/>
              </a:schemeClr>
            </a:gs>
            <a:gs pos="100000">
              <a:schemeClr val="accent2">
                <a:shade val="80000"/>
                <a:hueOff val="0"/>
                <a:satOff val="0"/>
                <a:lumOff val="0"/>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64008" tIns="32004" rIns="16002" bIns="32004" numCol="1" spcCol="1270" anchor="ctr" anchorCtr="0">
          <a:noAutofit/>
        </a:bodyPr>
        <a:lstStyle/>
        <a:p>
          <a:pPr marL="0" lvl="0" indent="0" algn="ctr" defTabSz="533400">
            <a:lnSpc>
              <a:spcPct val="90000"/>
            </a:lnSpc>
            <a:spcBef>
              <a:spcPct val="0"/>
            </a:spcBef>
            <a:spcAft>
              <a:spcPct val="35000"/>
            </a:spcAft>
            <a:buNone/>
          </a:pPr>
          <a:r>
            <a:rPr lang="en-US" sz="1200" kern="1200" dirty="0"/>
            <a:t>Release 1</a:t>
          </a:r>
        </a:p>
      </dsp:txBody>
      <dsp:txXfrm>
        <a:off x="2393" y="0"/>
        <a:ext cx="2339239" cy="250521"/>
      </dsp:txXfrm>
    </dsp:sp>
    <dsp:sp modelId="{91F73428-6E2C-1848-8C4C-42EAFE35EB4F}">
      <dsp:nvSpPr>
        <dsp:cNvPr id="0" name=""/>
        <dsp:cNvSpPr/>
      </dsp:nvSpPr>
      <dsp:spPr>
        <a:xfrm>
          <a:off x="1923889" y="0"/>
          <a:ext cx="2401869" cy="250521"/>
        </a:xfrm>
        <a:prstGeom prst="chevron">
          <a:avLst/>
        </a:prstGeom>
        <a:gradFill rotWithShape="0">
          <a:gsLst>
            <a:gs pos="0">
              <a:schemeClr val="accent2">
                <a:shade val="80000"/>
                <a:hueOff val="-142332"/>
                <a:satOff val="-13128"/>
                <a:lumOff val="11453"/>
                <a:alphaOff val="0"/>
                <a:tint val="100000"/>
                <a:shade val="100000"/>
                <a:satMod val="130000"/>
              </a:schemeClr>
            </a:gs>
            <a:gs pos="100000">
              <a:schemeClr val="accent2">
                <a:shade val="80000"/>
                <a:hueOff val="-142332"/>
                <a:satOff val="-13128"/>
                <a:lumOff val="11453"/>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8006" tIns="32004" rIns="16002" bIns="32004" numCol="1" spcCol="1270" anchor="ctr" anchorCtr="0">
          <a:noAutofit/>
        </a:bodyPr>
        <a:lstStyle/>
        <a:p>
          <a:pPr marL="0" lvl="0" indent="0" algn="ctr" defTabSz="533400">
            <a:lnSpc>
              <a:spcPct val="90000"/>
            </a:lnSpc>
            <a:spcBef>
              <a:spcPct val="0"/>
            </a:spcBef>
            <a:spcAft>
              <a:spcPct val="35000"/>
            </a:spcAft>
            <a:buNone/>
          </a:pPr>
          <a:r>
            <a:rPr lang="en-US" sz="1200" kern="1200" dirty="0"/>
            <a:t>Release 2 </a:t>
          </a:r>
        </a:p>
      </dsp:txBody>
      <dsp:txXfrm>
        <a:off x="2049150" y="0"/>
        <a:ext cx="2151348" cy="250521"/>
      </dsp:txXfrm>
    </dsp:sp>
    <dsp:sp modelId="{47904C27-172E-E045-91F3-8A5A0AC65125}">
      <dsp:nvSpPr>
        <dsp:cNvPr id="0" name=""/>
        <dsp:cNvSpPr/>
      </dsp:nvSpPr>
      <dsp:spPr>
        <a:xfrm>
          <a:off x="3845385" y="0"/>
          <a:ext cx="2401869" cy="250521"/>
        </a:xfrm>
        <a:prstGeom prst="chevron">
          <a:avLst/>
        </a:prstGeom>
        <a:gradFill rotWithShape="0">
          <a:gsLst>
            <a:gs pos="0">
              <a:schemeClr val="accent2">
                <a:shade val="80000"/>
                <a:hueOff val="-284664"/>
                <a:satOff val="-26255"/>
                <a:lumOff val="22906"/>
                <a:alphaOff val="0"/>
                <a:tint val="100000"/>
                <a:shade val="100000"/>
                <a:satMod val="130000"/>
              </a:schemeClr>
            </a:gs>
            <a:gs pos="100000">
              <a:schemeClr val="accent2">
                <a:shade val="80000"/>
                <a:hueOff val="-284664"/>
                <a:satOff val="-26255"/>
                <a:lumOff val="22906"/>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8006" tIns="32004" rIns="16002" bIns="32004" numCol="1" spcCol="1270" anchor="ctr" anchorCtr="0">
          <a:noAutofit/>
        </a:bodyPr>
        <a:lstStyle/>
        <a:p>
          <a:pPr marL="0" lvl="0" indent="0" algn="ctr" defTabSz="533400">
            <a:lnSpc>
              <a:spcPct val="90000"/>
            </a:lnSpc>
            <a:spcBef>
              <a:spcPct val="0"/>
            </a:spcBef>
            <a:spcAft>
              <a:spcPct val="35000"/>
            </a:spcAft>
            <a:buNone/>
          </a:pPr>
          <a:r>
            <a:rPr lang="en-US" sz="1200" kern="1200" dirty="0"/>
            <a:t>Release 3 </a:t>
          </a:r>
        </a:p>
      </dsp:txBody>
      <dsp:txXfrm>
        <a:off x="3970646" y="0"/>
        <a:ext cx="2151348" cy="250521"/>
      </dsp:txXfrm>
    </dsp:sp>
    <dsp:sp modelId="{E569B5B3-1E70-B741-AAA2-79F249C73546}">
      <dsp:nvSpPr>
        <dsp:cNvPr id="0" name=""/>
        <dsp:cNvSpPr/>
      </dsp:nvSpPr>
      <dsp:spPr>
        <a:xfrm>
          <a:off x="5766881" y="0"/>
          <a:ext cx="2401869" cy="250521"/>
        </a:xfrm>
        <a:prstGeom prst="chevron">
          <a:avLst/>
        </a:prstGeom>
        <a:gradFill rotWithShape="0">
          <a:gsLst>
            <a:gs pos="0">
              <a:schemeClr val="accent2">
                <a:shade val="80000"/>
                <a:hueOff val="-426996"/>
                <a:satOff val="-39383"/>
                <a:lumOff val="34359"/>
                <a:alphaOff val="0"/>
                <a:tint val="100000"/>
                <a:shade val="100000"/>
                <a:satMod val="130000"/>
              </a:schemeClr>
            </a:gs>
            <a:gs pos="100000">
              <a:schemeClr val="accent2">
                <a:shade val="80000"/>
                <a:hueOff val="-426996"/>
                <a:satOff val="-39383"/>
                <a:lumOff val="34359"/>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8006" tIns="32004" rIns="16002" bIns="32004" numCol="1" spcCol="1270" anchor="ctr" anchorCtr="0">
          <a:noAutofit/>
        </a:bodyPr>
        <a:lstStyle/>
        <a:p>
          <a:pPr marL="0" lvl="0" indent="0" algn="ctr" defTabSz="533400">
            <a:lnSpc>
              <a:spcPct val="90000"/>
            </a:lnSpc>
            <a:spcBef>
              <a:spcPct val="0"/>
            </a:spcBef>
            <a:spcAft>
              <a:spcPct val="35000"/>
            </a:spcAft>
            <a:buNone/>
          </a:pPr>
          <a:r>
            <a:rPr lang="en-US" sz="1200" kern="1200" dirty="0"/>
            <a:t>Release 4 </a:t>
          </a:r>
        </a:p>
      </dsp:txBody>
      <dsp:txXfrm>
        <a:off x="5892142" y="0"/>
        <a:ext cx="2151348" cy="250521"/>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0" y="0"/>
          <a:ext cx="2404865" cy="246888"/>
        </a:xfrm>
        <a:prstGeom prst="homePlate">
          <a:avLst/>
        </a:prstGeom>
        <a:gradFill rotWithShape="0">
          <a:gsLst>
            <a:gs pos="0">
              <a:schemeClr val="accent2">
                <a:shade val="50000"/>
                <a:hueOff val="0"/>
                <a:satOff val="0"/>
                <a:lumOff val="0"/>
                <a:alphaOff val="0"/>
                <a:tint val="100000"/>
                <a:shade val="100000"/>
                <a:satMod val="130000"/>
              </a:schemeClr>
            </a:gs>
            <a:gs pos="100000">
              <a:schemeClr val="accent2">
                <a:shade val="50000"/>
                <a:hueOff val="0"/>
                <a:satOff val="0"/>
                <a:lumOff val="0"/>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58674" tIns="29337" rIns="14669" bIns="29337" numCol="1" spcCol="1270" anchor="ctr" anchorCtr="0">
          <a:noAutofit/>
        </a:bodyPr>
        <a:lstStyle/>
        <a:p>
          <a:pPr marL="0" lvl="0" indent="0" algn="ctr" defTabSz="488950">
            <a:lnSpc>
              <a:spcPct val="90000"/>
            </a:lnSpc>
            <a:spcBef>
              <a:spcPct val="0"/>
            </a:spcBef>
            <a:spcAft>
              <a:spcPct val="35000"/>
            </a:spcAft>
            <a:buNone/>
          </a:pPr>
          <a:r>
            <a:rPr lang="en-US" sz="1100" kern="1200" dirty="0"/>
            <a:t>Release 1</a:t>
          </a:r>
        </a:p>
      </dsp:txBody>
      <dsp:txXfrm>
        <a:off x="0" y="0"/>
        <a:ext cx="2343143" cy="246888"/>
      </dsp:txXfrm>
    </dsp:sp>
    <dsp:sp modelId="{91F73428-6E2C-1848-8C4C-42EAFE35EB4F}">
      <dsp:nvSpPr>
        <dsp:cNvPr id="0" name=""/>
        <dsp:cNvSpPr/>
      </dsp:nvSpPr>
      <dsp:spPr>
        <a:xfrm>
          <a:off x="1973249" y="0"/>
          <a:ext cx="2159095" cy="246888"/>
        </a:xfrm>
        <a:prstGeom prst="chevron">
          <a:avLst/>
        </a:prstGeom>
        <a:gradFill rotWithShape="0">
          <a:gsLst>
            <a:gs pos="0">
              <a:schemeClr val="accent2">
                <a:shade val="50000"/>
                <a:hueOff val="-496555"/>
                <a:satOff val="-44448"/>
                <a:lumOff val="55276"/>
                <a:alphaOff val="0"/>
                <a:tint val="100000"/>
                <a:shade val="100000"/>
                <a:satMod val="130000"/>
              </a:schemeClr>
            </a:gs>
            <a:gs pos="100000">
              <a:schemeClr val="accent2">
                <a:shade val="50000"/>
                <a:hueOff val="-496555"/>
                <a:satOff val="-44448"/>
                <a:lumOff val="55276"/>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4006" tIns="29337" rIns="14669" bIns="29337" numCol="1" spcCol="1270" anchor="ctr" anchorCtr="0">
          <a:noAutofit/>
        </a:bodyPr>
        <a:lstStyle/>
        <a:p>
          <a:pPr marL="0" lvl="0" indent="0" algn="ctr" defTabSz="488950">
            <a:lnSpc>
              <a:spcPct val="90000"/>
            </a:lnSpc>
            <a:spcBef>
              <a:spcPct val="0"/>
            </a:spcBef>
            <a:spcAft>
              <a:spcPct val="35000"/>
            </a:spcAft>
            <a:buNone/>
          </a:pPr>
          <a:r>
            <a:rPr lang="en-US" sz="1100" kern="1200" dirty="0"/>
            <a:t>Release 2 </a:t>
          </a:r>
        </a:p>
      </dsp:txBody>
      <dsp:txXfrm>
        <a:off x="2096693" y="0"/>
        <a:ext cx="1912207" cy="246888"/>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488" y="94029"/>
          <a:ext cx="832874" cy="333149"/>
        </a:xfrm>
        <a:prstGeom prst="homePlate">
          <a:avLst/>
        </a:prstGeom>
        <a:gradFill rotWithShape="0">
          <a:gsLst>
            <a:gs pos="0">
              <a:schemeClr val="accent4">
                <a:alpha val="90000"/>
                <a:hueOff val="0"/>
                <a:satOff val="0"/>
                <a:lumOff val="0"/>
                <a:alphaOff val="0"/>
                <a:tint val="100000"/>
                <a:shade val="100000"/>
                <a:satMod val="130000"/>
              </a:schemeClr>
            </a:gs>
            <a:gs pos="100000">
              <a:schemeClr val="accent4">
                <a:alpha val="90000"/>
                <a:hueOff val="0"/>
                <a:satOff val="0"/>
                <a:lumOff val="0"/>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53340"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a:t>
          </a:r>
        </a:p>
      </dsp:txBody>
      <dsp:txXfrm>
        <a:off x="4488" y="94029"/>
        <a:ext cx="749587" cy="333149"/>
      </dsp:txXfrm>
    </dsp:sp>
    <dsp:sp modelId="{91F73428-6E2C-1848-8C4C-42EAFE35EB4F}">
      <dsp:nvSpPr>
        <dsp:cNvPr id="0" name=""/>
        <dsp:cNvSpPr/>
      </dsp:nvSpPr>
      <dsp:spPr>
        <a:xfrm>
          <a:off x="670787" y="94029"/>
          <a:ext cx="832874" cy="333149"/>
        </a:xfrm>
        <a:prstGeom prst="chevron">
          <a:avLst/>
        </a:prstGeom>
        <a:gradFill rotWithShape="0">
          <a:gsLst>
            <a:gs pos="0">
              <a:schemeClr val="accent4">
                <a:alpha val="90000"/>
                <a:hueOff val="0"/>
                <a:satOff val="0"/>
                <a:lumOff val="0"/>
                <a:alphaOff val="-3636"/>
                <a:tint val="100000"/>
                <a:shade val="100000"/>
                <a:satMod val="130000"/>
              </a:schemeClr>
            </a:gs>
            <a:gs pos="100000">
              <a:schemeClr val="accent4">
                <a:alpha val="90000"/>
                <a:hueOff val="0"/>
                <a:satOff val="0"/>
                <a:lumOff val="0"/>
                <a:alphaOff val="-3636"/>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2 </a:t>
          </a:r>
        </a:p>
      </dsp:txBody>
      <dsp:txXfrm>
        <a:off x="837362" y="94029"/>
        <a:ext cx="499725" cy="333149"/>
      </dsp:txXfrm>
    </dsp:sp>
    <dsp:sp modelId="{47904C27-172E-E045-91F3-8A5A0AC65125}">
      <dsp:nvSpPr>
        <dsp:cNvPr id="0" name=""/>
        <dsp:cNvSpPr/>
      </dsp:nvSpPr>
      <dsp:spPr>
        <a:xfrm>
          <a:off x="1337087" y="94029"/>
          <a:ext cx="832874" cy="333149"/>
        </a:xfrm>
        <a:prstGeom prst="chevron">
          <a:avLst/>
        </a:prstGeom>
        <a:gradFill rotWithShape="0">
          <a:gsLst>
            <a:gs pos="0">
              <a:schemeClr val="accent4">
                <a:alpha val="90000"/>
                <a:hueOff val="0"/>
                <a:satOff val="0"/>
                <a:lumOff val="0"/>
                <a:alphaOff val="-7273"/>
                <a:tint val="100000"/>
                <a:shade val="100000"/>
                <a:satMod val="130000"/>
              </a:schemeClr>
            </a:gs>
            <a:gs pos="100000">
              <a:schemeClr val="accent4">
                <a:alpha val="90000"/>
                <a:hueOff val="0"/>
                <a:satOff val="0"/>
                <a:lumOff val="0"/>
                <a:alphaOff val="-7273"/>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3 </a:t>
          </a:r>
        </a:p>
      </dsp:txBody>
      <dsp:txXfrm>
        <a:off x="1503662" y="94029"/>
        <a:ext cx="499725" cy="333149"/>
      </dsp:txXfrm>
    </dsp:sp>
    <dsp:sp modelId="{E569B5B3-1E70-B741-AAA2-79F249C73546}">
      <dsp:nvSpPr>
        <dsp:cNvPr id="0" name=""/>
        <dsp:cNvSpPr/>
      </dsp:nvSpPr>
      <dsp:spPr>
        <a:xfrm>
          <a:off x="2003386" y="94029"/>
          <a:ext cx="832874" cy="333149"/>
        </a:xfrm>
        <a:prstGeom prst="chevron">
          <a:avLst/>
        </a:prstGeom>
        <a:gradFill rotWithShape="0">
          <a:gsLst>
            <a:gs pos="0">
              <a:schemeClr val="accent4">
                <a:alpha val="90000"/>
                <a:hueOff val="0"/>
                <a:satOff val="0"/>
                <a:lumOff val="0"/>
                <a:alphaOff val="-10909"/>
                <a:tint val="100000"/>
                <a:shade val="100000"/>
                <a:satMod val="130000"/>
              </a:schemeClr>
            </a:gs>
            <a:gs pos="100000">
              <a:schemeClr val="accent4">
                <a:alpha val="90000"/>
                <a:hueOff val="0"/>
                <a:satOff val="0"/>
                <a:lumOff val="0"/>
                <a:alphaOff val="-10909"/>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4 </a:t>
          </a:r>
        </a:p>
      </dsp:txBody>
      <dsp:txXfrm>
        <a:off x="2169961" y="94029"/>
        <a:ext cx="499725" cy="333149"/>
      </dsp:txXfrm>
    </dsp:sp>
    <dsp:sp modelId="{C2359B7F-CB8F-EC42-B4C3-050C16F42CFD}">
      <dsp:nvSpPr>
        <dsp:cNvPr id="0" name=""/>
        <dsp:cNvSpPr/>
      </dsp:nvSpPr>
      <dsp:spPr>
        <a:xfrm>
          <a:off x="2669686" y="94029"/>
          <a:ext cx="832874" cy="333149"/>
        </a:xfrm>
        <a:prstGeom prst="chevron">
          <a:avLst/>
        </a:prstGeom>
        <a:gradFill rotWithShape="0">
          <a:gsLst>
            <a:gs pos="0">
              <a:schemeClr val="accent4">
                <a:alpha val="90000"/>
                <a:hueOff val="0"/>
                <a:satOff val="0"/>
                <a:lumOff val="0"/>
                <a:alphaOff val="-14545"/>
                <a:tint val="100000"/>
                <a:shade val="100000"/>
                <a:satMod val="130000"/>
              </a:schemeClr>
            </a:gs>
            <a:gs pos="100000">
              <a:schemeClr val="accent4">
                <a:alpha val="90000"/>
                <a:hueOff val="0"/>
                <a:satOff val="0"/>
                <a:lumOff val="0"/>
                <a:alphaOff val="-14545"/>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5</a:t>
          </a:r>
        </a:p>
      </dsp:txBody>
      <dsp:txXfrm>
        <a:off x="2836261" y="94029"/>
        <a:ext cx="499725" cy="333149"/>
      </dsp:txXfrm>
    </dsp:sp>
    <dsp:sp modelId="{7F02DCD0-1033-D447-9CA9-3DA883DF1990}">
      <dsp:nvSpPr>
        <dsp:cNvPr id="0" name=""/>
        <dsp:cNvSpPr/>
      </dsp:nvSpPr>
      <dsp:spPr>
        <a:xfrm>
          <a:off x="3335985" y="94029"/>
          <a:ext cx="832874" cy="333149"/>
        </a:xfrm>
        <a:prstGeom prst="chevron">
          <a:avLst/>
        </a:prstGeom>
        <a:gradFill rotWithShape="0">
          <a:gsLst>
            <a:gs pos="0">
              <a:schemeClr val="accent4">
                <a:alpha val="90000"/>
                <a:hueOff val="0"/>
                <a:satOff val="0"/>
                <a:lumOff val="0"/>
                <a:alphaOff val="-18182"/>
                <a:tint val="100000"/>
                <a:shade val="100000"/>
                <a:satMod val="130000"/>
              </a:schemeClr>
            </a:gs>
            <a:gs pos="100000">
              <a:schemeClr val="accent4">
                <a:alpha val="90000"/>
                <a:hueOff val="0"/>
                <a:satOff val="0"/>
                <a:lumOff val="0"/>
                <a:alphaOff val="-18182"/>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6</a:t>
          </a:r>
        </a:p>
      </dsp:txBody>
      <dsp:txXfrm>
        <a:off x="3502560" y="94029"/>
        <a:ext cx="499725" cy="333149"/>
      </dsp:txXfrm>
    </dsp:sp>
    <dsp:sp modelId="{83154A96-9DD8-B74C-85EB-5A9EE8918262}">
      <dsp:nvSpPr>
        <dsp:cNvPr id="0" name=""/>
        <dsp:cNvSpPr/>
      </dsp:nvSpPr>
      <dsp:spPr>
        <a:xfrm>
          <a:off x="4002285"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7</a:t>
          </a:r>
        </a:p>
      </dsp:txBody>
      <dsp:txXfrm>
        <a:off x="4168860" y="94029"/>
        <a:ext cx="499725" cy="333149"/>
      </dsp:txXfrm>
    </dsp:sp>
    <dsp:sp modelId="{AB78FE09-DB85-3D44-BEB2-B271C5B807E0}">
      <dsp:nvSpPr>
        <dsp:cNvPr id="0" name=""/>
        <dsp:cNvSpPr/>
      </dsp:nvSpPr>
      <dsp:spPr>
        <a:xfrm>
          <a:off x="4668584"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8</a:t>
          </a:r>
        </a:p>
      </dsp:txBody>
      <dsp:txXfrm>
        <a:off x="4835159" y="94029"/>
        <a:ext cx="499725" cy="333149"/>
      </dsp:txXfrm>
    </dsp:sp>
    <dsp:sp modelId="{B504BB1E-0653-6843-9F8F-CEACB35BAC88}">
      <dsp:nvSpPr>
        <dsp:cNvPr id="0" name=""/>
        <dsp:cNvSpPr/>
      </dsp:nvSpPr>
      <dsp:spPr>
        <a:xfrm>
          <a:off x="5334883"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9</a:t>
          </a:r>
        </a:p>
      </dsp:txBody>
      <dsp:txXfrm>
        <a:off x="5501458" y="94029"/>
        <a:ext cx="499725" cy="333149"/>
      </dsp:txXfrm>
    </dsp:sp>
    <dsp:sp modelId="{BB6E7E5B-38D0-734F-ADEE-B01CFC8F1C00}">
      <dsp:nvSpPr>
        <dsp:cNvPr id="0" name=""/>
        <dsp:cNvSpPr/>
      </dsp:nvSpPr>
      <dsp:spPr>
        <a:xfrm>
          <a:off x="6001183"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0</a:t>
          </a:r>
        </a:p>
      </dsp:txBody>
      <dsp:txXfrm>
        <a:off x="6167758" y="94029"/>
        <a:ext cx="499725" cy="333149"/>
      </dsp:txXfrm>
    </dsp:sp>
    <dsp:sp modelId="{45FF2AAE-E4F9-1846-BDA0-0BBA049F3E35}">
      <dsp:nvSpPr>
        <dsp:cNvPr id="0" name=""/>
        <dsp:cNvSpPr/>
      </dsp:nvSpPr>
      <dsp:spPr>
        <a:xfrm>
          <a:off x="6667482"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1</a:t>
          </a:r>
        </a:p>
      </dsp:txBody>
      <dsp:txXfrm>
        <a:off x="6834057" y="94029"/>
        <a:ext cx="499725" cy="333149"/>
      </dsp:txXfrm>
    </dsp:sp>
    <dsp:sp modelId="{1B83875F-83A0-6F40-958B-283950257C57}">
      <dsp:nvSpPr>
        <dsp:cNvPr id="0" name=""/>
        <dsp:cNvSpPr/>
      </dsp:nvSpPr>
      <dsp:spPr>
        <a:xfrm>
          <a:off x="7333782" y="94029"/>
          <a:ext cx="832874" cy="333149"/>
        </a:xfrm>
        <a:prstGeom prst="chevron">
          <a:avLst/>
        </a:prstGeom>
        <a:solidFill>
          <a:schemeClr val="bg1">
            <a:lumMod val="8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40005" tIns="26670" rIns="13335" bIns="26670" numCol="1" spcCol="1270" anchor="ctr" anchorCtr="0">
          <a:noAutofit/>
        </a:bodyPr>
        <a:lstStyle/>
        <a:p>
          <a:pPr marL="0" lvl="0" indent="0" algn="ctr" defTabSz="444500">
            <a:lnSpc>
              <a:spcPct val="90000"/>
            </a:lnSpc>
            <a:spcBef>
              <a:spcPct val="0"/>
            </a:spcBef>
            <a:spcAft>
              <a:spcPct val="35000"/>
            </a:spcAft>
            <a:buNone/>
          </a:pPr>
          <a:r>
            <a:rPr lang="en-US" sz="1000" kern="1200" dirty="0"/>
            <a:t>Month 12</a:t>
          </a:r>
        </a:p>
      </dsp:txBody>
      <dsp:txXfrm>
        <a:off x="7500357" y="94029"/>
        <a:ext cx="499725" cy="333149"/>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B98E2E4-7E61-BF45-9002-438D1AD64EC9}">
      <dsp:nvSpPr>
        <dsp:cNvPr id="0" name=""/>
        <dsp:cNvSpPr/>
      </dsp:nvSpPr>
      <dsp:spPr>
        <a:xfrm>
          <a:off x="429" y="334813"/>
          <a:ext cx="430790" cy="172316"/>
        </a:xfrm>
        <a:prstGeom prst="homePlate">
          <a:avLst/>
        </a:prstGeom>
        <a:gradFill rotWithShape="0">
          <a:gsLst>
            <a:gs pos="0">
              <a:schemeClr val="accent2">
                <a:shade val="50000"/>
                <a:hueOff val="0"/>
                <a:satOff val="0"/>
                <a:lumOff val="0"/>
                <a:alphaOff val="0"/>
                <a:tint val="100000"/>
                <a:shade val="100000"/>
                <a:satMod val="130000"/>
              </a:schemeClr>
            </a:gs>
            <a:gs pos="100000">
              <a:schemeClr val="accent2">
                <a:shade val="50000"/>
                <a:hueOff val="0"/>
                <a:satOff val="0"/>
                <a:lumOff val="0"/>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32004" tIns="16002" rIns="8001" bIns="16002" numCol="1" spcCol="1270" anchor="ctr" anchorCtr="0">
          <a:noAutofit/>
        </a:bodyPr>
        <a:lstStyle/>
        <a:p>
          <a:pPr marL="0" lvl="0" indent="0" algn="ctr" defTabSz="266700">
            <a:lnSpc>
              <a:spcPct val="90000"/>
            </a:lnSpc>
            <a:spcBef>
              <a:spcPct val="0"/>
            </a:spcBef>
            <a:spcAft>
              <a:spcPct val="35000"/>
            </a:spcAft>
            <a:buNone/>
          </a:pPr>
          <a:r>
            <a:rPr lang="en-US" sz="600" kern="1200" dirty="0"/>
            <a:t>Sprint 1</a:t>
          </a:r>
        </a:p>
      </dsp:txBody>
      <dsp:txXfrm>
        <a:off x="429" y="334813"/>
        <a:ext cx="387711" cy="172316"/>
      </dsp:txXfrm>
    </dsp:sp>
    <dsp:sp modelId="{91F73428-6E2C-1848-8C4C-42EAFE35EB4F}">
      <dsp:nvSpPr>
        <dsp:cNvPr id="0" name=""/>
        <dsp:cNvSpPr/>
      </dsp:nvSpPr>
      <dsp:spPr>
        <a:xfrm>
          <a:off x="345061" y="334813"/>
          <a:ext cx="430790" cy="172316"/>
        </a:xfrm>
        <a:prstGeom prst="chevron">
          <a:avLst/>
        </a:prstGeom>
        <a:gradFill rotWithShape="0">
          <a:gsLst>
            <a:gs pos="0">
              <a:schemeClr val="accent2">
                <a:shade val="50000"/>
                <a:hueOff val="-248278"/>
                <a:satOff val="-22224"/>
                <a:lumOff val="27638"/>
                <a:alphaOff val="0"/>
                <a:tint val="100000"/>
                <a:shade val="100000"/>
                <a:satMod val="130000"/>
              </a:schemeClr>
            </a:gs>
            <a:gs pos="100000">
              <a:schemeClr val="accent2">
                <a:shade val="50000"/>
                <a:hueOff val="-248278"/>
                <a:satOff val="-22224"/>
                <a:lumOff val="27638"/>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24003" tIns="16002" rIns="8001" bIns="16002" numCol="1" spcCol="1270" anchor="ctr" anchorCtr="0">
          <a:noAutofit/>
        </a:bodyPr>
        <a:lstStyle/>
        <a:p>
          <a:pPr marL="0" lvl="0" indent="0" algn="ctr" defTabSz="266700">
            <a:lnSpc>
              <a:spcPct val="90000"/>
            </a:lnSpc>
            <a:spcBef>
              <a:spcPct val="0"/>
            </a:spcBef>
            <a:spcAft>
              <a:spcPct val="35000"/>
            </a:spcAft>
            <a:buNone/>
          </a:pPr>
          <a:r>
            <a:rPr lang="en-US" sz="600" kern="1200" dirty="0"/>
            <a:t>Sprint 2 </a:t>
          </a:r>
        </a:p>
      </dsp:txBody>
      <dsp:txXfrm>
        <a:off x="431219" y="334813"/>
        <a:ext cx="258474" cy="172316"/>
      </dsp:txXfrm>
    </dsp:sp>
    <dsp:sp modelId="{47904C27-172E-E045-91F3-8A5A0AC65125}">
      <dsp:nvSpPr>
        <dsp:cNvPr id="0" name=""/>
        <dsp:cNvSpPr/>
      </dsp:nvSpPr>
      <dsp:spPr>
        <a:xfrm>
          <a:off x="689694" y="334813"/>
          <a:ext cx="430790" cy="172316"/>
        </a:xfrm>
        <a:prstGeom prst="chevron">
          <a:avLst/>
        </a:prstGeom>
        <a:gradFill rotWithShape="0">
          <a:gsLst>
            <a:gs pos="0">
              <a:schemeClr val="accent2">
                <a:shade val="50000"/>
                <a:hueOff val="-496555"/>
                <a:satOff val="-44448"/>
                <a:lumOff val="55276"/>
                <a:alphaOff val="0"/>
                <a:tint val="100000"/>
                <a:shade val="100000"/>
                <a:satMod val="130000"/>
              </a:schemeClr>
            </a:gs>
            <a:gs pos="100000">
              <a:schemeClr val="accent2">
                <a:shade val="50000"/>
                <a:hueOff val="-496555"/>
                <a:satOff val="-44448"/>
                <a:lumOff val="55276"/>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24003" tIns="16002" rIns="8001" bIns="16002" numCol="1" spcCol="1270" anchor="ctr" anchorCtr="0">
          <a:noAutofit/>
        </a:bodyPr>
        <a:lstStyle/>
        <a:p>
          <a:pPr marL="0" lvl="0" indent="0" algn="ctr" defTabSz="266700">
            <a:lnSpc>
              <a:spcPct val="90000"/>
            </a:lnSpc>
            <a:spcBef>
              <a:spcPct val="0"/>
            </a:spcBef>
            <a:spcAft>
              <a:spcPct val="35000"/>
            </a:spcAft>
            <a:buNone/>
          </a:pPr>
          <a:r>
            <a:rPr lang="en-US" sz="600" kern="1200" dirty="0"/>
            <a:t>Sprint 3 </a:t>
          </a:r>
        </a:p>
      </dsp:txBody>
      <dsp:txXfrm>
        <a:off x="775852" y="334813"/>
        <a:ext cx="258474" cy="172316"/>
      </dsp:txXfrm>
    </dsp:sp>
    <dsp:sp modelId="{E569B5B3-1E70-B741-AAA2-79F249C73546}">
      <dsp:nvSpPr>
        <dsp:cNvPr id="0" name=""/>
        <dsp:cNvSpPr/>
      </dsp:nvSpPr>
      <dsp:spPr>
        <a:xfrm>
          <a:off x="1034326" y="334813"/>
          <a:ext cx="430790" cy="172316"/>
        </a:xfrm>
        <a:prstGeom prst="chevron">
          <a:avLst/>
        </a:prstGeom>
        <a:gradFill rotWithShape="0">
          <a:gsLst>
            <a:gs pos="0">
              <a:schemeClr val="accent2">
                <a:shade val="50000"/>
                <a:hueOff val="-248278"/>
                <a:satOff val="-22224"/>
                <a:lumOff val="27638"/>
                <a:alphaOff val="0"/>
                <a:tint val="100000"/>
                <a:shade val="100000"/>
                <a:satMod val="130000"/>
              </a:schemeClr>
            </a:gs>
            <a:gs pos="100000">
              <a:schemeClr val="accent2">
                <a:shade val="50000"/>
                <a:hueOff val="-248278"/>
                <a:satOff val="-22224"/>
                <a:lumOff val="27638"/>
                <a:alphaOff val="0"/>
                <a:tint val="50000"/>
                <a:shade val="100000"/>
                <a:satMod val="350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24003" tIns="16002" rIns="8001" bIns="16002" numCol="1" spcCol="1270" anchor="ctr" anchorCtr="0">
          <a:noAutofit/>
        </a:bodyPr>
        <a:lstStyle/>
        <a:p>
          <a:pPr marL="0" lvl="0" indent="0" algn="ctr" defTabSz="266700">
            <a:lnSpc>
              <a:spcPct val="90000"/>
            </a:lnSpc>
            <a:spcBef>
              <a:spcPct val="0"/>
            </a:spcBef>
            <a:spcAft>
              <a:spcPct val="35000"/>
            </a:spcAft>
            <a:buNone/>
          </a:pPr>
          <a:r>
            <a:rPr lang="en-US" sz="600" kern="1200" dirty="0"/>
            <a:t>Sprint 4 </a:t>
          </a:r>
        </a:p>
      </dsp:txBody>
      <dsp:txXfrm>
        <a:off x="1120484" y="334813"/>
        <a:ext cx="258474" cy="172316"/>
      </dsp:txXfrm>
    </dsp:sp>
  </dsp:spTree>
</dsp:drawing>
</file>

<file path=ppt/diagrams/layout1.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10.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11.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12.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13.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14.xml><?xml version="1.0" encoding="utf-8"?>
<dgm:layoutDef xmlns:dgm="http://schemas.openxmlformats.org/drawingml/2006/diagram" xmlns:a="http://schemas.openxmlformats.org/drawingml/2006/main" uniqueId="urn:microsoft.com/office/officeart/2005/8/layout/vList5">
  <dgm:title val=""/>
  <dgm:desc val=""/>
  <dgm:catLst>
    <dgm:cat type="list" pri="15000"/>
    <dgm:cat type="convert" pri="2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choose name="Name1">
      <dgm:if name="Name2" func="var" arg="dir" op="equ" val="norm">
        <dgm:alg type="lin">
          <dgm:param type="linDir" val="fromT"/>
          <dgm:param type="nodeHorzAlign" val="l"/>
        </dgm:alg>
      </dgm:if>
      <dgm:else name="Name3">
        <dgm:alg type="lin">
          <dgm:param type="linDir" val="fromT"/>
          <dgm:param type="nodeHorzAlign" val="r"/>
        </dgm:alg>
      </dgm:else>
    </dgm:choose>
    <dgm:shape xmlns:r="http://schemas.openxmlformats.org/officeDocument/2006/relationships" r:blip="">
      <dgm:adjLst/>
    </dgm:shape>
    <dgm:presOf/>
    <dgm:constrLst>
      <dgm:constr type="h" for="ch" forName="linNode" refType="h"/>
      <dgm:constr type="w" for="ch" forName="linNode" refType="w"/>
      <dgm:constr type="h" for="ch" forName="sp" refType="h" fact="0.05"/>
      <dgm:constr type="primFontSz" for="des" forName="parentText" op="equ" val="65"/>
      <dgm:constr type="secFontSz" for="des" forName="descendantText" op="equ"/>
    </dgm:constrLst>
    <dgm:ruleLst/>
    <dgm:forEach name="Name4" axis="ch" ptType="node">
      <dgm:layoutNode name="linNode">
        <dgm:choose name="Name5">
          <dgm:if name="Name6" func="var" arg="dir" op="equ" val="norm">
            <dgm:alg type="lin">
              <dgm:param type="linDir" val="fromL"/>
            </dgm:alg>
          </dgm:if>
          <dgm:else name="Name7">
            <dgm:alg type="lin">
              <dgm:param type="linDir" val="fromR"/>
            </dgm:alg>
          </dgm:else>
        </dgm:choose>
        <dgm:shape xmlns:r="http://schemas.openxmlformats.org/officeDocument/2006/relationships" r:blip="">
          <dgm:adjLst/>
        </dgm:shape>
        <dgm:presOf/>
        <dgm:constrLst>
          <dgm:constr type="w" for="ch" forName="parentText" refType="w" fact="0.36"/>
          <dgm:constr type="w" for="ch" forName="descendantText" refType="w" fact="0.64"/>
          <dgm:constr type="h" for="ch" forName="parentText" refType="h"/>
          <dgm:constr type="h" for="ch" forName="descendantText" refType="h" refFor="ch" refForName="parentText" fact="0.8"/>
        </dgm:constrLst>
        <dgm:ruleLst/>
        <dgm:layoutNode name="parentText">
          <dgm:varLst>
            <dgm:chMax val="1"/>
            <dgm:bulletEnabled val="1"/>
          </dgm:varLst>
          <dgm:alg type="tx"/>
          <dgm:shape xmlns:r="http://schemas.openxmlformats.org/officeDocument/2006/relationships" type="roundRect" r:blip="" zOrderOff="3">
            <dgm:adjLst/>
          </dgm:shape>
          <dgm:presOf axis="self" ptType="node"/>
          <dgm:constrLst>
            <dgm:constr type="tMarg" refType="primFontSz" fact="0.15"/>
            <dgm:constr type="bMarg" refType="primFontSz" fact="0.15"/>
            <dgm:constr type="lMarg" refType="primFontSz" fact="0.3"/>
            <dgm:constr type="rMarg" refType="primFontSz" fact="0.3"/>
          </dgm:constrLst>
          <dgm:ruleLst>
            <dgm:rule type="primFontSz" val="5" fact="NaN" max="NaN"/>
          </dgm:ruleLst>
        </dgm:layoutNode>
        <dgm:choose name="Name8">
          <dgm:if name="Name9" axis="ch" ptType="node" func="cnt" op="gte" val="1">
            <dgm:layoutNode name="descendantText" styleLbl="alignAccFollowNode1">
              <dgm:varLst>
                <dgm:bulletEnabled val="1"/>
              </dgm:varLst>
              <dgm:alg type="tx">
                <dgm:param type="stBulletLvl" val="1"/>
                <dgm:param type="txAnchorVertCh" val="mid"/>
              </dgm:alg>
              <dgm:choose name="Name10">
                <dgm:if name="Name11" func="var" arg="dir" op="equ" val="norm">
                  <dgm:shape xmlns:r="http://schemas.openxmlformats.org/officeDocument/2006/relationships" rot="90" type="round2SameRect" r:blip="">
                    <dgm:adjLst/>
                  </dgm:shape>
                </dgm:if>
                <dgm:else name="Name12">
                  <dgm:shape xmlns:r="http://schemas.openxmlformats.org/officeDocument/2006/relationships" rot="-90" type="round2SameRect" r:blip="">
                    <dgm:adjLst/>
                  </dgm:shape>
                </dgm:else>
              </dgm:choose>
              <dgm:presOf axis="des" ptType="node"/>
              <dgm:constrLst>
                <dgm:constr type="secFontSz" val="65"/>
                <dgm:constr type="primFontSz" refType="secFontSz"/>
                <dgm:constr type="lMarg" refType="secFontSz" fact="0.3"/>
                <dgm:constr type="rMarg" refType="secFontSz" fact="0.3"/>
                <dgm:constr type="tMarg" refType="secFontSz" fact="0.15"/>
                <dgm:constr type="bMarg" refType="secFontSz" fact="0.15"/>
              </dgm:constrLst>
              <dgm:ruleLst>
                <dgm:rule type="secFontSz" val="5" fact="NaN" max="NaN"/>
              </dgm:ruleLst>
            </dgm:layoutNode>
          </dgm:if>
          <dgm:else name="Name13"/>
        </dgm:choose>
      </dgm:layoutNode>
      <dgm:forEach name="Name14" axis="followSib" ptType="sibTrans" cnt="1">
        <dgm:layoutNode name="sp">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3.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4.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5.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6.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7.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8.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9.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0.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3.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4.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928469C8-AFC5-4247-8252-918F0754958F}" type="datetimeFigureOut">
              <a:rPr lang="en-US" smtClean="0"/>
              <a:t>8/6/21</a:t>
            </a:fld>
            <a:endParaRPr lang="en-US"/>
          </a:p>
        </p:txBody>
      </p:sp>
      <p:sp>
        <p:nvSpPr>
          <p:cNvPr id="4" name="Footer Placeholder 3"/>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9C4395AD-0E92-D648-B06A-DEE18ED0B4A5}" type="slidenum">
              <a:rPr lang="en-US" smtClean="0"/>
              <a:t>‹#›</a:t>
            </a:fld>
            <a:endParaRPr lang="en-US"/>
          </a:p>
        </p:txBody>
      </p:sp>
    </p:spTree>
    <p:extLst>
      <p:ext uri="{BB962C8B-B14F-4D97-AF65-F5344CB8AC3E}">
        <p14:creationId xmlns:p14="http://schemas.microsoft.com/office/powerpoint/2010/main" val="182651890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3FD2E62-BA8A-FC42-A449-EF8C66D81533}" type="datetimeFigureOut">
              <a:rPr lang="en-US" smtClean="0"/>
              <a:t>8/6/21</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E3316E5-1CED-3E4F-8B4E-1A6EB1FCB56D}" type="slidenum">
              <a:rPr lang="en-US" smtClean="0"/>
              <a:t>‹#›</a:t>
            </a:fld>
            <a:endParaRPr lang="en-US"/>
          </a:p>
        </p:txBody>
      </p:sp>
    </p:spTree>
    <p:extLst>
      <p:ext uri="{BB962C8B-B14F-4D97-AF65-F5344CB8AC3E}">
        <p14:creationId xmlns:p14="http://schemas.microsoft.com/office/powerpoint/2010/main" val="134108808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30636830-1D82-4F45-9E1F-2B514B9F5ECA}" type="slidenum">
              <a:rPr lang="en-US" smtClean="0"/>
              <a:t>1</a:t>
            </a:fld>
            <a:endParaRPr lang="en-US"/>
          </a:p>
        </p:txBody>
      </p:sp>
    </p:spTree>
    <p:extLst>
      <p:ext uri="{BB962C8B-B14F-4D97-AF65-F5344CB8AC3E}">
        <p14:creationId xmlns:p14="http://schemas.microsoft.com/office/powerpoint/2010/main" val="28746824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dirty="0"/>
              <a:t>Many</a:t>
            </a:r>
            <a:r>
              <a:rPr lang="en-US" sz="1200" b="1" dirty="0"/>
              <a:t> ​</a:t>
            </a:r>
            <a:r>
              <a:rPr lang="en-US" sz="1200" dirty="0"/>
              <a:t>delivery teams can’t operate autonomously because the necessary conditions don’t exist. It requires continuous planning and orchestration to ensure delivery teams are never starved, never blocked, and always working on the next most valuable thing</a:t>
            </a:r>
          </a:p>
          <a:p>
            <a:endParaRPr lang="en-US" sz="1200" dirty="0"/>
          </a:p>
          <a:p>
            <a:r>
              <a:rPr lang="en-US" sz="1200" dirty="0"/>
              <a:t>There is no agility without the ability to form teams, build backlogs, and produce a Working Tested Product increment at the end of some predetermined time period. </a:t>
            </a:r>
            <a:endParaRPr lang="en-US" dirty="0"/>
          </a:p>
          <a:p>
            <a:endParaRPr lang="en-US" dirty="0"/>
          </a:p>
        </p:txBody>
      </p:sp>
      <p:sp>
        <p:nvSpPr>
          <p:cNvPr id="4" name="Slide Number Placeholder 3"/>
          <p:cNvSpPr>
            <a:spLocks noGrp="1"/>
          </p:cNvSpPr>
          <p:nvPr>
            <p:ph type="sldNum" sz="quarter" idx="5"/>
          </p:nvPr>
        </p:nvSpPr>
        <p:spPr/>
        <p:txBody>
          <a:bodyPr/>
          <a:lstStyle/>
          <a:p>
            <a:fld id="{AE3316E5-1CED-3E4F-8B4E-1A6EB1FCB56D}" type="slidenum">
              <a:rPr lang="en-US"/>
              <a:t>16</a:t>
            </a:fld>
            <a:endParaRPr lang="en-US"/>
          </a:p>
        </p:txBody>
      </p:sp>
    </p:spTree>
    <p:extLst>
      <p:ext uri="{BB962C8B-B14F-4D97-AF65-F5344CB8AC3E}">
        <p14:creationId xmlns:p14="http://schemas.microsoft.com/office/powerpoint/2010/main" val="234226078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514600" y="857250"/>
            <a:ext cx="4114800" cy="2314575"/>
          </a:xfrm>
          <a:prstGeom prst="rect">
            <a:avLst/>
          </a:prstGeom>
        </p:spPr>
      </p:sp>
      <p:sp>
        <p:nvSpPr>
          <p:cNvPr id="3" name="Notes Placeholder 2"/>
          <p:cNvSpPr>
            <a:spLocks noGrp="1"/>
          </p:cNvSpPr>
          <p:nvPr>
            <p:ph type="body" idx="1"/>
          </p:nvPr>
        </p:nvSpPr>
        <p:spPr/>
        <p:txBody>
          <a:bodyPr/>
          <a:lstStyle/>
          <a:p>
            <a:pPr lvl="0">
              <a:spcBef>
                <a:spcPts val="0"/>
              </a:spcBef>
              <a:buNone/>
            </a:pPr>
            <a:r>
              <a:rPr lang="en" sz="1200" dirty="0"/>
              <a:t>This is an overall view of the flow of work – epics at the portfolio level, features at the product level, and stories at the delivery team level</a:t>
            </a:r>
          </a:p>
        </p:txBody>
      </p:sp>
      <p:sp>
        <p:nvSpPr>
          <p:cNvPr id="4" name="Slide Number Placeholder 3"/>
          <p:cNvSpPr>
            <a:spLocks noGrp="1"/>
          </p:cNvSpPr>
          <p:nvPr>
            <p:ph type="sldNum" sz="quarter" idx="10"/>
          </p:nvPr>
        </p:nvSpPr>
        <p:spPr/>
        <p:txBody>
          <a:bodyPr/>
          <a:lstStyle/>
          <a:p>
            <a:pPr>
              <a:defRPr/>
            </a:pPr>
            <a:fld id="{3F04EF3B-0854-4F3B-9816-0CB603C708EE}" type="slidenum">
              <a:rPr lang="en-US" altLang="en-US" smtClean="0"/>
              <a:pPr>
                <a:defRPr/>
              </a:pPr>
              <a:t>17</a:t>
            </a:fld>
            <a:endParaRPr lang="en-US" altLang="en-US"/>
          </a:p>
        </p:txBody>
      </p:sp>
    </p:spTree>
    <p:extLst>
      <p:ext uri="{BB962C8B-B14F-4D97-AF65-F5344CB8AC3E}">
        <p14:creationId xmlns:p14="http://schemas.microsoft.com/office/powerpoint/2010/main" val="191981157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ere are a set of roles that you may find on a portfolio management team. Your mileage may vary depending upon the size and complexity of your organization.</a:t>
            </a:r>
          </a:p>
          <a:p>
            <a:endParaRPr lang="en-US" dirty="0"/>
          </a:p>
          <a:p>
            <a:r>
              <a:rPr lang="en-US" dirty="0"/>
              <a:t>Role names may be different as well but the function of this team will be the same.</a:t>
            </a:r>
          </a:p>
        </p:txBody>
      </p:sp>
      <p:sp>
        <p:nvSpPr>
          <p:cNvPr id="4" name="Slide Number Placeholder 3"/>
          <p:cNvSpPr>
            <a:spLocks noGrp="1"/>
          </p:cNvSpPr>
          <p:nvPr>
            <p:ph type="sldNum" sz="quarter" idx="5"/>
          </p:nvPr>
        </p:nvSpPr>
        <p:spPr/>
        <p:txBody>
          <a:bodyPr/>
          <a:lstStyle/>
          <a:p>
            <a:fld id="{AE3316E5-1CED-3E4F-8B4E-1A6EB1FCB56D}" type="slidenum">
              <a:rPr lang="en-US" smtClean="0"/>
              <a:t>19</a:t>
            </a:fld>
            <a:endParaRPr lang="en-US"/>
          </a:p>
        </p:txBody>
      </p:sp>
    </p:spTree>
    <p:extLst>
      <p:ext uri="{BB962C8B-B14F-4D97-AF65-F5344CB8AC3E}">
        <p14:creationId xmlns:p14="http://schemas.microsoft.com/office/powerpoint/2010/main" val="114535535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Just a bit more detail on each role. I’ll not dig into these for now and wanted to provide this as a reference.</a:t>
            </a:r>
          </a:p>
        </p:txBody>
      </p:sp>
      <p:sp>
        <p:nvSpPr>
          <p:cNvPr id="4" name="Slide Number Placeholder 3"/>
          <p:cNvSpPr>
            <a:spLocks noGrp="1"/>
          </p:cNvSpPr>
          <p:nvPr>
            <p:ph type="sldNum" sz="quarter" idx="5"/>
          </p:nvPr>
        </p:nvSpPr>
        <p:spPr/>
        <p:txBody>
          <a:bodyPr/>
          <a:lstStyle/>
          <a:p>
            <a:fld id="{AE3316E5-1CED-3E4F-8B4E-1A6EB1FCB56D}" type="slidenum">
              <a:rPr lang="en-US" smtClean="0"/>
              <a:t>20</a:t>
            </a:fld>
            <a:endParaRPr lang="en-US"/>
          </a:p>
        </p:txBody>
      </p:sp>
    </p:spTree>
    <p:extLst>
      <p:ext uri="{BB962C8B-B14F-4D97-AF65-F5344CB8AC3E}">
        <p14:creationId xmlns:p14="http://schemas.microsoft.com/office/powerpoint/2010/main" val="34184166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514600" y="857250"/>
            <a:ext cx="4114800" cy="2314575"/>
          </a:xfrm>
          <a:prstGeom prst="rect">
            <a:avLst/>
          </a:prstGeom>
        </p:spPr>
      </p:sp>
      <p:sp>
        <p:nvSpPr>
          <p:cNvPr id="3" name="Notes Placeholder 2"/>
          <p:cNvSpPr>
            <a:spLocks noGrp="1"/>
          </p:cNvSpPr>
          <p:nvPr>
            <p:ph type="body" idx="1"/>
          </p:nvPr>
        </p:nvSpPr>
        <p:spPr/>
        <p:txBody>
          <a:bodyPr/>
          <a:lstStyle/>
          <a:p>
            <a:pPr lvl="0">
              <a:spcBef>
                <a:spcPts val="0"/>
              </a:spcBef>
              <a:buNone/>
            </a:pPr>
            <a:r>
              <a:rPr lang="en-US" sz="1200" dirty="0"/>
              <a:t>This is all about making sure thing coming into the portfolio could continue to move forward. Each step will test for things which allows us to make continue, kill, revise decisions. This first step is mostly deciding if the item is in alignment with our goals. Compliance?</a:t>
            </a:r>
          </a:p>
          <a:p>
            <a:pPr lvl="0">
              <a:spcBef>
                <a:spcPts val="0"/>
              </a:spcBef>
              <a:buNone/>
            </a:pPr>
            <a:endParaRPr lang="en-US" sz="1200" dirty="0"/>
          </a:p>
          <a:p>
            <a:pPr lvl="0">
              <a:spcBef>
                <a:spcPts val="0"/>
              </a:spcBef>
              <a:buNone/>
            </a:pPr>
            <a:r>
              <a:rPr lang="en-US" sz="1200" dirty="0"/>
              <a:t>Do we clearly understand the business goals or benefits?</a:t>
            </a:r>
          </a:p>
          <a:p>
            <a:pPr lvl="0">
              <a:spcBef>
                <a:spcPts val="0"/>
              </a:spcBef>
              <a:buNone/>
            </a:pPr>
            <a:endParaRPr lang="en-US" sz="1200" dirty="0"/>
          </a:p>
          <a:p>
            <a:pPr lvl="0">
              <a:spcBef>
                <a:spcPts val="0"/>
              </a:spcBef>
              <a:buNone/>
            </a:pPr>
            <a:r>
              <a:rPr lang="en-US" sz="1200" dirty="0"/>
              <a:t>Use the online bill payment example I’ve used in the past – increase subscriptions for people in a certain age group</a:t>
            </a:r>
            <a:endParaRPr lang="en-US" dirty="0"/>
          </a:p>
        </p:txBody>
      </p:sp>
      <p:sp>
        <p:nvSpPr>
          <p:cNvPr id="4" name="Slide Number Placeholder 3"/>
          <p:cNvSpPr>
            <a:spLocks noGrp="1"/>
          </p:cNvSpPr>
          <p:nvPr>
            <p:ph type="sldNum" sz="quarter" idx="10"/>
          </p:nvPr>
        </p:nvSpPr>
        <p:spPr/>
        <p:txBody>
          <a:bodyPr/>
          <a:lstStyle/>
          <a:p>
            <a:pPr>
              <a:defRPr/>
            </a:pPr>
            <a:fld id="{3F04EF3B-0854-4F3B-9816-0CB603C708EE}" type="slidenum">
              <a:rPr lang="en-US" altLang="en-US" smtClean="0"/>
              <a:pPr>
                <a:defRPr/>
              </a:pPr>
              <a:t>24</a:t>
            </a:fld>
            <a:endParaRPr lang="en-US" altLang="en-US"/>
          </a:p>
        </p:txBody>
      </p:sp>
    </p:spTree>
    <p:extLst>
      <p:ext uri="{BB962C8B-B14F-4D97-AF65-F5344CB8AC3E}">
        <p14:creationId xmlns:p14="http://schemas.microsoft.com/office/powerpoint/2010/main" val="322887212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514600" y="857250"/>
            <a:ext cx="4114800" cy="2314575"/>
          </a:xfrm>
          <a:prstGeom prst="rect">
            <a:avLst/>
          </a:prstGeom>
        </p:spPr>
      </p:sp>
      <p:sp>
        <p:nvSpPr>
          <p:cNvPr id="3" name="Notes Placeholder 2"/>
          <p:cNvSpPr>
            <a:spLocks noGrp="1"/>
          </p:cNvSpPr>
          <p:nvPr>
            <p:ph type="body" idx="1"/>
          </p:nvPr>
        </p:nvSpPr>
        <p:spPr/>
        <p:txBody>
          <a:bodyPr/>
          <a:lstStyle/>
          <a:p>
            <a:r>
              <a:rPr lang="en-US" dirty="0"/>
              <a:t>Here we are putting focus on viability of creating a solution. Do we know how we intend to deliver the solution?</a:t>
            </a:r>
          </a:p>
          <a:p>
            <a:endParaRPr lang="en-US" dirty="0"/>
          </a:p>
          <a:p>
            <a:r>
              <a:rPr lang="en-US" dirty="0"/>
              <a:t>Compliance</a:t>
            </a:r>
          </a:p>
          <a:p>
            <a:endParaRPr lang="en-US" dirty="0"/>
          </a:p>
        </p:txBody>
      </p:sp>
      <p:sp>
        <p:nvSpPr>
          <p:cNvPr id="4" name="Slide Number Placeholder 3"/>
          <p:cNvSpPr>
            <a:spLocks noGrp="1"/>
          </p:cNvSpPr>
          <p:nvPr>
            <p:ph type="sldNum" sz="quarter" idx="10"/>
          </p:nvPr>
        </p:nvSpPr>
        <p:spPr/>
        <p:txBody>
          <a:bodyPr/>
          <a:lstStyle/>
          <a:p>
            <a:pPr>
              <a:defRPr/>
            </a:pPr>
            <a:fld id="{3F04EF3B-0854-4F3B-9816-0CB603C708EE}" type="slidenum">
              <a:rPr lang="en-US" altLang="en-US" smtClean="0"/>
              <a:pPr>
                <a:defRPr/>
              </a:pPr>
              <a:t>25</a:t>
            </a:fld>
            <a:endParaRPr lang="en-US" altLang="en-US"/>
          </a:p>
        </p:txBody>
      </p:sp>
    </p:spTree>
    <p:extLst>
      <p:ext uri="{BB962C8B-B14F-4D97-AF65-F5344CB8AC3E}">
        <p14:creationId xmlns:p14="http://schemas.microsoft.com/office/powerpoint/2010/main" val="12930698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514600" y="857250"/>
            <a:ext cx="4114800" cy="2314575"/>
          </a:xfrm>
          <a:prstGeom prst="rect">
            <a:avLst/>
          </a:prstGeom>
        </p:spPr>
      </p:sp>
      <p:sp>
        <p:nvSpPr>
          <p:cNvPr id="3" name="Notes Placeholder 2"/>
          <p:cNvSpPr>
            <a:spLocks noGrp="1"/>
          </p:cNvSpPr>
          <p:nvPr>
            <p:ph type="body" idx="1"/>
          </p:nvPr>
        </p:nvSpPr>
        <p:spPr/>
        <p:txBody>
          <a:bodyPr/>
          <a:lstStyle/>
          <a:p>
            <a:r>
              <a:rPr lang="en-US" dirty="0"/>
              <a:t>We are now putting effort into creating a credible plan, one that considers capacity, dependencies, risks…</a:t>
            </a:r>
          </a:p>
        </p:txBody>
      </p:sp>
      <p:sp>
        <p:nvSpPr>
          <p:cNvPr id="4" name="Slide Number Placeholder 3"/>
          <p:cNvSpPr>
            <a:spLocks noGrp="1"/>
          </p:cNvSpPr>
          <p:nvPr>
            <p:ph type="sldNum" sz="quarter" idx="10"/>
          </p:nvPr>
        </p:nvSpPr>
        <p:spPr/>
        <p:txBody>
          <a:bodyPr/>
          <a:lstStyle/>
          <a:p>
            <a:pPr>
              <a:defRPr/>
            </a:pPr>
            <a:fld id="{3F04EF3B-0854-4F3B-9816-0CB603C708EE}" type="slidenum">
              <a:rPr lang="en-US" altLang="en-US" smtClean="0"/>
              <a:pPr>
                <a:defRPr/>
              </a:pPr>
              <a:t>26</a:t>
            </a:fld>
            <a:endParaRPr lang="en-US" altLang="en-US"/>
          </a:p>
        </p:txBody>
      </p:sp>
    </p:spTree>
    <p:extLst>
      <p:ext uri="{BB962C8B-B14F-4D97-AF65-F5344CB8AC3E}">
        <p14:creationId xmlns:p14="http://schemas.microsoft.com/office/powerpoint/2010/main" val="2038533166"/>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514600" y="857250"/>
            <a:ext cx="4114800" cy="2314575"/>
          </a:xfrm>
          <a:prstGeom prst="rect">
            <a:avLst/>
          </a:prstGeom>
        </p:spPr>
      </p:sp>
      <p:sp>
        <p:nvSpPr>
          <p:cNvPr id="3" name="Notes Placeholder 2"/>
          <p:cNvSpPr>
            <a:spLocks noGrp="1"/>
          </p:cNvSpPr>
          <p:nvPr>
            <p:ph type="body" idx="1"/>
          </p:nvPr>
        </p:nvSpPr>
        <p:spPr/>
        <p:txBody>
          <a:bodyPr/>
          <a:lstStyle/>
          <a:p>
            <a:pPr lvl="0">
              <a:spcBef>
                <a:spcPts val="0"/>
              </a:spcBef>
              <a:buNone/>
            </a:pPr>
            <a:r>
              <a:rPr lang="en-US" sz="1200" dirty="0"/>
              <a:t>Are we staying on track with our plans? Are we learning something as we deliver and gain feedback? Are we dealing with impediments? </a:t>
            </a:r>
          </a:p>
          <a:p>
            <a:pPr lvl="0">
              <a:spcBef>
                <a:spcPts val="0"/>
              </a:spcBef>
              <a:buNone/>
            </a:pPr>
            <a:endParaRPr lang="en-US" sz="1200" dirty="0"/>
          </a:p>
          <a:p>
            <a:pPr lvl="0">
              <a:spcBef>
                <a:spcPts val="0"/>
              </a:spcBef>
              <a:buNone/>
            </a:pPr>
            <a:r>
              <a:rPr lang="en-US" sz="1200" dirty="0"/>
              <a:t>The portfolio team is an escalation point for any execution challenges</a:t>
            </a:r>
            <a:endParaRPr lang="en-US" dirty="0"/>
          </a:p>
        </p:txBody>
      </p:sp>
      <p:sp>
        <p:nvSpPr>
          <p:cNvPr id="4" name="Slide Number Placeholder 3"/>
          <p:cNvSpPr>
            <a:spLocks noGrp="1"/>
          </p:cNvSpPr>
          <p:nvPr>
            <p:ph type="sldNum" sz="quarter" idx="10"/>
          </p:nvPr>
        </p:nvSpPr>
        <p:spPr/>
        <p:txBody>
          <a:bodyPr/>
          <a:lstStyle/>
          <a:p>
            <a:pPr>
              <a:defRPr/>
            </a:pPr>
            <a:fld id="{3F04EF3B-0854-4F3B-9816-0CB603C708EE}" type="slidenum">
              <a:rPr lang="en-US" altLang="en-US" smtClean="0"/>
              <a:pPr>
                <a:defRPr/>
              </a:pPr>
              <a:t>27</a:t>
            </a:fld>
            <a:endParaRPr lang="en-US" altLang="en-US"/>
          </a:p>
        </p:txBody>
      </p:sp>
    </p:spTree>
    <p:extLst>
      <p:ext uri="{BB962C8B-B14F-4D97-AF65-F5344CB8AC3E}">
        <p14:creationId xmlns:p14="http://schemas.microsoft.com/office/powerpoint/2010/main" val="190262918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514600" y="857250"/>
            <a:ext cx="4114800" cy="2314575"/>
          </a:xfrm>
          <a:prstGeom prst="rect">
            <a:avLst/>
          </a:prstGeom>
        </p:spPr>
      </p:sp>
      <p:sp>
        <p:nvSpPr>
          <p:cNvPr id="3" name="Notes Placeholder 2"/>
          <p:cNvSpPr>
            <a:spLocks noGrp="1"/>
          </p:cNvSpPr>
          <p:nvPr>
            <p:ph type="body" idx="1"/>
          </p:nvPr>
        </p:nvSpPr>
        <p:spPr/>
        <p:txBody>
          <a:bodyPr/>
          <a:lstStyle/>
          <a:p>
            <a:pPr lvl="0">
              <a:spcBef>
                <a:spcPts val="0"/>
              </a:spcBef>
              <a:buNone/>
            </a:pPr>
            <a:r>
              <a:rPr lang="en-US" sz="1200" dirty="0"/>
              <a:t>It is critical to be able to evaluate the success of what was delivered. Did we see the business benefits we expected?</a:t>
            </a:r>
          </a:p>
          <a:p>
            <a:pPr lvl="0">
              <a:spcBef>
                <a:spcPts val="0"/>
              </a:spcBef>
              <a:buNone/>
            </a:pPr>
            <a:endParaRPr lang="en-US" sz="1200" dirty="0"/>
          </a:p>
          <a:p>
            <a:pPr lvl="0">
              <a:spcBef>
                <a:spcPts val="0"/>
              </a:spcBef>
              <a:buNone/>
            </a:pPr>
            <a:r>
              <a:rPr lang="en-US" sz="1200" dirty="0"/>
              <a:t>Use the example of online bill payments for people in a certain age.</a:t>
            </a:r>
            <a:endParaRPr lang="en-US" dirty="0"/>
          </a:p>
        </p:txBody>
      </p:sp>
      <p:sp>
        <p:nvSpPr>
          <p:cNvPr id="4" name="Slide Number Placeholder 3"/>
          <p:cNvSpPr>
            <a:spLocks noGrp="1"/>
          </p:cNvSpPr>
          <p:nvPr>
            <p:ph type="sldNum" sz="quarter" idx="10"/>
          </p:nvPr>
        </p:nvSpPr>
        <p:spPr/>
        <p:txBody>
          <a:bodyPr/>
          <a:lstStyle/>
          <a:p>
            <a:pPr>
              <a:defRPr/>
            </a:pPr>
            <a:fld id="{3F04EF3B-0854-4F3B-9816-0CB603C708EE}" type="slidenum">
              <a:rPr lang="en-US" altLang="en-US" smtClean="0"/>
              <a:pPr>
                <a:defRPr/>
              </a:pPr>
              <a:t>28</a:t>
            </a:fld>
            <a:endParaRPr lang="en-US" altLang="en-US"/>
          </a:p>
        </p:txBody>
      </p:sp>
    </p:spTree>
    <p:extLst>
      <p:ext uri="{BB962C8B-B14F-4D97-AF65-F5344CB8AC3E}">
        <p14:creationId xmlns:p14="http://schemas.microsoft.com/office/powerpoint/2010/main" val="200042097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514600" y="857250"/>
            <a:ext cx="4114800" cy="2314575"/>
          </a:xfrm>
          <a:prstGeom prst="rect">
            <a:avLst/>
          </a:prstGeom>
        </p:spPr>
      </p:sp>
      <p:sp>
        <p:nvSpPr>
          <p:cNvPr id="3" name="Notes Placeholder 2"/>
          <p:cNvSpPr>
            <a:spLocks noGrp="1"/>
          </p:cNvSpPr>
          <p:nvPr>
            <p:ph type="body" idx="1"/>
          </p:nvPr>
        </p:nvSpPr>
        <p:spPr/>
        <p:txBody>
          <a:bodyPr/>
          <a:lstStyle/>
          <a:p>
            <a:r>
              <a:rPr lang="en-US" dirty="0"/>
              <a:t>When the portfolio tier does not engage or collaborate well with the product teams then you may see these types of failures.</a:t>
            </a:r>
          </a:p>
        </p:txBody>
      </p:sp>
      <p:sp>
        <p:nvSpPr>
          <p:cNvPr id="4" name="Slide Number Placeholder 3"/>
          <p:cNvSpPr>
            <a:spLocks noGrp="1"/>
          </p:cNvSpPr>
          <p:nvPr>
            <p:ph type="sldNum" sz="quarter" idx="10"/>
          </p:nvPr>
        </p:nvSpPr>
        <p:spPr/>
        <p:txBody>
          <a:bodyPr/>
          <a:lstStyle/>
          <a:p>
            <a:pPr>
              <a:defRPr/>
            </a:pPr>
            <a:fld id="{3F04EF3B-0854-4F3B-9816-0CB603C708EE}" type="slidenum">
              <a:rPr lang="en-US" altLang="en-US" smtClean="0"/>
              <a:pPr>
                <a:defRPr/>
              </a:pPr>
              <a:t>29</a:t>
            </a:fld>
            <a:endParaRPr lang="en-US" altLang="en-US"/>
          </a:p>
        </p:txBody>
      </p:sp>
    </p:spTree>
    <p:extLst>
      <p:ext uri="{BB962C8B-B14F-4D97-AF65-F5344CB8AC3E}">
        <p14:creationId xmlns:p14="http://schemas.microsoft.com/office/powerpoint/2010/main" val="381592626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E3316E5-1CED-3E4F-8B4E-1A6EB1FCB56D}" type="slidenum">
              <a:rPr lang="en-US" smtClean="0"/>
              <a:t>2</a:t>
            </a:fld>
            <a:endParaRPr lang="en-US"/>
          </a:p>
        </p:txBody>
      </p:sp>
    </p:spTree>
    <p:extLst>
      <p:ext uri="{BB962C8B-B14F-4D97-AF65-F5344CB8AC3E}">
        <p14:creationId xmlns:p14="http://schemas.microsoft.com/office/powerpoint/2010/main" val="4174212018"/>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ow do you think about capacity when planning for how much you can commit to delivering?</a:t>
            </a:r>
          </a:p>
        </p:txBody>
      </p:sp>
      <p:sp>
        <p:nvSpPr>
          <p:cNvPr id="4" name="Slide Number Placeholder 3"/>
          <p:cNvSpPr>
            <a:spLocks noGrp="1"/>
          </p:cNvSpPr>
          <p:nvPr>
            <p:ph type="sldNum" sz="quarter" idx="5"/>
          </p:nvPr>
        </p:nvSpPr>
        <p:spPr/>
        <p:txBody>
          <a:bodyPr/>
          <a:lstStyle/>
          <a:p>
            <a:fld id="{AE3316E5-1CED-3E4F-8B4E-1A6EB1FCB56D}" type="slidenum">
              <a:rPr lang="en-US" smtClean="0"/>
              <a:t>35</a:t>
            </a:fld>
            <a:endParaRPr lang="en-US"/>
          </a:p>
        </p:txBody>
      </p:sp>
    </p:spTree>
    <p:extLst>
      <p:ext uri="{BB962C8B-B14F-4D97-AF65-F5344CB8AC3E}">
        <p14:creationId xmlns:p14="http://schemas.microsoft.com/office/powerpoint/2010/main" val="326739504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mple investment themes:</a:t>
            </a:r>
          </a:p>
          <a:p>
            <a:endParaRPr lang="en-US" dirty="0"/>
          </a:p>
          <a:p>
            <a:pPr marL="171450" indent="-171450">
              <a:buFont typeface="Arial" panose="020B0604020202020204" pitchFamily="34" charset="0"/>
              <a:buChar char="•"/>
            </a:pPr>
            <a:r>
              <a:rPr lang="en-US" dirty="0"/>
              <a:t>Customer acquisition</a:t>
            </a:r>
          </a:p>
          <a:p>
            <a:pPr marL="171450" indent="-171450">
              <a:buFont typeface="Arial" panose="020B0604020202020204" pitchFamily="34" charset="0"/>
              <a:buChar char="•"/>
            </a:pPr>
            <a:r>
              <a:rPr lang="en-US" dirty="0"/>
              <a:t>Technical debt</a:t>
            </a:r>
          </a:p>
          <a:p>
            <a:pPr marL="171450" indent="-171450">
              <a:buFont typeface="Arial" panose="020B0604020202020204" pitchFamily="34" charset="0"/>
              <a:buChar char="•"/>
            </a:pPr>
            <a:r>
              <a:rPr lang="en-US" dirty="0"/>
              <a:t>Operational</a:t>
            </a:r>
          </a:p>
        </p:txBody>
      </p:sp>
      <p:sp>
        <p:nvSpPr>
          <p:cNvPr id="4" name="Slide Number Placeholder 3"/>
          <p:cNvSpPr>
            <a:spLocks noGrp="1"/>
          </p:cNvSpPr>
          <p:nvPr>
            <p:ph type="sldNum" sz="quarter" idx="5"/>
          </p:nvPr>
        </p:nvSpPr>
        <p:spPr/>
        <p:txBody>
          <a:bodyPr/>
          <a:lstStyle/>
          <a:p>
            <a:fld id="{AE3316E5-1CED-3E4F-8B4E-1A6EB1FCB56D}" type="slidenum">
              <a:rPr lang="en-US" smtClean="0"/>
              <a:t>39</a:t>
            </a:fld>
            <a:endParaRPr lang="en-US"/>
          </a:p>
        </p:txBody>
      </p:sp>
    </p:spTree>
    <p:extLst>
      <p:ext uri="{BB962C8B-B14F-4D97-AF65-F5344CB8AC3E}">
        <p14:creationId xmlns:p14="http://schemas.microsoft.com/office/powerpoint/2010/main" val="1933677525"/>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planning “onion” represents different levels of planning from strategic al the way down to the planned work by delivery teams</a:t>
            </a:r>
          </a:p>
        </p:txBody>
      </p:sp>
      <p:sp>
        <p:nvSpPr>
          <p:cNvPr id="4" name="Slide Number Placeholder 3"/>
          <p:cNvSpPr>
            <a:spLocks noGrp="1"/>
          </p:cNvSpPr>
          <p:nvPr>
            <p:ph type="sldNum" sz="quarter" idx="5"/>
          </p:nvPr>
        </p:nvSpPr>
        <p:spPr/>
        <p:txBody>
          <a:bodyPr/>
          <a:lstStyle/>
          <a:p>
            <a:fld id="{AE3316E5-1CED-3E4F-8B4E-1A6EB1FCB56D}" type="slidenum">
              <a:rPr lang="en-US" smtClean="0"/>
              <a:t>41</a:t>
            </a:fld>
            <a:endParaRPr lang="en-US"/>
          </a:p>
        </p:txBody>
      </p:sp>
    </p:spTree>
    <p:extLst>
      <p:ext uri="{BB962C8B-B14F-4D97-AF65-F5344CB8AC3E}">
        <p14:creationId xmlns:p14="http://schemas.microsoft.com/office/powerpoint/2010/main" val="388598199"/>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09954" name="Rectangle 2"/>
          <p:cNvSpPr>
            <a:spLocks noGrp="1" noRot="1" noChangeAspect="1" noChangeArrowheads="1" noTextEdit="1"/>
          </p:cNvSpPr>
          <p:nvPr>
            <p:ph type="sldImg"/>
          </p:nvPr>
        </p:nvSpPr>
        <p:spPr>
          <a:xfrm>
            <a:off x="552450" y="671513"/>
            <a:ext cx="5973763" cy="3360737"/>
          </a:xfrm>
          <a:ln/>
        </p:spPr>
      </p:sp>
      <p:sp>
        <p:nvSpPr>
          <p:cNvPr id="509955" name="Rectangle 3"/>
          <p:cNvSpPr>
            <a:spLocks noGrp="1" noChangeArrowheads="1"/>
          </p:cNvSpPr>
          <p:nvPr>
            <p:ph type="body" idx="1"/>
          </p:nvPr>
        </p:nvSpPr>
        <p:spPr/>
        <p: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dirty="0"/>
              <a:t>We have a lot more detail for things farther out.</a:t>
            </a:r>
          </a:p>
          <a:p>
            <a:pPr marL="0" marR="0" indent="0" algn="l" defTabSz="457200" rtl="0" eaLnBrk="1" fontAlgn="auto" latinLnBrk="0" hangingPunct="1">
              <a:lnSpc>
                <a:spcPct val="100000"/>
              </a:lnSpc>
              <a:spcBef>
                <a:spcPts val="0"/>
              </a:spcBef>
              <a:spcAft>
                <a:spcPts val="0"/>
              </a:spcAft>
              <a:buClrTx/>
              <a:buSzTx/>
              <a:buFontTx/>
              <a:buNone/>
              <a:tabLst/>
              <a:defRPr/>
            </a:pPr>
            <a:endParaRPr lang="en-US" sz="1200" dirty="0"/>
          </a:p>
          <a:p>
            <a:pPr marL="0" marR="0" indent="0" algn="l" defTabSz="457200" rtl="0" eaLnBrk="1" fontAlgn="auto" latinLnBrk="0" hangingPunct="1">
              <a:lnSpc>
                <a:spcPct val="100000"/>
              </a:lnSpc>
              <a:spcBef>
                <a:spcPts val="0"/>
              </a:spcBef>
              <a:spcAft>
                <a:spcPts val="0"/>
              </a:spcAft>
              <a:buClrTx/>
              <a:buSzTx/>
              <a:buFontTx/>
              <a:buNone/>
              <a:tabLst/>
              <a:defRPr/>
            </a:pPr>
            <a:r>
              <a:rPr lang="en-US" sz="1200" dirty="0"/>
              <a:t>Is it a good idea to have details for things we’re doing 12+ months from now?</a:t>
            </a:r>
          </a:p>
        </p:txBody>
      </p:sp>
    </p:spTree>
    <p:extLst>
      <p:ext uri="{BB962C8B-B14F-4D97-AF65-F5344CB8AC3E}">
        <p14:creationId xmlns:p14="http://schemas.microsoft.com/office/powerpoint/2010/main" val="2024334356"/>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represents possible planning horizons that you may consider. Of course, your organization may have other needs</a:t>
            </a:r>
          </a:p>
        </p:txBody>
      </p:sp>
      <p:sp>
        <p:nvSpPr>
          <p:cNvPr id="4" name="Slide Number Placeholder 3"/>
          <p:cNvSpPr>
            <a:spLocks noGrp="1"/>
          </p:cNvSpPr>
          <p:nvPr>
            <p:ph type="sldNum" sz="quarter" idx="5"/>
          </p:nvPr>
        </p:nvSpPr>
        <p:spPr/>
        <p:txBody>
          <a:bodyPr/>
          <a:lstStyle/>
          <a:p>
            <a:fld id="{AE3316E5-1CED-3E4F-8B4E-1A6EB1FCB56D}" type="slidenum">
              <a:rPr lang="en-US" smtClean="0"/>
              <a:t>43</a:t>
            </a:fld>
            <a:endParaRPr lang="en-US"/>
          </a:p>
        </p:txBody>
      </p:sp>
    </p:spTree>
    <p:extLst>
      <p:ext uri="{BB962C8B-B14F-4D97-AF65-F5344CB8AC3E}">
        <p14:creationId xmlns:p14="http://schemas.microsoft.com/office/powerpoint/2010/main" val="403050997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a:defRPr/>
            </a:pPr>
            <a:fld id="{3F04EF3B-0854-4F3B-9816-0CB603C708EE}" type="slidenum">
              <a:rPr lang="en-US" altLang="en-US" smtClean="0"/>
              <a:pPr>
                <a:defRPr/>
              </a:pPr>
              <a:t>49</a:t>
            </a:fld>
            <a:endParaRPr lang="en-US" altLang="en-US" dirty="0"/>
          </a:p>
        </p:txBody>
      </p:sp>
    </p:spTree>
    <p:extLst>
      <p:ext uri="{BB962C8B-B14F-4D97-AF65-F5344CB8AC3E}">
        <p14:creationId xmlns:p14="http://schemas.microsoft.com/office/powerpoint/2010/main" val="400196234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E3316E5-1CED-3E4F-8B4E-1A6EB1FCB56D}" type="slidenum">
              <a:rPr lang="en-US" smtClean="0"/>
              <a:t>51</a:t>
            </a:fld>
            <a:endParaRPr lang="en-US"/>
          </a:p>
        </p:txBody>
      </p:sp>
    </p:spTree>
    <p:extLst>
      <p:ext uri="{BB962C8B-B14F-4D97-AF65-F5344CB8AC3E}">
        <p14:creationId xmlns:p14="http://schemas.microsoft.com/office/powerpoint/2010/main" val="2413139394"/>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30636830-1D82-4F45-9E1F-2B514B9F5ECA}" type="slidenum">
              <a:rPr lang="en-US" smtClean="0"/>
              <a:t>53</a:t>
            </a:fld>
            <a:endParaRPr lang="en-US"/>
          </a:p>
        </p:txBody>
      </p:sp>
    </p:spTree>
    <p:extLst>
      <p:ext uri="{BB962C8B-B14F-4D97-AF65-F5344CB8AC3E}">
        <p14:creationId xmlns:p14="http://schemas.microsoft.com/office/powerpoint/2010/main" val="2137248441"/>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AE3316E5-1CED-3E4F-8B4E-1A6EB1FCB56D}" type="slidenum">
              <a:rPr lang="en-US" smtClean="0"/>
              <a:t>54</a:t>
            </a:fld>
            <a:endParaRPr lang="en-US"/>
          </a:p>
        </p:txBody>
      </p:sp>
    </p:spTree>
    <p:extLst>
      <p:ext uri="{BB962C8B-B14F-4D97-AF65-F5344CB8AC3E}">
        <p14:creationId xmlns:p14="http://schemas.microsoft.com/office/powerpoint/2010/main" val="1310802660"/>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30636830-1D82-4F45-9E1F-2B514B9F5ECA}" type="slidenum">
              <a:rPr lang="en-US" smtClean="0"/>
              <a:t>57</a:t>
            </a:fld>
            <a:endParaRPr lang="en-US"/>
          </a:p>
        </p:txBody>
      </p:sp>
    </p:spTree>
    <p:extLst>
      <p:ext uri="{BB962C8B-B14F-4D97-AF65-F5344CB8AC3E}">
        <p14:creationId xmlns:p14="http://schemas.microsoft.com/office/powerpoint/2010/main" val="64319732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a definition that many of us “grew up” on for portfolio management.</a:t>
            </a:r>
          </a:p>
          <a:p>
            <a:endParaRPr lang="en-US" dirty="0"/>
          </a:p>
          <a:p>
            <a:r>
              <a:rPr lang="en-US" dirty="0"/>
              <a:t>The main outcome is an ability to pull strategy and implementation together.</a:t>
            </a:r>
          </a:p>
          <a:p>
            <a:endParaRPr lang="en-US" dirty="0"/>
          </a:p>
          <a:p>
            <a:r>
              <a:rPr lang="en-US" dirty="0"/>
              <a:t>Investopedia’s definition feel “better” for a agile/lean organization. There is an art to this but clear practices to make sure we are in alignment with strategy</a:t>
            </a:r>
          </a:p>
        </p:txBody>
      </p:sp>
      <p:sp>
        <p:nvSpPr>
          <p:cNvPr id="4" name="Slide Number Placeholder 3"/>
          <p:cNvSpPr>
            <a:spLocks noGrp="1"/>
          </p:cNvSpPr>
          <p:nvPr>
            <p:ph type="sldNum" sz="quarter" idx="5"/>
          </p:nvPr>
        </p:nvSpPr>
        <p:spPr/>
        <p:txBody>
          <a:bodyPr/>
          <a:lstStyle/>
          <a:p>
            <a:fld id="{AE3316E5-1CED-3E4F-8B4E-1A6EB1FCB56D}" type="slidenum">
              <a:rPr lang="en-US" smtClean="0"/>
              <a:t>5</a:t>
            </a:fld>
            <a:endParaRPr lang="en-US"/>
          </a:p>
        </p:txBody>
      </p:sp>
    </p:spTree>
    <p:extLst>
      <p:ext uri="{BB962C8B-B14F-4D97-AF65-F5344CB8AC3E}">
        <p14:creationId xmlns:p14="http://schemas.microsoft.com/office/powerpoint/2010/main" val="231911822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Let’s quickly create context for what I mean by agile and from there we will bring in portfolio management as it can be leveraged in an agile organization.</a:t>
            </a:r>
          </a:p>
        </p:txBody>
      </p:sp>
      <p:sp>
        <p:nvSpPr>
          <p:cNvPr id="4" name="Slide Number Placeholder 3"/>
          <p:cNvSpPr>
            <a:spLocks noGrp="1"/>
          </p:cNvSpPr>
          <p:nvPr>
            <p:ph type="sldNum" sz="quarter" idx="5"/>
          </p:nvPr>
        </p:nvSpPr>
        <p:spPr/>
        <p:txBody>
          <a:bodyPr/>
          <a:lstStyle/>
          <a:p>
            <a:fld id="{AE3316E5-1CED-3E4F-8B4E-1A6EB1FCB56D}" type="slidenum">
              <a:rPr lang="en-US" smtClean="0"/>
              <a:t>6</a:t>
            </a:fld>
            <a:endParaRPr lang="en-US"/>
          </a:p>
        </p:txBody>
      </p:sp>
    </p:spTree>
    <p:extLst>
      <p:ext uri="{BB962C8B-B14F-4D97-AF65-F5344CB8AC3E}">
        <p14:creationId xmlns:p14="http://schemas.microsoft.com/office/powerpoint/2010/main" val="220156234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7762" name="Slide Image Placeholder 1"/>
          <p:cNvSpPr>
            <a:spLocks noGrp="1" noRot="1" noChangeAspect="1" noTextEdit="1"/>
          </p:cNvSpPr>
          <p:nvPr>
            <p:ph type="sldImg"/>
          </p:nvPr>
        </p:nvSpPr>
        <p:spPr>
          <a:xfrm>
            <a:off x="685800" y="1143000"/>
            <a:ext cx="5486400" cy="3086100"/>
          </a:xfrm>
          <a:ln/>
        </p:spPr>
      </p:sp>
      <p:sp>
        <p:nvSpPr>
          <p:cNvPr id="117763" name="Notes Placeholder 2"/>
          <p:cNvSpPr>
            <a:spLocks noGrp="1"/>
          </p:cNvSpPr>
          <p:nvPr>
            <p:ph type="body" idx="1"/>
          </p:nvPr>
        </p:nvSpPr>
        <p:spPr>
          <a:noFill/>
          <a:ln/>
        </p:spPr>
        <p:txBody>
          <a:bodyPr/>
          <a:lstStyle/>
          <a:p>
            <a:pPr eaLnBrk="1" hangingPunct="1"/>
            <a:endParaRPr lang="en-US" dirty="0"/>
          </a:p>
        </p:txBody>
      </p:sp>
      <p:sp>
        <p:nvSpPr>
          <p:cNvPr id="117764" name="Slide Number Placeholder 3"/>
          <p:cNvSpPr>
            <a:spLocks noGrp="1"/>
          </p:cNvSpPr>
          <p:nvPr>
            <p:ph type="sldNum" sz="quarter" idx="5"/>
          </p:nvPr>
        </p:nvSpPr>
        <p:spPr>
          <a:noFill/>
        </p:spPr>
        <p:txBody>
          <a:bodyPr/>
          <a:lstStyle/>
          <a:p>
            <a:fld id="{B7B39A12-E100-F24F-9C16-20A2AA29ECD1}" type="slidenum">
              <a:rPr lang="en-US"/>
              <a:pPr/>
              <a:t>7</a:t>
            </a:fld>
            <a:endParaRPr lang="en-US"/>
          </a:p>
        </p:txBody>
      </p:sp>
    </p:spTree>
    <p:extLst>
      <p:ext uri="{BB962C8B-B14F-4D97-AF65-F5344CB8AC3E}">
        <p14:creationId xmlns:p14="http://schemas.microsoft.com/office/powerpoint/2010/main" val="18595274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7762" name="Slide Image Placeholder 1"/>
          <p:cNvSpPr>
            <a:spLocks noGrp="1" noRot="1" noChangeAspect="1" noTextEdit="1"/>
          </p:cNvSpPr>
          <p:nvPr>
            <p:ph type="sldImg"/>
          </p:nvPr>
        </p:nvSpPr>
        <p:spPr>
          <a:xfrm>
            <a:off x="685800" y="1143000"/>
            <a:ext cx="5486400" cy="3086100"/>
          </a:xfrm>
          <a:ln/>
        </p:spPr>
      </p:sp>
      <p:sp>
        <p:nvSpPr>
          <p:cNvPr id="117763" name="Notes Placeholder 2"/>
          <p:cNvSpPr>
            <a:spLocks noGrp="1"/>
          </p:cNvSpPr>
          <p:nvPr>
            <p:ph type="body" idx="1"/>
          </p:nvPr>
        </p:nvSpPr>
        <p:spPr>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So, based</a:t>
            </a:r>
            <a:r>
              <a:rPr lang="en-US" baseline="0" dirty="0"/>
              <a:t> on the previous slides, the way the 3 things work is by providing a framework and structure for Clarity, Accountability, and Measurable Progress within an organization. </a:t>
            </a:r>
            <a:endParaRPr lang="en-US" dirty="0"/>
          </a:p>
          <a:p>
            <a:pPr eaLnBrk="1" hangingPunct="1"/>
            <a:endParaRPr lang="en-US" dirty="0"/>
          </a:p>
        </p:txBody>
      </p:sp>
      <p:sp>
        <p:nvSpPr>
          <p:cNvPr id="117764" name="Slide Number Placeholder 3"/>
          <p:cNvSpPr>
            <a:spLocks noGrp="1"/>
          </p:cNvSpPr>
          <p:nvPr>
            <p:ph type="sldNum" sz="quarter" idx="5"/>
          </p:nvPr>
        </p:nvSpPr>
        <p:spPr>
          <a:noFill/>
        </p:spPr>
        <p:txBody>
          <a:bodyPr/>
          <a:lstStyle/>
          <a:p>
            <a:fld id="{B7B39A12-E100-F24F-9C16-20A2AA29ECD1}" type="slidenum">
              <a:rPr lang="en-US"/>
              <a:pPr/>
              <a:t>8</a:t>
            </a:fld>
            <a:endParaRPr lang="en-US"/>
          </a:p>
        </p:txBody>
      </p:sp>
    </p:spTree>
    <p:extLst>
      <p:ext uri="{BB962C8B-B14F-4D97-AF65-F5344CB8AC3E}">
        <p14:creationId xmlns:p14="http://schemas.microsoft.com/office/powerpoint/2010/main" val="315451147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7762" name="Slide Image Placeholder 1"/>
          <p:cNvSpPr>
            <a:spLocks noGrp="1" noRot="1" noChangeAspect="1" noTextEdit="1"/>
          </p:cNvSpPr>
          <p:nvPr>
            <p:ph type="sldImg"/>
          </p:nvPr>
        </p:nvSpPr>
        <p:spPr>
          <a:xfrm>
            <a:off x="685800" y="1143000"/>
            <a:ext cx="5486400" cy="3086100"/>
          </a:xfrm>
          <a:ln/>
        </p:spPr>
      </p:sp>
      <p:sp>
        <p:nvSpPr>
          <p:cNvPr id="117763" name="Notes Placeholder 2"/>
          <p:cNvSpPr>
            <a:spLocks noGrp="1"/>
          </p:cNvSpPr>
          <p:nvPr>
            <p:ph type="body" idx="1"/>
          </p:nvPr>
        </p:nvSpPr>
        <p:spPr>
          <a:noFill/>
          <a:ln/>
        </p:spPr>
        <p:txBody>
          <a:bodyPr/>
          <a:lstStyle/>
          <a:p>
            <a:pPr eaLnBrk="1" hangingPunct="1"/>
            <a:endParaRPr lang="en-US" dirty="0"/>
          </a:p>
        </p:txBody>
      </p:sp>
      <p:sp>
        <p:nvSpPr>
          <p:cNvPr id="117764" name="Slide Number Placeholder 3"/>
          <p:cNvSpPr>
            <a:spLocks noGrp="1"/>
          </p:cNvSpPr>
          <p:nvPr>
            <p:ph type="sldNum" sz="quarter" idx="5"/>
          </p:nvPr>
        </p:nvSpPr>
        <p:spPr>
          <a:noFill/>
        </p:spPr>
        <p:txBody>
          <a:bodyPr/>
          <a:lstStyle/>
          <a:p>
            <a:fld id="{B7B39A12-E100-F24F-9C16-20A2AA29ECD1}" type="slidenum">
              <a:rPr lang="en-US"/>
              <a:pPr/>
              <a:t>9</a:t>
            </a:fld>
            <a:endParaRPr lang="en-US"/>
          </a:p>
        </p:txBody>
      </p:sp>
    </p:spTree>
    <p:extLst>
      <p:ext uri="{BB962C8B-B14F-4D97-AF65-F5344CB8AC3E}">
        <p14:creationId xmlns:p14="http://schemas.microsoft.com/office/powerpoint/2010/main" val="201798664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ere is a reference architecture we will use to discuss portfolio management</a:t>
            </a:r>
          </a:p>
        </p:txBody>
      </p:sp>
      <p:sp>
        <p:nvSpPr>
          <p:cNvPr id="4" name="Slide Number Placeholder 3"/>
          <p:cNvSpPr>
            <a:spLocks noGrp="1"/>
          </p:cNvSpPr>
          <p:nvPr>
            <p:ph type="sldNum" sz="quarter" idx="5"/>
          </p:nvPr>
        </p:nvSpPr>
        <p:spPr/>
        <p:txBody>
          <a:bodyPr/>
          <a:lstStyle/>
          <a:p>
            <a:fld id="{AE3316E5-1CED-3E4F-8B4E-1A6EB1FCB56D}" type="slidenum">
              <a:rPr lang="en-US" smtClean="0"/>
              <a:t>10</a:t>
            </a:fld>
            <a:endParaRPr lang="en-US"/>
          </a:p>
        </p:txBody>
      </p:sp>
    </p:spTree>
    <p:extLst>
      <p:ext uri="{BB962C8B-B14F-4D97-AF65-F5344CB8AC3E}">
        <p14:creationId xmlns:p14="http://schemas.microsoft.com/office/powerpoint/2010/main" val="73019238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a typical set of things that flow through the governance model – initiatives -&gt; epics -&gt; features -&gt; stories</a:t>
            </a:r>
          </a:p>
          <a:p>
            <a:endParaRPr lang="en-US" dirty="0"/>
          </a:p>
          <a:p>
            <a:r>
              <a:rPr lang="en-US" dirty="0"/>
              <a:t>The larger items set the context for the next smaller item</a:t>
            </a:r>
          </a:p>
        </p:txBody>
      </p:sp>
      <p:sp>
        <p:nvSpPr>
          <p:cNvPr id="4" name="Slide Number Placeholder 3"/>
          <p:cNvSpPr>
            <a:spLocks noGrp="1"/>
          </p:cNvSpPr>
          <p:nvPr>
            <p:ph type="sldNum" sz="quarter" idx="5"/>
          </p:nvPr>
        </p:nvSpPr>
        <p:spPr/>
        <p:txBody>
          <a:bodyPr/>
          <a:lstStyle/>
          <a:p>
            <a:fld id="{AE3316E5-1CED-3E4F-8B4E-1A6EB1FCB56D}" type="slidenum">
              <a:rPr lang="en-US"/>
              <a:t>15</a:t>
            </a:fld>
            <a:endParaRPr lang="en-US"/>
          </a:p>
        </p:txBody>
      </p:sp>
    </p:spTree>
    <p:extLst>
      <p:ext uri="{BB962C8B-B14F-4D97-AF65-F5344CB8AC3E}">
        <p14:creationId xmlns:p14="http://schemas.microsoft.com/office/powerpoint/2010/main" val="313705428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1.jp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2.jp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3.jp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jp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6.jp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7.jp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image" Target="../media/image18.jp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20.jp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21.jp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jp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7.jp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8.jp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9.jp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0.jp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Title Slide">
    <p:spTree>
      <p:nvGrpSpPr>
        <p:cNvPr id="1" name=""/>
        <p:cNvGrpSpPr/>
        <p:nvPr/>
      </p:nvGrpSpPr>
      <p:grpSpPr>
        <a:xfrm>
          <a:off x="0" y="0"/>
          <a:ext cx="0" cy="0"/>
          <a:chOff x="0" y="0"/>
          <a:chExt cx="0" cy="0"/>
        </a:xfrm>
      </p:grpSpPr>
      <p:pic>
        <p:nvPicPr>
          <p:cNvPr id="13" name="Picture 12" descr="A close up of a logo&#10;&#10;Description automatically generated">
            <a:extLst>
              <a:ext uri="{FF2B5EF4-FFF2-40B4-BE49-F238E27FC236}">
                <a16:creationId xmlns:a16="http://schemas.microsoft.com/office/drawing/2014/main" id="{1E02BFF8-BF2A-1642-B351-B5E6DCC905D9}"/>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Title 1"/>
          <p:cNvSpPr>
            <a:spLocks noGrp="1"/>
          </p:cNvSpPr>
          <p:nvPr>
            <p:ph type="ctrTitle" hasCustomPrompt="1"/>
          </p:nvPr>
        </p:nvSpPr>
        <p:spPr>
          <a:xfrm>
            <a:off x="5304349" y="1697089"/>
            <a:ext cx="6274242" cy="1824269"/>
          </a:xfrm>
        </p:spPr>
        <p:txBody>
          <a:bodyPr anchor="b" anchorCtr="0">
            <a:noAutofit/>
          </a:bodyPr>
          <a:lstStyle>
            <a:lvl1pPr algn="l">
              <a:lnSpc>
                <a:spcPts val="5000"/>
              </a:lnSpc>
              <a:defRPr sz="4500" cap="all" spc="520" baseline="0">
                <a:solidFill>
                  <a:schemeClr val="bg1"/>
                </a:solidFill>
              </a:defRPr>
            </a:lvl1pPr>
          </a:lstStyle>
          <a:p>
            <a:r>
              <a:rPr lang="en-US" dirty="0"/>
              <a:t>Headline </a:t>
            </a:r>
            <a:br>
              <a:rPr lang="en-US" dirty="0"/>
            </a:br>
            <a:r>
              <a:rPr lang="en-US" dirty="0"/>
              <a:t>goes here</a:t>
            </a:r>
          </a:p>
        </p:txBody>
      </p:sp>
      <p:sp>
        <p:nvSpPr>
          <p:cNvPr id="8" name="Subtitle 2"/>
          <p:cNvSpPr>
            <a:spLocks noGrp="1"/>
          </p:cNvSpPr>
          <p:nvPr>
            <p:ph type="subTitle" idx="1"/>
          </p:nvPr>
        </p:nvSpPr>
        <p:spPr>
          <a:xfrm>
            <a:off x="5509897" y="3607624"/>
            <a:ext cx="6068694" cy="791656"/>
          </a:xfrm>
        </p:spPr>
        <p:txBody>
          <a:bodyPr anchor="t"/>
          <a:lstStyle>
            <a:lvl1pPr marL="0" indent="0" algn="l">
              <a:buNone/>
              <a:defRPr sz="1800" i="1" baseline="0">
                <a:solidFill>
                  <a:schemeClr val="bg1">
                    <a:alpha val="80000"/>
                  </a:schemeClr>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edit Master subtitle style</a:t>
            </a:r>
            <a:endParaRPr lang="en-US" dirty="0"/>
          </a:p>
        </p:txBody>
      </p:sp>
      <p:pic>
        <p:nvPicPr>
          <p:cNvPr id="12" name="Picture 11">
            <a:extLst>
              <a:ext uri="{FF2B5EF4-FFF2-40B4-BE49-F238E27FC236}">
                <a16:creationId xmlns:a16="http://schemas.microsoft.com/office/drawing/2014/main" id="{63252F48-37C3-6144-85A9-BF8425318C60}"/>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309148" y="771020"/>
            <a:ext cx="1914860" cy="155049"/>
          </a:xfrm>
          <a:prstGeom prst="rect">
            <a:avLst/>
          </a:prstGeom>
        </p:spPr>
      </p:pic>
      <p:cxnSp>
        <p:nvCxnSpPr>
          <p:cNvPr id="10" name="Straight Connector 9">
            <a:extLst>
              <a:ext uri="{FF2B5EF4-FFF2-40B4-BE49-F238E27FC236}">
                <a16:creationId xmlns:a16="http://schemas.microsoft.com/office/drawing/2014/main" id="{7B92B507-B4C6-6E41-B380-AA42982FC57C}"/>
              </a:ext>
            </a:extLst>
          </p:cNvPr>
          <p:cNvCxnSpPr>
            <a:cxnSpLocks/>
          </p:cNvCxnSpPr>
          <p:nvPr userDrawn="1"/>
        </p:nvCxnSpPr>
        <p:spPr>
          <a:xfrm>
            <a:off x="5420908" y="3607624"/>
            <a:ext cx="0" cy="400050"/>
          </a:xfrm>
          <a:prstGeom prst="line">
            <a:avLst/>
          </a:prstGeom>
          <a:ln cap="sq">
            <a:headEnd type="none" w="sm" len="sm"/>
            <a:tailEnd type="none"/>
          </a:ln>
          <a:effectLst/>
        </p:spPr>
        <p:style>
          <a:lnRef idx="2">
            <a:schemeClr val="accent1"/>
          </a:lnRef>
          <a:fillRef idx="0">
            <a:schemeClr val="accent1"/>
          </a:fillRef>
          <a:effectRef idx="1">
            <a:schemeClr val="accent1"/>
          </a:effectRef>
          <a:fontRef idx="minor">
            <a:schemeClr val="tx1"/>
          </a:fontRef>
        </p:style>
      </p:cxn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Section Header 6">
    <p:spTree>
      <p:nvGrpSpPr>
        <p:cNvPr id="1" name=""/>
        <p:cNvGrpSpPr/>
        <p:nvPr/>
      </p:nvGrpSpPr>
      <p:grpSpPr>
        <a:xfrm>
          <a:off x="0" y="0"/>
          <a:ext cx="0" cy="0"/>
          <a:chOff x="0" y="0"/>
          <a:chExt cx="0" cy="0"/>
        </a:xfrm>
      </p:grpSpPr>
      <p:pic>
        <p:nvPicPr>
          <p:cNvPr id="9" name="Picture 8" descr="A picture containing water, green, refrigerator, snow&#10;&#10;Description automatically generated">
            <a:extLst>
              <a:ext uri="{FF2B5EF4-FFF2-40B4-BE49-F238E27FC236}">
                <a16:creationId xmlns:a16="http://schemas.microsoft.com/office/drawing/2014/main" id="{5B32B516-4E9B-A24D-B545-864930BD815B}"/>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3E910E1E-8A3F-6240-93E8-1B49BBEFA9E1}"/>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138570" y="1029519"/>
            <a:ext cx="1914860" cy="155049"/>
          </a:xfrm>
          <a:prstGeom prst="rect">
            <a:avLst/>
          </a:prstGeom>
        </p:spPr>
      </p:pic>
      <p:cxnSp>
        <p:nvCxnSpPr>
          <p:cNvPr id="8" name="Straight Connector 7">
            <a:extLst>
              <a:ext uri="{FF2B5EF4-FFF2-40B4-BE49-F238E27FC236}">
                <a16:creationId xmlns:a16="http://schemas.microsoft.com/office/drawing/2014/main" id="{280E30AB-50BC-794A-9ED1-77C6886E1B3A}"/>
              </a:ext>
            </a:extLst>
          </p:cNvPr>
          <p:cNvCxnSpPr>
            <a:cxnSpLocks/>
          </p:cNvCxnSpPr>
          <p:nvPr userDrawn="1"/>
        </p:nvCxnSpPr>
        <p:spPr>
          <a:xfrm>
            <a:off x="5831958" y="3763756"/>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2" name="Title 1"/>
          <p:cNvSpPr>
            <a:spLocks noGrp="1"/>
          </p:cNvSpPr>
          <p:nvPr>
            <p:ph type="ctrTitle"/>
          </p:nvPr>
        </p:nvSpPr>
        <p:spPr>
          <a:xfrm>
            <a:off x="3575304" y="1636776"/>
            <a:ext cx="5038344" cy="1792224"/>
          </a:xfrm>
        </p:spPr>
        <p:txBody>
          <a:bodyPr anchor="b" anchorCtr="0">
            <a:noAutofit/>
          </a:bodyPr>
          <a:lstStyle>
            <a:lvl1pPr algn="ctr" defTabSz="457200" rtl="0" eaLnBrk="1" latinLnBrk="0" hangingPunct="1">
              <a:lnSpc>
                <a:spcPct val="110000"/>
              </a:lnSpc>
              <a:spcBef>
                <a:spcPct val="0"/>
              </a:spcBef>
              <a:buNone/>
              <a:defRPr lang="en-US" sz="3500" b="1" kern="1200" cap="all" spc="520" baseline="0" dirty="0">
                <a:solidFill>
                  <a:schemeClr val="bg1"/>
                </a:solidFill>
                <a:latin typeface="+mj-lt"/>
                <a:ea typeface="+mj-ea"/>
                <a:cs typeface="+mj-cs"/>
              </a:defRPr>
            </a:lvl1pPr>
          </a:lstStyle>
          <a:p>
            <a:r>
              <a:rPr lang="en-US"/>
              <a:t>Click to edit Master title style</a:t>
            </a:r>
            <a:endParaRPr lang="en-US" dirty="0"/>
          </a:p>
        </p:txBody>
      </p:sp>
      <p:sp>
        <p:nvSpPr>
          <p:cNvPr id="3" name="Subtitle 2"/>
          <p:cNvSpPr>
            <a:spLocks noGrp="1"/>
          </p:cNvSpPr>
          <p:nvPr>
            <p:ph type="subTitle" idx="1"/>
          </p:nvPr>
        </p:nvSpPr>
        <p:spPr>
          <a:xfrm>
            <a:off x="4105656" y="4078224"/>
            <a:ext cx="3986784" cy="475488"/>
          </a:xfrm>
          <a:ln>
            <a:noFill/>
          </a:ln>
        </p:spPr>
        <p:txBody>
          <a:bodyPr>
            <a:noAutofit/>
          </a:bodyPr>
          <a:lstStyle>
            <a:lvl1pPr marL="0" marR="0" indent="0" algn="ctr" defTabSz="457200" rtl="0" eaLnBrk="1" fontAlgn="auto" latinLnBrk="0" hangingPunct="1">
              <a:lnSpc>
                <a:spcPct val="100000"/>
              </a:lnSpc>
              <a:spcBef>
                <a:spcPct val="20000"/>
              </a:spcBef>
              <a:spcAft>
                <a:spcPts val="0"/>
              </a:spcAft>
              <a:buClrTx/>
              <a:buSzTx/>
              <a:buFont typeface="Arial"/>
              <a:buNone/>
              <a:tabLst/>
              <a:defRPr lang="en-US" sz="1600" b="0" i="1" kern="1200" dirty="0">
                <a:solidFill>
                  <a:schemeClr val="bg2"/>
                </a:solidFill>
                <a:latin typeface="+mn-lt"/>
                <a:ea typeface="+mn-ea"/>
                <a:cs typeface="+mn-cs"/>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pPr marL="0" lvl="0" indent="0" algn="ctr" defTabSz="457200" rtl="0" eaLnBrk="1" latinLnBrk="0" hangingPunct="1">
              <a:spcBef>
                <a:spcPct val="20000"/>
              </a:spcBef>
              <a:spcAft>
                <a:spcPts val="1200"/>
              </a:spcAft>
              <a:buFont typeface="Arial"/>
              <a:buNone/>
            </a:pPr>
            <a:r>
              <a:rPr lang="en-US"/>
              <a:t>Click to edit Master subtitle style</a:t>
            </a:r>
            <a:endParaRPr lang="en-US" dirty="0"/>
          </a:p>
        </p:txBody>
      </p:sp>
    </p:spTree>
    <p:extLst>
      <p:ext uri="{BB962C8B-B14F-4D97-AF65-F5344CB8AC3E}">
        <p14:creationId xmlns:p14="http://schemas.microsoft.com/office/powerpoint/2010/main" val="415767505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Section Header 7">
    <p:spTree>
      <p:nvGrpSpPr>
        <p:cNvPr id="1" name=""/>
        <p:cNvGrpSpPr/>
        <p:nvPr/>
      </p:nvGrpSpPr>
      <p:grpSpPr>
        <a:xfrm>
          <a:off x="0" y="0"/>
          <a:ext cx="0" cy="0"/>
          <a:chOff x="0" y="0"/>
          <a:chExt cx="0" cy="0"/>
        </a:xfrm>
      </p:grpSpPr>
      <p:pic>
        <p:nvPicPr>
          <p:cNvPr id="9" name="Picture 8" descr="A sign on the side of a mountain&#10;&#10;Description automatically generated">
            <a:extLst>
              <a:ext uri="{FF2B5EF4-FFF2-40B4-BE49-F238E27FC236}">
                <a16:creationId xmlns:a16="http://schemas.microsoft.com/office/drawing/2014/main" id="{7830828A-3430-B844-9A37-0AB3D6505736}"/>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3E910E1E-8A3F-6240-93E8-1B49BBEFA9E1}"/>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138570" y="1029519"/>
            <a:ext cx="1914860" cy="155049"/>
          </a:xfrm>
          <a:prstGeom prst="rect">
            <a:avLst/>
          </a:prstGeom>
        </p:spPr>
      </p:pic>
      <p:cxnSp>
        <p:nvCxnSpPr>
          <p:cNvPr id="8" name="Straight Connector 7">
            <a:extLst>
              <a:ext uri="{FF2B5EF4-FFF2-40B4-BE49-F238E27FC236}">
                <a16:creationId xmlns:a16="http://schemas.microsoft.com/office/drawing/2014/main" id="{280E30AB-50BC-794A-9ED1-77C6886E1B3A}"/>
              </a:ext>
            </a:extLst>
          </p:cNvPr>
          <p:cNvCxnSpPr>
            <a:cxnSpLocks/>
          </p:cNvCxnSpPr>
          <p:nvPr userDrawn="1"/>
        </p:nvCxnSpPr>
        <p:spPr>
          <a:xfrm>
            <a:off x="5831958" y="3763756"/>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2" name="Title 1"/>
          <p:cNvSpPr>
            <a:spLocks noGrp="1"/>
          </p:cNvSpPr>
          <p:nvPr>
            <p:ph type="ctrTitle"/>
          </p:nvPr>
        </p:nvSpPr>
        <p:spPr>
          <a:xfrm>
            <a:off x="3575304" y="1636776"/>
            <a:ext cx="5038344" cy="1792224"/>
          </a:xfrm>
        </p:spPr>
        <p:txBody>
          <a:bodyPr anchor="b" anchorCtr="0">
            <a:noAutofit/>
          </a:bodyPr>
          <a:lstStyle>
            <a:lvl1pPr algn="ctr" defTabSz="457200" rtl="0" eaLnBrk="1" latinLnBrk="0" hangingPunct="1">
              <a:lnSpc>
                <a:spcPct val="110000"/>
              </a:lnSpc>
              <a:spcBef>
                <a:spcPct val="0"/>
              </a:spcBef>
              <a:buNone/>
              <a:defRPr lang="en-US" sz="3500" b="1" kern="1200" cap="all" spc="520" baseline="0" dirty="0">
                <a:solidFill>
                  <a:schemeClr val="bg1"/>
                </a:solidFill>
                <a:latin typeface="+mj-lt"/>
                <a:ea typeface="+mj-ea"/>
                <a:cs typeface="+mj-cs"/>
              </a:defRPr>
            </a:lvl1pPr>
          </a:lstStyle>
          <a:p>
            <a:r>
              <a:rPr lang="en-US"/>
              <a:t>Click to edit Master title style</a:t>
            </a:r>
            <a:endParaRPr lang="en-US" dirty="0"/>
          </a:p>
        </p:txBody>
      </p:sp>
      <p:sp>
        <p:nvSpPr>
          <p:cNvPr id="3" name="Subtitle 2"/>
          <p:cNvSpPr>
            <a:spLocks noGrp="1"/>
          </p:cNvSpPr>
          <p:nvPr>
            <p:ph type="subTitle" idx="1"/>
          </p:nvPr>
        </p:nvSpPr>
        <p:spPr>
          <a:xfrm>
            <a:off x="4105656" y="4078224"/>
            <a:ext cx="3986784" cy="475488"/>
          </a:xfrm>
          <a:ln>
            <a:noFill/>
          </a:ln>
        </p:spPr>
        <p:txBody>
          <a:bodyPr>
            <a:noAutofit/>
          </a:bodyPr>
          <a:lstStyle>
            <a:lvl1pPr marL="0" marR="0" indent="0" algn="ctr" defTabSz="457200" rtl="0" eaLnBrk="1" fontAlgn="auto" latinLnBrk="0" hangingPunct="1">
              <a:lnSpc>
                <a:spcPct val="100000"/>
              </a:lnSpc>
              <a:spcBef>
                <a:spcPct val="20000"/>
              </a:spcBef>
              <a:spcAft>
                <a:spcPts val="0"/>
              </a:spcAft>
              <a:buClrTx/>
              <a:buSzTx/>
              <a:buFont typeface="Arial"/>
              <a:buNone/>
              <a:tabLst/>
              <a:defRPr lang="en-US" sz="1600" b="0" i="1" kern="1200" dirty="0">
                <a:solidFill>
                  <a:schemeClr val="bg2"/>
                </a:solidFill>
                <a:latin typeface="+mn-lt"/>
                <a:ea typeface="+mn-ea"/>
                <a:cs typeface="+mn-cs"/>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pPr marL="0" lvl="0" indent="0" algn="ctr" defTabSz="457200" rtl="0" eaLnBrk="1" latinLnBrk="0" hangingPunct="1">
              <a:spcBef>
                <a:spcPct val="20000"/>
              </a:spcBef>
              <a:spcAft>
                <a:spcPts val="1200"/>
              </a:spcAft>
              <a:buFont typeface="Arial"/>
              <a:buNone/>
            </a:pPr>
            <a:r>
              <a:rPr lang="en-US"/>
              <a:t>Click to edit Master subtitle style</a:t>
            </a:r>
            <a:endParaRPr lang="en-US" dirty="0"/>
          </a:p>
        </p:txBody>
      </p:sp>
    </p:spTree>
    <p:extLst>
      <p:ext uri="{BB962C8B-B14F-4D97-AF65-F5344CB8AC3E}">
        <p14:creationId xmlns:p14="http://schemas.microsoft.com/office/powerpoint/2010/main" val="2664079073"/>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pic>
        <p:nvPicPr>
          <p:cNvPr id="14" name="Picture 13" descr="A close up of a mountain&#10;&#10;Description automatically generated">
            <a:extLst>
              <a:ext uri="{FF2B5EF4-FFF2-40B4-BE49-F238E27FC236}">
                <a16:creationId xmlns:a16="http://schemas.microsoft.com/office/drawing/2014/main" id="{68B36054-1D92-3649-B780-6B713F28E841}"/>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15" name="Title 1">
            <a:extLst>
              <a:ext uri="{FF2B5EF4-FFF2-40B4-BE49-F238E27FC236}">
                <a16:creationId xmlns:a16="http://schemas.microsoft.com/office/drawing/2014/main" id="{0E2E852C-22BE-1747-8878-39C052C1271E}"/>
              </a:ext>
            </a:extLst>
          </p:cNvPr>
          <p:cNvSpPr>
            <a:spLocks noGrp="1"/>
          </p:cNvSpPr>
          <p:nvPr>
            <p:ph type="title" hasCustomPrompt="1"/>
          </p:nvPr>
        </p:nvSpPr>
        <p:spPr>
          <a:xfrm>
            <a:off x="556010" y="2300751"/>
            <a:ext cx="5705642" cy="1009653"/>
          </a:xfrm>
        </p:spPr>
        <p:txBody>
          <a:bodyPr anchor="b" anchorCtr="0"/>
          <a:lstStyle>
            <a:lvl1pPr algn="ctr">
              <a:defRPr sz="3500" spc="520" baseline="0">
                <a:solidFill>
                  <a:schemeClr val="bg1"/>
                </a:solidFill>
              </a:defRPr>
            </a:lvl1pPr>
          </a:lstStyle>
          <a:p>
            <a:r>
              <a:rPr lang="en-US" dirty="0"/>
              <a:t>AGENDA</a:t>
            </a:r>
          </a:p>
        </p:txBody>
      </p:sp>
      <p:cxnSp>
        <p:nvCxnSpPr>
          <p:cNvPr id="16" name="Straight Connector 15">
            <a:extLst>
              <a:ext uri="{FF2B5EF4-FFF2-40B4-BE49-F238E27FC236}">
                <a16:creationId xmlns:a16="http://schemas.microsoft.com/office/drawing/2014/main" id="{301DC046-DBFA-0D41-BA3D-4A07AB9E6C44}"/>
              </a:ext>
            </a:extLst>
          </p:cNvPr>
          <p:cNvCxnSpPr>
            <a:cxnSpLocks/>
          </p:cNvCxnSpPr>
          <p:nvPr userDrawn="1"/>
        </p:nvCxnSpPr>
        <p:spPr>
          <a:xfrm>
            <a:off x="3144789" y="3499596"/>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17" name="Text Placeholder 22">
            <a:extLst>
              <a:ext uri="{FF2B5EF4-FFF2-40B4-BE49-F238E27FC236}">
                <a16:creationId xmlns:a16="http://schemas.microsoft.com/office/drawing/2014/main" id="{4AD7F0C7-07AC-9045-9B78-4B521B309F3C}"/>
              </a:ext>
            </a:extLst>
          </p:cNvPr>
          <p:cNvSpPr>
            <a:spLocks noGrp="1"/>
          </p:cNvSpPr>
          <p:nvPr>
            <p:ph type="body" sz="quarter" idx="10"/>
          </p:nvPr>
        </p:nvSpPr>
        <p:spPr>
          <a:xfrm>
            <a:off x="7315200" y="1983254"/>
            <a:ext cx="4175759" cy="2654300"/>
          </a:xfrm>
        </p:spPr>
        <p:txBody>
          <a:bodyPr anchor="ctr">
            <a:normAutofit/>
          </a:bodyPr>
          <a:lstStyle>
            <a:lvl1pPr marL="342900" marR="0" indent="-228600" algn="l" defTabSz="457200" rtl="0" eaLnBrk="1" fontAlgn="auto" latinLnBrk="0" hangingPunct="1">
              <a:lnSpc>
                <a:spcPct val="100000"/>
              </a:lnSpc>
              <a:spcBef>
                <a:spcPts val="400"/>
              </a:spcBef>
              <a:spcAft>
                <a:spcPts val="800"/>
              </a:spcAft>
              <a:buClr>
                <a:schemeClr val="accent1"/>
              </a:buClr>
              <a:buSzTx/>
              <a:buFont typeface="Arial" panose="020B0604020202020204" pitchFamily="34" charset="0"/>
              <a:buChar char="•"/>
              <a:tabLst/>
              <a:defRPr sz="2000" i="1"/>
            </a:lvl1pPr>
            <a:lvl2pPr marL="808038" indent="-234950">
              <a:tabLst/>
              <a:defRPr sz="1600"/>
            </a:lvl2pPr>
            <a:lvl3pPr marL="1201738" indent="-236538">
              <a:tabLst/>
              <a:defRPr sz="1600"/>
            </a:lvl3pPr>
          </a:lstStyle>
          <a:p>
            <a:pPr lvl="0"/>
            <a:r>
              <a:rPr lang="en-US" dirty="0"/>
              <a:t>Click to edit Master text styles</a:t>
            </a:r>
          </a:p>
          <a:p>
            <a:pPr lvl="1"/>
            <a:r>
              <a:rPr lang="en-US" dirty="0"/>
              <a:t>Second level</a:t>
            </a:r>
          </a:p>
          <a:p>
            <a:pPr lvl="2"/>
            <a:r>
              <a:rPr lang="en-US" dirty="0"/>
              <a:t>Third level</a:t>
            </a:r>
          </a:p>
        </p:txBody>
      </p:sp>
    </p:spTree>
    <p:extLst>
      <p:ext uri="{BB962C8B-B14F-4D97-AF65-F5344CB8AC3E}">
        <p14:creationId xmlns:p14="http://schemas.microsoft.com/office/powerpoint/2010/main" val="3183532401"/>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9" name="Content Placeholder 2"/>
          <p:cNvSpPr>
            <a:spLocks noGrp="1"/>
          </p:cNvSpPr>
          <p:nvPr>
            <p:ph idx="1"/>
          </p:nvPr>
        </p:nvSpPr>
        <p:spPr>
          <a:xfrm>
            <a:off x="1703350" y="1837529"/>
            <a:ext cx="9468234" cy="4253240"/>
          </a:xfrm>
        </p:spPr>
        <p:txBody>
          <a:bodyPr>
            <a:noAutofit/>
          </a:bodyPr>
          <a:lstStyle>
            <a:lvl1pPr>
              <a:defRPr sz="2200"/>
            </a:lvl1pPr>
            <a:lvl2pPr>
              <a:defRPr sz="2200"/>
            </a:lvl2pPr>
            <a:lvl3pPr>
              <a:defRPr sz="2200"/>
            </a:lvl3pPr>
            <a:lvl4pPr>
              <a:defRPr sz="2200"/>
            </a:lvl4pPr>
            <a:lvl5pPr>
              <a:defRPr sz="2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Title 9"/>
          <p:cNvSpPr>
            <a:spLocks noGrp="1"/>
          </p:cNvSpPr>
          <p:nvPr>
            <p:ph type="title" hasCustomPrompt="1"/>
          </p:nvPr>
        </p:nvSpPr>
        <p:spPr>
          <a:xfrm>
            <a:off x="1703350" y="358087"/>
            <a:ext cx="9468234" cy="868349"/>
          </a:xfrm>
        </p:spPr>
        <p:txBody>
          <a:bodyPr anchor="b" anchorCtr="0"/>
          <a:lstStyle>
            <a:lvl1pPr>
              <a:defRPr sz="3000" spc="320" baseline="0">
                <a:solidFill>
                  <a:schemeClr val="tx2">
                    <a:lumMod val="50000"/>
                  </a:schemeClr>
                </a:solidFill>
              </a:defRPr>
            </a:lvl1pPr>
          </a:lstStyle>
          <a:p>
            <a:r>
              <a:rPr lang="en-US" dirty="0"/>
              <a:t>One line headline goes here</a:t>
            </a:r>
          </a:p>
        </p:txBody>
      </p:sp>
      <p:cxnSp>
        <p:nvCxnSpPr>
          <p:cNvPr id="16" name="Straight Connector 15">
            <a:extLst>
              <a:ext uri="{FF2B5EF4-FFF2-40B4-BE49-F238E27FC236}">
                <a16:creationId xmlns:a16="http://schemas.microsoft.com/office/drawing/2014/main" id="{3432A482-DE5D-4241-B9DB-AFCBBA52A9DD}"/>
              </a:ext>
            </a:extLst>
          </p:cNvPr>
          <p:cNvCxnSpPr>
            <a:cxnSpLocks/>
          </p:cNvCxnSpPr>
          <p:nvPr userDrawn="1"/>
        </p:nvCxnSpPr>
        <p:spPr>
          <a:xfrm>
            <a:off x="1818962" y="1394578"/>
            <a:ext cx="619437"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7" name="Slide Number Placeholder 4">
            <a:extLst>
              <a:ext uri="{FF2B5EF4-FFF2-40B4-BE49-F238E27FC236}">
                <a16:creationId xmlns:a16="http://schemas.microsoft.com/office/drawing/2014/main" id="{C33E90DC-9A2E-0747-8806-5F441033E9CE}"/>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spTree>
    <p:extLst>
      <p:ext uri="{BB962C8B-B14F-4D97-AF65-F5344CB8AC3E}">
        <p14:creationId xmlns:p14="http://schemas.microsoft.com/office/powerpoint/2010/main" val="124809163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and Content with Subheadline">
    <p:spTree>
      <p:nvGrpSpPr>
        <p:cNvPr id="1" name=""/>
        <p:cNvGrpSpPr/>
        <p:nvPr/>
      </p:nvGrpSpPr>
      <p:grpSpPr>
        <a:xfrm>
          <a:off x="0" y="0"/>
          <a:ext cx="0" cy="0"/>
          <a:chOff x="0" y="0"/>
          <a:chExt cx="0" cy="0"/>
        </a:xfrm>
      </p:grpSpPr>
      <p:sp>
        <p:nvSpPr>
          <p:cNvPr id="9" name="Content Placeholder 2"/>
          <p:cNvSpPr>
            <a:spLocks noGrp="1"/>
          </p:cNvSpPr>
          <p:nvPr>
            <p:ph idx="1"/>
          </p:nvPr>
        </p:nvSpPr>
        <p:spPr>
          <a:xfrm>
            <a:off x="1703350" y="2237653"/>
            <a:ext cx="9468234" cy="4015243"/>
          </a:xfrm>
        </p:spPr>
        <p:txBody>
          <a:bodyPr>
            <a:noAutofit/>
          </a:bodyPr>
          <a:lstStyle>
            <a:lvl1pPr>
              <a:defRPr sz="2200"/>
            </a:lvl1pPr>
            <a:lvl2pPr>
              <a:defRPr sz="2200"/>
            </a:lvl2pPr>
            <a:lvl3pPr>
              <a:defRPr sz="2200"/>
            </a:lvl3pPr>
            <a:lvl4pPr>
              <a:defRPr sz="2200"/>
            </a:lvl4pPr>
            <a:lvl5pPr>
              <a:defRPr sz="2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9"/>
          <p:cNvSpPr>
            <a:spLocks noGrp="1"/>
          </p:cNvSpPr>
          <p:nvPr>
            <p:ph type="title" hasCustomPrompt="1"/>
          </p:nvPr>
        </p:nvSpPr>
        <p:spPr>
          <a:xfrm>
            <a:off x="1700784" y="356616"/>
            <a:ext cx="9468234" cy="868680"/>
          </a:xfrm>
        </p:spPr>
        <p:txBody>
          <a:bodyPr anchor="b" anchorCtr="0"/>
          <a:lstStyle>
            <a:lvl1pPr>
              <a:defRPr sz="3000"/>
            </a:lvl1pPr>
          </a:lstStyle>
          <a:p>
            <a:r>
              <a:rPr lang="en-US" dirty="0"/>
              <a:t>One Line Headline goes here</a:t>
            </a:r>
          </a:p>
        </p:txBody>
      </p:sp>
      <p:sp>
        <p:nvSpPr>
          <p:cNvPr id="12" name="Text Placeholder 11"/>
          <p:cNvSpPr>
            <a:spLocks noGrp="1"/>
          </p:cNvSpPr>
          <p:nvPr>
            <p:ph type="body" sz="quarter" idx="10" hasCustomPrompt="1"/>
          </p:nvPr>
        </p:nvSpPr>
        <p:spPr>
          <a:xfrm>
            <a:off x="1700784" y="1245885"/>
            <a:ext cx="9468234" cy="273050"/>
          </a:xfrm>
        </p:spPr>
        <p:txBody>
          <a:bodyPr>
            <a:noAutofit/>
          </a:bodyPr>
          <a:lstStyle>
            <a:lvl1pPr algn="l">
              <a:defRPr sz="1400" b="0" i="1" cap="none" spc="0" baseline="0">
                <a:solidFill>
                  <a:schemeClr val="tx2">
                    <a:lumMod val="75000"/>
                    <a:alpha val="80000"/>
                  </a:schemeClr>
                </a:solidFill>
                <a:latin typeface="Calibri" panose="020F0502020204030204" pitchFamily="34" charset="0"/>
                <a:cs typeface="Calibri" panose="020F0502020204030204" pitchFamily="34" charset="0"/>
              </a:defRPr>
            </a:lvl1pPr>
          </a:lstStyle>
          <a:p>
            <a:pPr lvl="0"/>
            <a:r>
              <a:rPr lang="en-US" dirty="0"/>
              <a:t>One line </a:t>
            </a:r>
            <a:r>
              <a:rPr lang="en-US" dirty="0" err="1"/>
              <a:t>subheadline</a:t>
            </a:r>
            <a:endParaRPr lang="en-US" dirty="0"/>
          </a:p>
        </p:txBody>
      </p:sp>
      <p:cxnSp>
        <p:nvCxnSpPr>
          <p:cNvPr id="8" name="Straight Connector 7">
            <a:extLst>
              <a:ext uri="{FF2B5EF4-FFF2-40B4-BE49-F238E27FC236}">
                <a16:creationId xmlns:a16="http://schemas.microsoft.com/office/drawing/2014/main" id="{D979F2DE-AABA-774F-A17F-74E585E97B30}"/>
              </a:ext>
            </a:extLst>
          </p:cNvPr>
          <p:cNvCxnSpPr>
            <a:cxnSpLocks/>
          </p:cNvCxnSpPr>
          <p:nvPr userDrawn="1"/>
        </p:nvCxnSpPr>
        <p:spPr>
          <a:xfrm>
            <a:off x="1776921" y="1650373"/>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14" name="Slide Number Placeholder 4">
            <a:extLst>
              <a:ext uri="{FF2B5EF4-FFF2-40B4-BE49-F238E27FC236}">
                <a16:creationId xmlns:a16="http://schemas.microsoft.com/office/drawing/2014/main" id="{DECA959A-66E1-D744-8EF0-91BC29F5BCEB}"/>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1700784" y="356616"/>
            <a:ext cx="9464040" cy="868680"/>
          </a:xfrm>
        </p:spPr>
        <p:txBody>
          <a:bodyPr anchor="b" anchorCtr="0"/>
          <a:lstStyle>
            <a:lvl1pPr algn="l">
              <a:defRPr sz="3000" cap="all"/>
            </a:lvl1pPr>
          </a:lstStyle>
          <a:p>
            <a:r>
              <a:rPr lang="en-US" dirty="0"/>
              <a:t>One line headline goes here</a:t>
            </a:r>
          </a:p>
        </p:txBody>
      </p:sp>
      <p:sp>
        <p:nvSpPr>
          <p:cNvPr id="7" name="Slide Number Placeholder 4">
            <a:extLst>
              <a:ext uri="{FF2B5EF4-FFF2-40B4-BE49-F238E27FC236}">
                <a16:creationId xmlns:a16="http://schemas.microsoft.com/office/drawing/2014/main" id="{5CA0759F-90D9-A24E-A088-73BB8BC5632C}"/>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cxnSp>
        <p:nvCxnSpPr>
          <p:cNvPr id="8" name="Straight Connector 7">
            <a:extLst>
              <a:ext uri="{FF2B5EF4-FFF2-40B4-BE49-F238E27FC236}">
                <a16:creationId xmlns:a16="http://schemas.microsoft.com/office/drawing/2014/main" id="{6CB9B272-5552-C645-9B6C-21EB5A638D02}"/>
              </a:ext>
            </a:extLst>
          </p:cNvPr>
          <p:cNvCxnSpPr>
            <a:cxnSpLocks/>
          </p:cNvCxnSpPr>
          <p:nvPr userDrawn="1"/>
        </p:nvCxnSpPr>
        <p:spPr>
          <a:xfrm>
            <a:off x="1818962" y="1394578"/>
            <a:ext cx="619437"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702676" y="356616"/>
            <a:ext cx="9449027" cy="868680"/>
          </a:xfrm>
        </p:spPr>
        <p:txBody>
          <a:bodyPr anchor="b" anchorCtr="0"/>
          <a:lstStyle>
            <a:lvl1pPr algn="l">
              <a:defRPr sz="3000"/>
            </a:lvl1pPr>
          </a:lstStyle>
          <a:p>
            <a:r>
              <a:rPr lang="en-US" dirty="0"/>
              <a:t>One line headline goes here</a:t>
            </a:r>
          </a:p>
        </p:txBody>
      </p:sp>
      <p:sp>
        <p:nvSpPr>
          <p:cNvPr id="3" name="Content Placeholder 2"/>
          <p:cNvSpPr>
            <a:spLocks noGrp="1"/>
          </p:cNvSpPr>
          <p:nvPr>
            <p:ph sz="half" idx="1"/>
          </p:nvPr>
        </p:nvSpPr>
        <p:spPr>
          <a:xfrm>
            <a:off x="1702675" y="1816100"/>
            <a:ext cx="4297680" cy="4251960"/>
          </a:xfrm>
        </p:spPr>
        <p:txBody>
          <a:bodyPr>
            <a:noAutofit/>
          </a:bodyPr>
          <a:lstStyle>
            <a:lvl1pPr>
              <a:defRPr sz="2200"/>
            </a:lvl1pPr>
            <a:lvl2pPr>
              <a:defRPr sz="2200"/>
            </a:lvl2pPr>
            <a:lvl3pPr>
              <a:defRPr sz="2200"/>
            </a:lvl3pPr>
            <a:lvl4pPr>
              <a:defRPr sz="2200"/>
            </a:lvl4pPr>
            <a:lvl5pPr>
              <a:defRPr sz="2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p:nvPr>
        </p:nvSpPr>
        <p:spPr>
          <a:xfrm>
            <a:off x="6854023" y="1816100"/>
            <a:ext cx="4297680" cy="4251960"/>
          </a:xfrm>
        </p:spPr>
        <p:txBody>
          <a:bodyPr>
            <a:noAutofit/>
          </a:bodyPr>
          <a:lstStyle>
            <a:lvl1pPr>
              <a:defRPr sz="2200"/>
            </a:lvl1pPr>
            <a:lvl2pPr>
              <a:defRPr sz="2200"/>
            </a:lvl2pPr>
            <a:lvl3pPr>
              <a:defRPr sz="2200"/>
            </a:lvl3pPr>
            <a:lvl4pPr>
              <a:defRPr sz="2200"/>
            </a:lvl4pPr>
            <a:lvl5pPr>
              <a:defRPr sz="2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cxnSp>
        <p:nvCxnSpPr>
          <p:cNvPr id="19" name="Straight Connector 18"/>
          <p:cNvCxnSpPr/>
          <p:nvPr userDrawn="1"/>
        </p:nvCxnSpPr>
        <p:spPr>
          <a:xfrm>
            <a:off x="6427189" y="2011054"/>
            <a:ext cx="0" cy="3933172"/>
          </a:xfrm>
          <a:prstGeom prst="line">
            <a:avLst/>
          </a:prstGeom>
          <a:ln w="3810">
            <a:solidFill>
              <a:srgbClr val="CBCBCB"/>
            </a:solidFill>
            <a:headEnd type="none"/>
            <a:tailEnd type="none"/>
          </a:ln>
          <a:effectLst/>
        </p:spPr>
        <p:style>
          <a:lnRef idx="2">
            <a:schemeClr val="accent1"/>
          </a:lnRef>
          <a:fillRef idx="0">
            <a:schemeClr val="accent1"/>
          </a:fillRef>
          <a:effectRef idx="1">
            <a:schemeClr val="accent1"/>
          </a:effectRef>
          <a:fontRef idx="minor">
            <a:schemeClr val="tx1"/>
          </a:fontRef>
        </p:style>
      </p:cxnSp>
      <p:sp>
        <p:nvSpPr>
          <p:cNvPr id="13" name="Slide Number Placeholder 4">
            <a:extLst>
              <a:ext uri="{FF2B5EF4-FFF2-40B4-BE49-F238E27FC236}">
                <a16:creationId xmlns:a16="http://schemas.microsoft.com/office/drawing/2014/main" id="{F51D5268-F8E6-0149-812B-D5D57EC71840}"/>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cxnSp>
        <p:nvCxnSpPr>
          <p:cNvPr id="15" name="Straight Connector 14">
            <a:extLst>
              <a:ext uri="{FF2B5EF4-FFF2-40B4-BE49-F238E27FC236}">
                <a16:creationId xmlns:a16="http://schemas.microsoft.com/office/drawing/2014/main" id="{FB7E0748-D143-2C4E-BC39-507519DFCAEF}"/>
              </a:ext>
            </a:extLst>
          </p:cNvPr>
          <p:cNvCxnSpPr>
            <a:cxnSpLocks/>
          </p:cNvCxnSpPr>
          <p:nvPr userDrawn="1"/>
        </p:nvCxnSpPr>
        <p:spPr>
          <a:xfrm>
            <a:off x="1818962" y="1394578"/>
            <a:ext cx="619437"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700784" y="356616"/>
            <a:ext cx="9464040" cy="868680"/>
          </a:xfrm>
        </p:spPr>
        <p:txBody>
          <a:bodyPr anchor="b" anchorCtr="0"/>
          <a:lstStyle>
            <a:lvl1pPr algn="l">
              <a:defRPr lang="en-US" sz="3000" b="1" kern="1200" cap="all" spc="320" baseline="0" dirty="0">
                <a:solidFill>
                  <a:schemeClr val="tx2">
                    <a:lumMod val="50000"/>
                  </a:schemeClr>
                </a:solidFill>
                <a:latin typeface="+mj-lt"/>
                <a:ea typeface="+mj-ea"/>
                <a:cs typeface="+mj-cs"/>
              </a:defRPr>
            </a:lvl1pPr>
          </a:lstStyle>
          <a:p>
            <a:r>
              <a:rPr lang="en-US" dirty="0"/>
              <a:t>One line headline goes here</a:t>
            </a:r>
          </a:p>
        </p:txBody>
      </p:sp>
      <p:sp>
        <p:nvSpPr>
          <p:cNvPr id="3" name="Text Placeholder 2"/>
          <p:cNvSpPr>
            <a:spLocks noGrp="1"/>
          </p:cNvSpPr>
          <p:nvPr>
            <p:ph type="body" idx="1" hasCustomPrompt="1"/>
          </p:nvPr>
        </p:nvSpPr>
        <p:spPr>
          <a:xfrm>
            <a:off x="1700785" y="1707949"/>
            <a:ext cx="4297680" cy="546736"/>
          </a:xfrm>
        </p:spPr>
        <p:txBody>
          <a:bodyPr anchor="b">
            <a:normAutofit/>
          </a:bodyPr>
          <a:lstStyle>
            <a:lvl1pPr marL="0" indent="0">
              <a:buNone/>
              <a:defRPr sz="1400" b="1" cap="all" spc="200" baseline="0">
                <a:solidFill>
                  <a:schemeClr val="tx1"/>
                </a:solidFill>
                <a:latin typeface="+mj-lt"/>
              </a:defRPr>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en-US" dirty="0"/>
              <a:t>One line title goes here</a:t>
            </a:r>
          </a:p>
        </p:txBody>
      </p:sp>
      <p:sp>
        <p:nvSpPr>
          <p:cNvPr id="4" name="Content Placeholder 3"/>
          <p:cNvSpPr>
            <a:spLocks noGrp="1"/>
          </p:cNvSpPr>
          <p:nvPr>
            <p:ph sz="half" idx="2"/>
          </p:nvPr>
        </p:nvSpPr>
        <p:spPr>
          <a:xfrm>
            <a:off x="1700784" y="2254686"/>
            <a:ext cx="4297680" cy="3915165"/>
          </a:xfrm>
        </p:spPr>
        <p:txBody>
          <a:bodyPr>
            <a:noAutofit/>
          </a:bodyPr>
          <a:lstStyle>
            <a:lvl1pPr marL="228600" indent="-228600">
              <a:buClr>
                <a:schemeClr val="accent4">
                  <a:lumMod val="60000"/>
                  <a:lumOff val="40000"/>
                </a:schemeClr>
              </a:buClr>
              <a:buFont typeface="Arial" panose="020B0604020202020204" pitchFamily="34" charset="0"/>
              <a:buChar char="•"/>
              <a:tabLst/>
              <a:defRPr sz="1600"/>
            </a:lvl1pPr>
            <a:lvl2pPr>
              <a:defRPr sz="1600"/>
            </a:lvl2pPr>
            <a:lvl3pPr>
              <a:defRPr sz="16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hasCustomPrompt="1"/>
          </p:nvPr>
        </p:nvSpPr>
        <p:spPr>
          <a:xfrm>
            <a:off x="6867144" y="1707949"/>
            <a:ext cx="4297680" cy="546736"/>
          </a:xfrm>
        </p:spPr>
        <p:txBody>
          <a:bodyPr anchor="b">
            <a:normAutofit/>
          </a:bodyPr>
          <a:lstStyle>
            <a:lvl1pPr marL="0" indent="0">
              <a:buNone/>
              <a:defRPr sz="1400" b="1" cap="all" spc="200" baseline="0">
                <a:solidFill>
                  <a:schemeClr val="tx1"/>
                </a:solidFill>
                <a:latin typeface="+mj-lt"/>
              </a:defRPr>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en-US" dirty="0"/>
              <a:t>One line title goes here</a:t>
            </a:r>
          </a:p>
        </p:txBody>
      </p:sp>
      <p:sp>
        <p:nvSpPr>
          <p:cNvPr id="6" name="Content Placeholder 5"/>
          <p:cNvSpPr>
            <a:spLocks noGrp="1"/>
          </p:cNvSpPr>
          <p:nvPr>
            <p:ph sz="quarter" idx="4"/>
          </p:nvPr>
        </p:nvSpPr>
        <p:spPr>
          <a:xfrm>
            <a:off x="6867144" y="2254686"/>
            <a:ext cx="4297680" cy="3915165"/>
          </a:xfrm>
        </p:spPr>
        <p:txBody>
          <a:bodyPr>
            <a:noAutofit/>
          </a:bodyPr>
          <a:lstStyle>
            <a:lvl1pPr marL="285750" indent="-285750">
              <a:defRPr lang="en-US" sz="1600" b="0" kern="1200" dirty="0">
                <a:solidFill>
                  <a:schemeClr val="accent4">
                    <a:lumMod val="75000"/>
                  </a:schemeClr>
                </a:solidFill>
                <a:latin typeface="+mn-lt"/>
                <a:ea typeface="+mn-ea"/>
                <a:cs typeface="+mn-cs"/>
              </a:defRPr>
            </a:lvl1pPr>
            <a:lvl2pPr>
              <a:defRPr sz="1600"/>
            </a:lvl2pPr>
            <a:lvl3pPr>
              <a:defRPr sz="1600"/>
            </a:lvl3pPr>
            <a:lvl4pPr>
              <a:defRPr sz="1600"/>
            </a:lvl4pPr>
            <a:lvl5pPr>
              <a:defRPr sz="1600"/>
            </a:lvl5pPr>
          </a:lstStyle>
          <a:p>
            <a:pPr marL="228600" lvl="0" indent="-228600" algn="l" defTabSz="457200" rtl="0" eaLnBrk="1" latinLnBrk="0" hangingPunct="1">
              <a:spcBef>
                <a:spcPts val="400"/>
              </a:spcBef>
              <a:spcAft>
                <a:spcPts val="800"/>
              </a:spcAft>
              <a:buClr>
                <a:schemeClr val="accent4">
                  <a:lumMod val="60000"/>
                  <a:lumOff val="40000"/>
                </a:schemeClr>
              </a:buClr>
              <a:buFont typeface="Arial" panose="020B0604020202020204" pitchFamily="34" charset="0"/>
              <a:buChar char="•"/>
              <a:tabLst/>
            </a:pPr>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Slide Number Placeholder 4">
            <a:extLst>
              <a:ext uri="{FF2B5EF4-FFF2-40B4-BE49-F238E27FC236}">
                <a16:creationId xmlns:a16="http://schemas.microsoft.com/office/drawing/2014/main" id="{5860DD8B-D025-6A44-B89A-85DAC6C87975}"/>
              </a:ext>
            </a:extLst>
          </p:cNvPr>
          <p:cNvSpPr>
            <a:spLocks noGrp="1"/>
          </p:cNvSpPr>
          <p:nvPr>
            <p:ph type="sldNum" sz="quarter" idx="10"/>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cxnSp>
        <p:nvCxnSpPr>
          <p:cNvPr id="21" name="Straight Connector 20">
            <a:extLst>
              <a:ext uri="{FF2B5EF4-FFF2-40B4-BE49-F238E27FC236}">
                <a16:creationId xmlns:a16="http://schemas.microsoft.com/office/drawing/2014/main" id="{057692E1-275E-1D4D-92F6-A048ACD1498A}"/>
              </a:ext>
            </a:extLst>
          </p:cNvPr>
          <p:cNvCxnSpPr>
            <a:cxnSpLocks/>
          </p:cNvCxnSpPr>
          <p:nvPr userDrawn="1"/>
        </p:nvCxnSpPr>
        <p:spPr>
          <a:xfrm>
            <a:off x="1818962" y="1394578"/>
            <a:ext cx="619437"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cxnSp>
        <p:nvCxnSpPr>
          <p:cNvPr id="23" name="Straight Connector 22">
            <a:extLst>
              <a:ext uri="{FF2B5EF4-FFF2-40B4-BE49-F238E27FC236}">
                <a16:creationId xmlns:a16="http://schemas.microsoft.com/office/drawing/2014/main" id="{3F38DE33-2D31-704A-84FA-2E3F6EEDD62E}"/>
              </a:ext>
            </a:extLst>
          </p:cNvPr>
          <p:cNvCxnSpPr/>
          <p:nvPr userDrawn="1"/>
        </p:nvCxnSpPr>
        <p:spPr>
          <a:xfrm>
            <a:off x="6427189" y="2125354"/>
            <a:ext cx="0" cy="3933172"/>
          </a:xfrm>
          <a:prstGeom prst="line">
            <a:avLst/>
          </a:prstGeom>
          <a:ln w="3810">
            <a:solidFill>
              <a:srgbClr val="CBCBCB"/>
            </a:solidFill>
            <a:headEnd type="none"/>
            <a:tailEnd type="none"/>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17094080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3" name="Slide Number Placeholder 4">
            <a:extLst>
              <a:ext uri="{FF2B5EF4-FFF2-40B4-BE49-F238E27FC236}">
                <a16:creationId xmlns:a16="http://schemas.microsoft.com/office/drawing/2014/main" id="{89C6B07C-DE65-4943-A991-964A85ECAB9B}"/>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Wide Blank">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3" name="Slide Number Placeholder 4">
            <a:extLst>
              <a:ext uri="{FF2B5EF4-FFF2-40B4-BE49-F238E27FC236}">
                <a16:creationId xmlns:a16="http://schemas.microsoft.com/office/drawing/2014/main" id="{89C6B07C-DE65-4943-A991-964A85ECAB9B}"/>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accent4">
                    <a:lumMod val="50000"/>
                  </a:schemeClr>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sp>
        <p:nvSpPr>
          <p:cNvPr id="2" name="Title 1">
            <a:extLst>
              <a:ext uri="{FF2B5EF4-FFF2-40B4-BE49-F238E27FC236}">
                <a16:creationId xmlns:a16="http://schemas.microsoft.com/office/drawing/2014/main" id="{EDD15AEA-AD01-284F-A781-FCBCEF3499CF}"/>
              </a:ext>
            </a:extLst>
          </p:cNvPr>
          <p:cNvSpPr>
            <a:spLocks noGrp="1"/>
          </p:cNvSpPr>
          <p:nvPr>
            <p:ph type="title"/>
          </p:nvPr>
        </p:nvSpPr>
        <p:spPr>
          <a:xfrm>
            <a:off x="1084521" y="198304"/>
            <a:ext cx="10038198" cy="605699"/>
          </a:xfrm>
        </p:spPr>
        <p:txBody>
          <a:bodyPr/>
          <a:lstStyle>
            <a:lvl1pPr algn="ctr">
              <a:defRPr/>
            </a:lvl1pPr>
          </a:lstStyle>
          <a:p>
            <a:r>
              <a:rPr lang="en-US" dirty="0"/>
              <a:t>Click to edit Master title style</a:t>
            </a:r>
          </a:p>
        </p:txBody>
      </p:sp>
      <p:cxnSp>
        <p:nvCxnSpPr>
          <p:cNvPr id="7" name="Straight Connector 6">
            <a:extLst>
              <a:ext uri="{FF2B5EF4-FFF2-40B4-BE49-F238E27FC236}">
                <a16:creationId xmlns:a16="http://schemas.microsoft.com/office/drawing/2014/main" id="{D9AC1490-C959-A042-8E71-E42AC67A0D83}"/>
              </a:ext>
            </a:extLst>
          </p:cNvPr>
          <p:cNvCxnSpPr>
            <a:cxnSpLocks/>
          </p:cNvCxnSpPr>
          <p:nvPr userDrawn="1"/>
        </p:nvCxnSpPr>
        <p:spPr>
          <a:xfrm>
            <a:off x="5788152" y="969264"/>
            <a:ext cx="619437"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4103028698"/>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Title Slide 2">
    <p:spTree>
      <p:nvGrpSpPr>
        <p:cNvPr id="1" name=""/>
        <p:cNvGrpSpPr/>
        <p:nvPr/>
      </p:nvGrpSpPr>
      <p:grpSpPr>
        <a:xfrm>
          <a:off x="0" y="0"/>
          <a:ext cx="0" cy="0"/>
          <a:chOff x="0" y="0"/>
          <a:chExt cx="0" cy="0"/>
        </a:xfrm>
      </p:grpSpPr>
      <p:pic>
        <p:nvPicPr>
          <p:cNvPr id="7" name="Picture 6" descr="A close up of a valley with mountains in the background&#10;&#10;Description automatically generated">
            <a:extLst>
              <a:ext uri="{FF2B5EF4-FFF2-40B4-BE49-F238E27FC236}">
                <a16:creationId xmlns:a16="http://schemas.microsoft.com/office/drawing/2014/main" id="{5A9CAF9F-4BC9-F948-8119-E4C5541F5DD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Title 1"/>
          <p:cNvSpPr>
            <a:spLocks noGrp="1"/>
          </p:cNvSpPr>
          <p:nvPr>
            <p:ph type="ctrTitle" hasCustomPrompt="1"/>
          </p:nvPr>
        </p:nvSpPr>
        <p:spPr>
          <a:xfrm>
            <a:off x="850392" y="2350008"/>
            <a:ext cx="8110727" cy="1490472"/>
          </a:xfrm>
        </p:spPr>
        <p:txBody>
          <a:bodyPr anchor="b" anchorCtr="0">
            <a:noAutofit/>
          </a:bodyPr>
          <a:lstStyle>
            <a:lvl1pPr algn="l">
              <a:lnSpc>
                <a:spcPts val="5000"/>
              </a:lnSpc>
              <a:defRPr sz="4500" cap="all" spc="520" baseline="0">
                <a:solidFill>
                  <a:schemeClr val="bg1"/>
                </a:solidFill>
              </a:defRPr>
            </a:lvl1pPr>
          </a:lstStyle>
          <a:p>
            <a:r>
              <a:rPr lang="en-US" dirty="0"/>
              <a:t>Two-Line Headline </a:t>
            </a:r>
            <a:br>
              <a:rPr lang="en-US" dirty="0"/>
            </a:br>
            <a:r>
              <a:rPr lang="en-US" dirty="0"/>
              <a:t>goes here</a:t>
            </a:r>
          </a:p>
        </p:txBody>
      </p:sp>
      <p:sp>
        <p:nvSpPr>
          <p:cNvPr id="8" name="Subtitle 2"/>
          <p:cNvSpPr>
            <a:spLocks noGrp="1"/>
          </p:cNvSpPr>
          <p:nvPr>
            <p:ph type="subTitle" idx="1"/>
          </p:nvPr>
        </p:nvSpPr>
        <p:spPr>
          <a:xfrm>
            <a:off x="986155" y="3841969"/>
            <a:ext cx="4656356" cy="791656"/>
          </a:xfrm>
        </p:spPr>
        <p:txBody>
          <a:bodyPr anchor="t">
            <a:normAutofit/>
          </a:bodyPr>
          <a:lstStyle>
            <a:lvl1pPr marL="0" indent="0" algn="l">
              <a:buNone/>
              <a:defRPr lang="en-US" sz="1800" b="0" i="1" kern="1200" dirty="0">
                <a:solidFill>
                  <a:schemeClr val="accent3"/>
                </a:solidFill>
                <a:latin typeface="+mn-lt"/>
                <a:ea typeface="+mn-ea"/>
                <a:cs typeface="+mn-cs"/>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pPr marL="0" lvl="0" indent="0" algn="l" defTabSz="457200" rtl="0" eaLnBrk="1" latinLnBrk="0" hangingPunct="1">
              <a:spcBef>
                <a:spcPct val="20000"/>
              </a:spcBef>
              <a:spcAft>
                <a:spcPts val="1200"/>
              </a:spcAft>
              <a:buFont typeface="Arial"/>
              <a:buNone/>
            </a:pPr>
            <a:r>
              <a:rPr lang="en-US"/>
              <a:t>Click to edit Master subtitle style</a:t>
            </a:r>
            <a:endParaRPr lang="en-US" dirty="0"/>
          </a:p>
        </p:txBody>
      </p:sp>
      <p:cxnSp>
        <p:nvCxnSpPr>
          <p:cNvPr id="9" name="Straight Connector 8">
            <a:extLst>
              <a:ext uri="{FF2B5EF4-FFF2-40B4-BE49-F238E27FC236}">
                <a16:creationId xmlns:a16="http://schemas.microsoft.com/office/drawing/2014/main" id="{7127E960-1E9D-A546-AE97-DFAC983F77CC}"/>
              </a:ext>
            </a:extLst>
          </p:cNvPr>
          <p:cNvCxnSpPr>
            <a:cxnSpLocks/>
          </p:cNvCxnSpPr>
          <p:nvPr userDrawn="1"/>
        </p:nvCxnSpPr>
        <p:spPr>
          <a:xfrm>
            <a:off x="986155" y="3834535"/>
            <a:ext cx="0" cy="400050"/>
          </a:xfrm>
          <a:prstGeom prst="line">
            <a:avLst/>
          </a:prstGeom>
          <a:ln cap="sq">
            <a:headEnd type="none" w="sm" len="sm"/>
            <a:tailEnd type="none"/>
          </a:ln>
          <a:effectLst/>
        </p:spPr>
        <p:style>
          <a:lnRef idx="2">
            <a:schemeClr val="accent1"/>
          </a:lnRef>
          <a:fillRef idx="0">
            <a:schemeClr val="accent1"/>
          </a:fillRef>
          <a:effectRef idx="1">
            <a:schemeClr val="accent1"/>
          </a:effectRef>
          <a:fontRef idx="minor">
            <a:schemeClr val="tx1"/>
          </a:fontRef>
        </p:style>
      </p:cxnSp>
      <p:pic>
        <p:nvPicPr>
          <p:cNvPr id="11" name="Picture 10">
            <a:extLst>
              <a:ext uri="{FF2B5EF4-FFF2-40B4-BE49-F238E27FC236}">
                <a16:creationId xmlns:a16="http://schemas.microsoft.com/office/drawing/2014/main" id="{9A422591-D96B-9949-8E92-A7C0195A9DB6}"/>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849091" y="775172"/>
            <a:ext cx="1914860" cy="155049"/>
          </a:xfrm>
          <a:prstGeom prst="rect">
            <a:avLst/>
          </a:prstGeom>
        </p:spPr>
      </p:pic>
    </p:spTree>
    <p:extLst>
      <p:ext uri="{BB962C8B-B14F-4D97-AF65-F5344CB8AC3E}">
        <p14:creationId xmlns:p14="http://schemas.microsoft.com/office/powerpoint/2010/main" val="3335215661"/>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Wide Blank Dark">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3" name="Slide Number Placeholder 4">
            <a:extLst>
              <a:ext uri="{FF2B5EF4-FFF2-40B4-BE49-F238E27FC236}">
                <a16:creationId xmlns:a16="http://schemas.microsoft.com/office/drawing/2014/main" id="{89C6B07C-DE65-4943-A991-964A85ECAB9B}"/>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sp>
        <p:nvSpPr>
          <p:cNvPr id="2" name="Title 1">
            <a:extLst>
              <a:ext uri="{FF2B5EF4-FFF2-40B4-BE49-F238E27FC236}">
                <a16:creationId xmlns:a16="http://schemas.microsoft.com/office/drawing/2014/main" id="{EDD15AEA-AD01-284F-A781-FCBCEF3499CF}"/>
              </a:ext>
            </a:extLst>
          </p:cNvPr>
          <p:cNvSpPr>
            <a:spLocks noGrp="1"/>
          </p:cNvSpPr>
          <p:nvPr>
            <p:ph type="title"/>
          </p:nvPr>
        </p:nvSpPr>
        <p:spPr>
          <a:xfrm>
            <a:off x="999460" y="198304"/>
            <a:ext cx="10206288" cy="605699"/>
          </a:xfrm>
        </p:spPr>
        <p:txBody>
          <a:bodyPr/>
          <a:lstStyle>
            <a:lvl1pPr algn="ctr">
              <a:defRPr>
                <a:solidFill>
                  <a:schemeClr val="bg1"/>
                </a:solidFill>
              </a:defRPr>
            </a:lvl1pPr>
          </a:lstStyle>
          <a:p>
            <a:r>
              <a:rPr lang="en-US" dirty="0"/>
              <a:t>Click to edit Master title style</a:t>
            </a:r>
          </a:p>
        </p:txBody>
      </p:sp>
      <p:cxnSp>
        <p:nvCxnSpPr>
          <p:cNvPr id="7" name="Straight Connector 6">
            <a:extLst>
              <a:ext uri="{FF2B5EF4-FFF2-40B4-BE49-F238E27FC236}">
                <a16:creationId xmlns:a16="http://schemas.microsoft.com/office/drawing/2014/main" id="{03F96800-746F-0F49-BDA3-547A67108FAB}"/>
              </a:ext>
            </a:extLst>
          </p:cNvPr>
          <p:cNvCxnSpPr>
            <a:cxnSpLocks/>
          </p:cNvCxnSpPr>
          <p:nvPr userDrawn="1"/>
        </p:nvCxnSpPr>
        <p:spPr>
          <a:xfrm>
            <a:off x="5786281" y="973285"/>
            <a:ext cx="619437"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3214844997"/>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Emphasis">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a:xfrm>
            <a:off x="94594" y="6345839"/>
            <a:ext cx="557048" cy="365125"/>
          </a:xfrm>
          <a:prstGeom prst="rect">
            <a:avLst/>
          </a:prstGeom>
        </p:spPr>
        <p:txBody>
          <a:bodyPr/>
          <a:lstStyle/>
          <a:p>
            <a:fld id="{BD49E8CF-1C98-AA41-A200-5C7CD2633C82}" type="slidenum">
              <a:rPr lang="en-US" smtClean="0"/>
              <a:t>‹#›</a:t>
            </a:fld>
            <a:endParaRPr lang="en-US"/>
          </a:p>
        </p:txBody>
      </p:sp>
      <p:sp>
        <p:nvSpPr>
          <p:cNvPr id="3" name="Date Placeholder 2"/>
          <p:cNvSpPr>
            <a:spLocks noGrp="1"/>
          </p:cNvSpPr>
          <p:nvPr>
            <p:ph type="dt" sz="half" idx="10"/>
          </p:nvPr>
        </p:nvSpPr>
        <p:spPr/>
        <p:txBody>
          <a:bodyPr/>
          <a:lstStyle/>
          <a:p>
            <a:endParaRPr lang="en-US"/>
          </a:p>
        </p:txBody>
      </p:sp>
      <p:pic>
        <p:nvPicPr>
          <p:cNvPr id="7" name="Picture 6" descr="A close up of a sign&#10;&#10;Description automatically generated">
            <a:extLst>
              <a:ext uri="{FF2B5EF4-FFF2-40B4-BE49-F238E27FC236}">
                <a16:creationId xmlns:a16="http://schemas.microsoft.com/office/drawing/2014/main" id="{F2E32C29-9E19-A546-AA23-546F08AC12F8}"/>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Title 1"/>
          <p:cNvSpPr>
            <a:spLocks noGrp="1"/>
          </p:cNvSpPr>
          <p:nvPr>
            <p:ph type="title" hasCustomPrompt="1"/>
          </p:nvPr>
        </p:nvSpPr>
        <p:spPr>
          <a:xfrm>
            <a:off x="3008376" y="1453896"/>
            <a:ext cx="6199632" cy="987552"/>
          </a:xfrm>
        </p:spPr>
        <p:txBody>
          <a:bodyPr/>
          <a:lstStyle>
            <a:lvl1pPr algn="ctr">
              <a:defRPr lang="en-US" sz="2000" b="1" kern="1200" cap="all" spc="300" baseline="0" dirty="0">
                <a:solidFill>
                  <a:schemeClr val="bg2"/>
                </a:solidFill>
                <a:latin typeface="+mn-lt"/>
                <a:ea typeface="+mn-ea"/>
                <a:cs typeface="+mn-cs"/>
              </a:defRPr>
            </a:lvl1pPr>
          </a:lstStyle>
          <a:p>
            <a:r>
              <a:rPr lang="en-US" dirty="0"/>
              <a:t>One line title</a:t>
            </a:r>
          </a:p>
        </p:txBody>
      </p:sp>
      <p:sp>
        <p:nvSpPr>
          <p:cNvPr id="8" name="Content Placeholder 7"/>
          <p:cNvSpPr>
            <a:spLocks noGrp="1"/>
          </p:cNvSpPr>
          <p:nvPr>
            <p:ph sz="quarter" idx="12" hasCustomPrompt="1"/>
          </p:nvPr>
        </p:nvSpPr>
        <p:spPr>
          <a:xfrm>
            <a:off x="3008376" y="2816352"/>
            <a:ext cx="6199632" cy="3008376"/>
          </a:xfrm>
        </p:spPr>
        <p:txBody>
          <a:bodyPr>
            <a:normAutofit/>
          </a:bodyPr>
          <a:lstStyle>
            <a:lvl1pPr algn="ctr">
              <a:lnSpc>
                <a:spcPct val="130000"/>
              </a:lnSpc>
              <a:spcBef>
                <a:spcPts val="0"/>
              </a:spcBef>
              <a:spcAft>
                <a:spcPts val="0"/>
              </a:spcAft>
              <a:defRPr lang="en-US" sz="1800" b="0" i="1" kern="1200" baseline="0" dirty="0">
                <a:solidFill>
                  <a:schemeClr val="bg1">
                    <a:alpha val="80000"/>
                  </a:schemeClr>
                </a:solidFill>
                <a:latin typeface="+mn-lt"/>
                <a:ea typeface="+mn-ea"/>
                <a:cs typeface="+mn-cs"/>
              </a:defRPr>
            </a:lvl1pPr>
          </a:lstStyle>
          <a:p>
            <a:pPr lvl="0"/>
            <a:r>
              <a:rPr lang="en-US" dirty="0"/>
              <a:t>Content that you want to put emphasis on</a:t>
            </a:r>
          </a:p>
        </p:txBody>
      </p:sp>
      <p:cxnSp>
        <p:nvCxnSpPr>
          <p:cNvPr id="9" name="Straight Connector 8">
            <a:extLst>
              <a:ext uri="{FF2B5EF4-FFF2-40B4-BE49-F238E27FC236}">
                <a16:creationId xmlns:a16="http://schemas.microsoft.com/office/drawing/2014/main" id="{634D3BD7-E90B-3F47-932E-463A2ED04595}"/>
              </a:ext>
            </a:extLst>
          </p:cNvPr>
          <p:cNvCxnSpPr>
            <a:cxnSpLocks/>
          </p:cNvCxnSpPr>
          <p:nvPr userDrawn="1"/>
        </p:nvCxnSpPr>
        <p:spPr>
          <a:xfrm>
            <a:off x="5840213" y="2647104"/>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270138113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3 Column">
    <p:spTree>
      <p:nvGrpSpPr>
        <p:cNvPr id="1" name=""/>
        <p:cNvGrpSpPr/>
        <p:nvPr/>
      </p:nvGrpSpPr>
      <p:grpSpPr>
        <a:xfrm>
          <a:off x="0" y="0"/>
          <a:ext cx="0" cy="0"/>
          <a:chOff x="0" y="0"/>
          <a:chExt cx="0" cy="0"/>
        </a:xfrm>
      </p:grpSpPr>
      <p:pic>
        <p:nvPicPr>
          <p:cNvPr id="3" name="Picture 2" descr="A picture containing person, standing&#10;&#10;Description automatically generated">
            <a:extLst>
              <a:ext uri="{FF2B5EF4-FFF2-40B4-BE49-F238E27FC236}">
                <a16:creationId xmlns:a16="http://schemas.microsoft.com/office/drawing/2014/main" id="{B2297964-81CD-DF44-8954-E164CF1431F9}"/>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9" name="Text Placeholder 8">
            <a:extLst>
              <a:ext uri="{FF2B5EF4-FFF2-40B4-BE49-F238E27FC236}">
                <a16:creationId xmlns:a16="http://schemas.microsoft.com/office/drawing/2014/main" id="{2164A6BE-D11C-6D46-ADE2-FDAA9E2CA7F9}"/>
              </a:ext>
            </a:extLst>
          </p:cNvPr>
          <p:cNvSpPr>
            <a:spLocks noGrp="1"/>
          </p:cNvSpPr>
          <p:nvPr>
            <p:ph type="body" sz="quarter" idx="10" hasCustomPrompt="1"/>
          </p:nvPr>
        </p:nvSpPr>
        <p:spPr>
          <a:xfrm>
            <a:off x="1364974" y="524365"/>
            <a:ext cx="9462052" cy="1078520"/>
          </a:xfrm>
        </p:spPr>
        <p:txBody>
          <a:bodyPr anchor="b"/>
          <a:lstStyle>
            <a:lvl1pPr algn="ctr">
              <a:defRPr sz="3000" b="1" i="0" cap="all" spc="320" baseline="0">
                <a:solidFill>
                  <a:schemeClr val="bg1"/>
                </a:solidFill>
                <a:latin typeface="+mj-lt"/>
              </a:defRPr>
            </a:lvl1pPr>
          </a:lstStyle>
          <a:p>
            <a:pPr lvl="0"/>
            <a:r>
              <a:rPr lang="en-US" dirty="0"/>
              <a:t>CLICK TO EDIT MASTER TEXT STYLE</a:t>
            </a:r>
          </a:p>
        </p:txBody>
      </p:sp>
      <p:sp>
        <p:nvSpPr>
          <p:cNvPr id="11" name="Text Placeholder 10">
            <a:extLst>
              <a:ext uri="{FF2B5EF4-FFF2-40B4-BE49-F238E27FC236}">
                <a16:creationId xmlns:a16="http://schemas.microsoft.com/office/drawing/2014/main" id="{0B560F37-B89D-6141-9B08-AAF0F48F09AD}"/>
              </a:ext>
            </a:extLst>
          </p:cNvPr>
          <p:cNvSpPr>
            <a:spLocks noGrp="1"/>
          </p:cNvSpPr>
          <p:nvPr>
            <p:ph type="body" sz="quarter" idx="11" hasCustomPrompt="1"/>
          </p:nvPr>
        </p:nvSpPr>
        <p:spPr>
          <a:xfrm>
            <a:off x="984250" y="2842578"/>
            <a:ext cx="2624138" cy="2941637"/>
          </a:xfrm>
        </p:spPr>
        <p:txBody>
          <a:bodyPr>
            <a:noAutofit/>
          </a:bodyPr>
          <a:lstStyle>
            <a:lvl1pPr>
              <a:defRPr sz="1400" b="1" cap="all" spc="300" baseline="0">
                <a:solidFill>
                  <a:schemeClr val="tx2">
                    <a:lumMod val="50000"/>
                  </a:schemeClr>
                </a:solidFill>
                <a:latin typeface="+mj-lt"/>
              </a:defRPr>
            </a:lvl1pPr>
            <a:lvl2pPr marL="374904">
              <a:defRPr sz="1600" baseline="0"/>
            </a:lvl2pPr>
            <a:lvl3pPr marL="740664">
              <a:defRPr sz="1600"/>
            </a:lvl3pPr>
            <a:lvl4pPr marL="1143000">
              <a:defRPr sz="1600"/>
            </a:lvl4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12" name="Text Placeholder 10">
            <a:extLst>
              <a:ext uri="{FF2B5EF4-FFF2-40B4-BE49-F238E27FC236}">
                <a16:creationId xmlns:a16="http://schemas.microsoft.com/office/drawing/2014/main" id="{36479A5A-1A25-B646-8372-BA2B56DF7A51}"/>
              </a:ext>
            </a:extLst>
          </p:cNvPr>
          <p:cNvSpPr>
            <a:spLocks noGrp="1"/>
          </p:cNvSpPr>
          <p:nvPr>
            <p:ph type="body" sz="quarter" idx="12" hasCustomPrompt="1"/>
          </p:nvPr>
        </p:nvSpPr>
        <p:spPr>
          <a:xfrm>
            <a:off x="4783931" y="2852738"/>
            <a:ext cx="2624138" cy="2941637"/>
          </a:xfrm>
        </p:spPr>
        <p:txBody>
          <a:bodyPr>
            <a:noAutofit/>
          </a:bodyPr>
          <a:lstStyle>
            <a:lvl1pPr>
              <a:defRPr sz="1400" b="1" cap="all" spc="300" baseline="0">
                <a:solidFill>
                  <a:schemeClr val="tx2">
                    <a:lumMod val="50000"/>
                  </a:schemeClr>
                </a:solidFill>
                <a:latin typeface="+mj-lt"/>
              </a:defRPr>
            </a:lvl1pPr>
            <a:lvl2pPr marL="374904">
              <a:defRPr sz="1600" baseline="0"/>
            </a:lvl2pPr>
            <a:lvl3pPr marL="740664">
              <a:defRPr sz="1600"/>
            </a:lvl3pPr>
            <a:lvl4pPr marL="1143000">
              <a:defRPr sz="1600"/>
            </a:lvl4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14" name="Text Placeholder 10">
            <a:extLst>
              <a:ext uri="{FF2B5EF4-FFF2-40B4-BE49-F238E27FC236}">
                <a16:creationId xmlns:a16="http://schemas.microsoft.com/office/drawing/2014/main" id="{8B42FB01-6F00-254F-AB9F-B22BA86DF997}"/>
              </a:ext>
            </a:extLst>
          </p:cNvPr>
          <p:cNvSpPr>
            <a:spLocks noGrp="1"/>
          </p:cNvSpPr>
          <p:nvPr>
            <p:ph type="body" sz="quarter" idx="13" hasCustomPrompt="1"/>
          </p:nvPr>
        </p:nvSpPr>
        <p:spPr>
          <a:xfrm>
            <a:off x="8567807" y="2852738"/>
            <a:ext cx="2624138" cy="2941637"/>
          </a:xfrm>
        </p:spPr>
        <p:txBody>
          <a:bodyPr>
            <a:noAutofit/>
          </a:bodyPr>
          <a:lstStyle>
            <a:lvl1pPr>
              <a:defRPr sz="1400" b="1" cap="all" spc="300" baseline="0">
                <a:solidFill>
                  <a:schemeClr val="tx2">
                    <a:lumMod val="50000"/>
                  </a:schemeClr>
                </a:solidFill>
                <a:latin typeface="+mj-lt"/>
              </a:defRPr>
            </a:lvl1pPr>
            <a:lvl2pPr marL="374904">
              <a:defRPr sz="1600" baseline="0"/>
            </a:lvl2pPr>
            <a:lvl3pPr marL="740664">
              <a:defRPr sz="1600"/>
            </a:lvl3pPr>
            <a:lvl4pPr marL="1143000">
              <a:defRPr sz="1600"/>
            </a:lvl4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cxnSp>
        <p:nvCxnSpPr>
          <p:cNvPr id="15" name="Straight Connector 14">
            <a:extLst>
              <a:ext uri="{FF2B5EF4-FFF2-40B4-BE49-F238E27FC236}">
                <a16:creationId xmlns:a16="http://schemas.microsoft.com/office/drawing/2014/main" id="{82A1DF9A-F827-D846-9958-1850362E52EE}"/>
              </a:ext>
            </a:extLst>
          </p:cNvPr>
          <p:cNvCxnSpPr>
            <a:cxnSpLocks/>
          </p:cNvCxnSpPr>
          <p:nvPr userDrawn="1"/>
        </p:nvCxnSpPr>
        <p:spPr>
          <a:xfrm>
            <a:off x="5840213" y="1753024"/>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34099144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Large Graphic - Centere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ADB5714-367A-D340-B554-F7EA835A8ACB}"/>
              </a:ext>
            </a:extLst>
          </p:cNvPr>
          <p:cNvSpPr/>
          <p:nvPr userDrawn="1"/>
        </p:nvSpPr>
        <p:spPr>
          <a:xfrm>
            <a:off x="0" y="0"/>
            <a:ext cx="6096000" cy="6858000"/>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sz="1400" dirty="0">
              <a:latin typeface="+mj-lt"/>
            </a:endParaRPr>
          </a:p>
        </p:txBody>
      </p:sp>
      <p:sp>
        <p:nvSpPr>
          <p:cNvPr id="5" name="Slide Number Placeholder 5">
            <a:extLst>
              <a:ext uri="{FF2B5EF4-FFF2-40B4-BE49-F238E27FC236}">
                <a16:creationId xmlns:a16="http://schemas.microsoft.com/office/drawing/2014/main" id="{C87DF075-75CD-1944-9AF9-B999BB033CFA}"/>
              </a:ext>
            </a:extLst>
          </p:cNvPr>
          <p:cNvSpPr>
            <a:spLocks noGrp="1"/>
          </p:cNvSpPr>
          <p:nvPr>
            <p:ph type="sldNum" sz="quarter" idx="4294967295"/>
          </p:nvPr>
        </p:nvSpPr>
        <p:spPr>
          <a:xfrm>
            <a:off x="11961813" y="6480175"/>
            <a:ext cx="230187" cy="215900"/>
          </a:xfrm>
          <a:prstGeom prst="rect">
            <a:avLst/>
          </a:prstGeom>
        </p:spPr>
        <p:txBody>
          <a:bodyPr vert="horz" lIns="0" tIns="0" rIns="0" bIns="0" rtlCol="0" anchor="ctr">
            <a:noAutofit/>
          </a:bodyPr>
          <a:lstStyle>
            <a:defPPr>
              <a:defRPr lang="en-US"/>
            </a:defPPr>
            <a:lvl1pPr marL="0" algn="r" defTabSz="228600" rtl="0" eaLnBrk="1" latinLnBrk="0" hangingPunct="1">
              <a:defRPr sz="700" kern="1200">
                <a:solidFill>
                  <a:schemeClr val="bg2"/>
                </a:solidFill>
                <a:latin typeface="+mn-lt"/>
                <a:ea typeface="+mn-ea"/>
                <a:cs typeface="+mn-cs"/>
              </a:defRPr>
            </a:lvl1pPr>
            <a:lvl2pPr marL="228600" algn="l" defTabSz="228600" rtl="0" eaLnBrk="1" latinLnBrk="0" hangingPunct="1">
              <a:defRPr sz="900" kern="1200">
                <a:solidFill>
                  <a:schemeClr val="tx1"/>
                </a:solidFill>
                <a:latin typeface="+mn-lt"/>
                <a:ea typeface="+mn-ea"/>
                <a:cs typeface="+mn-cs"/>
              </a:defRPr>
            </a:lvl2pPr>
            <a:lvl3pPr marL="457200" algn="l" defTabSz="228600" rtl="0" eaLnBrk="1" latinLnBrk="0" hangingPunct="1">
              <a:defRPr sz="900" kern="1200">
                <a:solidFill>
                  <a:schemeClr val="tx1"/>
                </a:solidFill>
                <a:latin typeface="+mn-lt"/>
                <a:ea typeface="+mn-ea"/>
                <a:cs typeface="+mn-cs"/>
              </a:defRPr>
            </a:lvl3pPr>
            <a:lvl4pPr marL="685800" algn="l" defTabSz="228600" rtl="0" eaLnBrk="1" latinLnBrk="0" hangingPunct="1">
              <a:defRPr sz="900" kern="1200">
                <a:solidFill>
                  <a:schemeClr val="tx1"/>
                </a:solidFill>
                <a:latin typeface="+mn-lt"/>
                <a:ea typeface="+mn-ea"/>
                <a:cs typeface="+mn-cs"/>
              </a:defRPr>
            </a:lvl4pPr>
            <a:lvl5pPr marL="914400" algn="l" defTabSz="228600" rtl="0" eaLnBrk="1" latinLnBrk="0" hangingPunct="1">
              <a:defRPr sz="900" kern="1200">
                <a:solidFill>
                  <a:schemeClr val="tx1"/>
                </a:solidFill>
                <a:latin typeface="+mn-lt"/>
                <a:ea typeface="+mn-ea"/>
                <a:cs typeface="+mn-cs"/>
              </a:defRPr>
            </a:lvl5pPr>
            <a:lvl6pPr marL="1143000" algn="l" defTabSz="228600" rtl="0" eaLnBrk="1" latinLnBrk="0" hangingPunct="1">
              <a:defRPr sz="900" kern="1200">
                <a:solidFill>
                  <a:schemeClr val="tx1"/>
                </a:solidFill>
                <a:latin typeface="+mn-lt"/>
                <a:ea typeface="+mn-ea"/>
                <a:cs typeface="+mn-cs"/>
              </a:defRPr>
            </a:lvl6pPr>
            <a:lvl7pPr marL="1371600" algn="l" defTabSz="228600" rtl="0" eaLnBrk="1" latinLnBrk="0" hangingPunct="1">
              <a:defRPr sz="900" kern="1200">
                <a:solidFill>
                  <a:schemeClr val="tx1"/>
                </a:solidFill>
                <a:latin typeface="+mn-lt"/>
                <a:ea typeface="+mn-ea"/>
                <a:cs typeface="+mn-cs"/>
              </a:defRPr>
            </a:lvl7pPr>
            <a:lvl8pPr marL="1600200" algn="l" defTabSz="228600" rtl="0" eaLnBrk="1" latinLnBrk="0" hangingPunct="1">
              <a:defRPr sz="900" kern="1200">
                <a:solidFill>
                  <a:schemeClr val="tx1"/>
                </a:solidFill>
                <a:latin typeface="+mn-lt"/>
                <a:ea typeface="+mn-ea"/>
                <a:cs typeface="+mn-cs"/>
              </a:defRPr>
            </a:lvl8pPr>
            <a:lvl9pPr marL="1828800" algn="l" defTabSz="228600" rtl="0" eaLnBrk="1" latinLnBrk="0" hangingPunct="1">
              <a:defRPr sz="900" kern="1200">
                <a:solidFill>
                  <a:schemeClr val="tx1"/>
                </a:solidFill>
                <a:latin typeface="+mn-lt"/>
                <a:ea typeface="+mn-ea"/>
                <a:cs typeface="+mn-cs"/>
              </a:defRPr>
            </a:lvl9pPr>
          </a:lstStyle>
          <a:p>
            <a:fld id="{29CC380D-5F44-41E8-971E-CDD19ED6F8E3}" type="slidenum">
              <a:rPr lang="en-GB" smtClean="0"/>
              <a:pPr/>
              <a:t>‹#›</a:t>
            </a:fld>
            <a:endParaRPr lang="en-GB"/>
          </a:p>
        </p:txBody>
      </p:sp>
      <p:sp>
        <p:nvSpPr>
          <p:cNvPr id="10" name="Picture Placeholder 9">
            <a:extLst>
              <a:ext uri="{FF2B5EF4-FFF2-40B4-BE49-F238E27FC236}">
                <a16:creationId xmlns:a16="http://schemas.microsoft.com/office/drawing/2014/main" id="{42EFC78D-85FB-EF42-ACDE-8497B6978A97}"/>
              </a:ext>
            </a:extLst>
          </p:cNvPr>
          <p:cNvSpPr>
            <a:spLocks noGrp="1"/>
          </p:cNvSpPr>
          <p:nvPr>
            <p:ph type="pic" sz="quarter" idx="10"/>
          </p:nvPr>
        </p:nvSpPr>
        <p:spPr>
          <a:xfrm>
            <a:off x="2414587" y="2263775"/>
            <a:ext cx="7362825" cy="4594225"/>
          </a:xfrm>
        </p:spPr>
        <p:txBody>
          <a:bodyPr/>
          <a:lstStyle/>
          <a:p>
            <a:r>
              <a:rPr lang="en-US"/>
              <a:t>Click icon to add picture</a:t>
            </a:r>
            <a:endParaRPr lang="en-US" dirty="0"/>
          </a:p>
        </p:txBody>
      </p:sp>
      <p:cxnSp>
        <p:nvCxnSpPr>
          <p:cNvPr id="9" name="Straight Connector 8">
            <a:extLst>
              <a:ext uri="{FF2B5EF4-FFF2-40B4-BE49-F238E27FC236}">
                <a16:creationId xmlns:a16="http://schemas.microsoft.com/office/drawing/2014/main" id="{35036221-D217-0C4E-91CE-FD953DE96FA3}"/>
              </a:ext>
            </a:extLst>
          </p:cNvPr>
          <p:cNvCxnSpPr>
            <a:cxnSpLocks/>
          </p:cNvCxnSpPr>
          <p:nvPr userDrawn="1"/>
        </p:nvCxnSpPr>
        <p:spPr>
          <a:xfrm>
            <a:off x="516373" y="1671744"/>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11" name="Text Placeholder 8">
            <a:extLst>
              <a:ext uri="{FF2B5EF4-FFF2-40B4-BE49-F238E27FC236}">
                <a16:creationId xmlns:a16="http://schemas.microsoft.com/office/drawing/2014/main" id="{7C4265F9-A29A-0040-BD2E-2308401DE7E9}"/>
              </a:ext>
            </a:extLst>
          </p:cNvPr>
          <p:cNvSpPr>
            <a:spLocks noGrp="1"/>
          </p:cNvSpPr>
          <p:nvPr>
            <p:ph type="body" sz="quarter" idx="11" hasCustomPrompt="1"/>
          </p:nvPr>
        </p:nvSpPr>
        <p:spPr>
          <a:xfrm>
            <a:off x="411480" y="464027"/>
            <a:ext cx="5219851" cy="1078520"/>
          </a:xfrm>
        </p:spPr>
        <p:txBody>
          <a:bodyPr anchor="b"/>
          <a:lstStyle>
            <a:lvl1pPr algn="l">
              <a:defRPr sz="3000" b="1" i="0" cap="all" spc="320" baseline="0">
                <a:solidFill>
                  <a:schemeClr val="bg1"/>
                </a:solidFill>
                <a:latin typeface="+mj-lt"/>
              </a:defRPr>
            </a:lvl1pPr>
          </a:lstStyle>
          <a:p>
            <a:pPr lvl="0"/>
            <a:r>
              <a:rPr lang="en-US" dirty="0"/>
              <a:t>CLICK TO EDIT MASTER TEXT STYLE</a:t>
            </a:r>
          </a:p>
        </p:txBody>
      </p:sp>
      <p:sp>
        <p:nvSpPr>
          <p:cNvPr id="12" name="Text Placeholder 3">
            <a:extLst>
              <a:ext uri="{FF2B5EF4-FFF2-40B4-BE49-F238E27FC236}">
                <a16:creationId xmlns:a16="http://schemas.microsoft.com/office/drawing/2014/main" id="{EAC044A5-C374-FF4D-BCDE-21D7461BECDB}"/>
              </a:ext>
            </a:extLst>
          </p:cNvPr>
          <p:cNvSpPr>
            <a:spLocks noGrp="1"/>
          </p:cNvSpPr>
          <p:nvPr>
            <p:ph type="body" sz="quarter" idx="12"/>
          </p:nvPr>
        </p:nvSpPr>
        <p:spPr>
          <a:xfrm>
            <a:off x="6458712" y="464027"/>
            <a:ext cx="5321808" cy="1344168"/>
          </a:xfrm>
        </p:spPr>
        <p:txBody>
          <a:bodyPr anchor="t"/>
          <a:lstStyle>
            <a:lvl1pPr>
              <a:defRPr b="0" i="1">
                <a:latin typeface="Calibri" panose="020F0502020204030204" pitchFamily="34" charset="0"/>
                <a:cs typeface="Calibri" panose="020F0502020204030204" pitchFamily="34" charset="0"/>
              </a:defRPr>
            </a:lvl1pPr>
          </a:lstStyle>
          <a:p>
            <a:pPr lvl="0"/>
            <a:r>
              <a:rPr lang="en-US" dirty="0"/>
              <a:t>Click to edit Master text styles</a:t>
            </a:r>
          </a:p>
        </p:txBody>
      </p:sp>
    </p:spTree>
    <p:extLst>
      <p:ext uri="{BB962C8B-B14F-4D97-AF65-F5344CB8AC3E}">
        <p14:creationId xmlns:p14="http://schemas.microsoft.com/office/powerpoint/2010/main" val="2258735747"/>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Large Graphic - More Copy">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7D3CD1A8-E952-9E47-A0A2-D40A9A0957CC}"/>
              </a:ext>
            </a:extLst>
          </p:cNvPr>
          <p:cNvSpPr/>
          <p:nvPr userDrawn="1"/>
        </p:nvSpPr>
        <p:spPr>
          <a:xfrm>
            <a:off x="0" y="0"/>
            <a:ext cx="12192000" cy="6858000"/>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sz="1400" dirty="0">
              <a:latin typeface="+mj-lt"/>
            </a:endParaRPr>
          </a:p>
        </p:txBody>
      </p:sp>
      <p:sp>
        <p:nvSpPr>
          <p:cNvPr id="2" name="Rectangle 1">
            <a:extLst>
              <a:ext uri="{FF2B5EF4-FFF2-40B4-BE49-F238E27FC236}">
                <a16:creationId xmlns:a16="http://schemas.microsoft.com/office/drawing/2014/main" id="{94950409-5194-0B4D-85F8-8E9F761F0656}"/>
              </a:ext>
            </a:extLst>
          </p:cNvPr>
          <p:cNvSpPr/>
          <p:nvPr userDrawn="1"/>
        </p:nvSpPr>
        <p:spPr>
          <a:xfrm>
            <a:off x="0" y="4460240"/>
            <a:ext cx="12192000" cy="2397760"/>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sz="1400" dirty="0">
              <a:latin typeface="+mj-lt"/>
            </a:endParaRPr>
          </a:p>
        </p:txBody>
      </p:sp>
      <p:sp>
        <p:nvSpPr>
          <p:cNvPr id="13" name="Picture Placeholder 12">
            <a:extLst>
              <a:ext uri="{FF2B5EF4-FFF2-40B4-BE49-F238E27FC236}">
                <a16:creationId xmlns:a16="http://schemas.microsoft.com/office/drawing/2014/main" id="{9B0FD118-3B7B-B047-9A48-C10CA2DAB1B5}"/>
              </a:ext>
            </a:extLst>
          </p:cNvPr>
          <p:cNvSpPr>
            <a:spLocks noGrp="1"/>
          </p:cNvSpPr>
          <p:nvPr>
            <p:ph type="pic" sz="quarter" idx="14"/>
          </p:nvPr>
        </p:nvSpPr>
        <p:spPr>
          <a:xfrm>
            <a:off x="963613" y="250825"/>
            <a:ext cx="10058400" cy="4068763"/>
          </a:xfrm>
        </p:spPr>
        <p:txBody>
          <a:bodyPr/>
          <a:lstStyle/>
          <a:p>
            <a:r>
              <a:rPr lang="en-US"/>
              <a:t>Click icon to add picture</a:t>
            </a:r>
            <a:endParaRPr lang="en-US" dirty="0"/>
          </a:p>
        </p:txBody>
      </p:sp>
      <p:sp>
        <p:nvSpPr>
          <p:cNvPr id="14" name="Title 14">
            <a:extLst>
              <a:ext uri="{FF2B5EF4-FFF2-40B4-BE49-F238E27FC236}">
                <a16:creationId xmlns:a16="http://schemas.microsoft.com/office/drawing/2014/main" id="{1C227199-D508-3F40-AA32-900FB73F0231}"/>
              </a:ext>
            </a:extLst>
          </p:cNvPr>
          <p:cNvSpPr>
            <a:spLocks noGrp="1"/>
          </p:cNvSpPr>
          <p:nvPr>
            <p:ph type="title"/>
          </p:nvPr>
        </p:nvSpPr>
        <p:spPr>
          <a:xfrm>
            <a:off x="475733" y="5004000"/>
            <a:ext cx="3711256" cy="1371600"/>
          </a:xfrm>
        </p:spPr>
        <p:txBody>
          <a:bodyPr anchor="t" anchorCtr="0"/>
          <a:lstStyle>
            <a:lvl1pPr>
              <a:defRPr sz="3000" baseline="0">
                <a:solidFill>
                  <a:schemeClr val="bg1"/>
                </a:solidFill>
              </a:defRPr>
            </a:lvl1pPr>
          </a:lstStyle>
          <a:p>
            <a:r>
              <a:rPr lang="en-US" dirty="0"/>
              <a:t>Click to edit Master title style</a:t>
            </a:r>
          </a:p>
        </p:txBody>
      </p:sp>
      <p:sp>
        <p:nvSpPr>
          <p:cNvPr id="15" name="Content Placeholder 16">
            <a:extLst>
              <a:ext uri="{FF2B5EF4-FFF2-40B4-BE49-F238E27FC236}">
                <a16:creationId xmlns:a16="http://schemas.microsoft.com/office/drawing/2014/main" id="{B81E5448-315F-624F-B82A-8976C8BC065F}"/>
              </a:ext>
            </a:extLst>
          </p:cNvPr>
          <p:cNvSpPr>
            <a:spLocks noGrp="1"/>
          </p:cNvSpPr>
          <p:nvPr>
            <p:ph sz="quarter" idx="16"/>
          </p:nvPr>
        </p:nvSpPr>
        <p:spPr>
          <a:xfrm>
            <a:off x="4344988" y="5003800"/>
            <a:ext cx="3630612" cy="1382713"/>
          </a:xfrm>
        </p:spPr>
        <p:txBody>
          <a:bodyPr>
            <a:normAutofit/>
          </a:bodyPr>
          <a:lstStyle>
            <a:lvl1pPr>
              <a:defRPr sz="1600">
                <a:solidFill>
                  <a:schemeClr val="tx2">
                    <a:lumMod val="20000"/>
                    <a:lumOff val="80000"/>
                  </a:schemeClr>
                </a:solidFill>
              </a:defRPr>
            </a:lvl1pPr>
            <a:lvl2pPr marL="457200" indent="0">
              <a:buNone/>
              <a:defRPr>
                <a:solidFill>
                  <a:schemeClr val="bg1"/>
                </a:solidFill>
              </a:defRPr>
            </a:lvl2pPr>
          </a:lstStyle>
          <a:p>
            <a:pPr lvl="0"/>
            <a:r>
              <a:rPr lang="en-US" dirty="0"/>
              <a:t>Click to edit Master text styles</a:t>
            </a:r>
          </a:p>
        </p:txBody>
      </p:sp>
      <p:sp>
        <p:nvSpPr>
          <p:cNvPr id="16" name="Content Placeholder 16">
            <a:extLst>
              <a:ext uri="{FF2B5EF4-FFF2-40B4-BE49-F238E27FC236}">
                <a16:creationId xmlns:a16="http://schemas.microsoft.com/office/drawing/2014/main" id="{A0D5C7BF-2756-3242-B4AE-18DF8B2A9993}"/>
              </a:ext>
            </a:extLst>
          </p:cNvPr>
          <p:cNvSpPr>
            <a:spLocks noGrp="1"/>
          </p:cNvSpPr>
          <p:nvPr>
            <p:ph sz="quarter" idx="17"/>
          </p:nvPr>
        </p:nvSpPr>
        <p:spPr>
          <a:xfrm>
            <a:off x="8183563" y="4992887"/>
            <a:ext cx="3630612" cy="1382713"/>
          </a:xfrm>
        </p:spPr>
        <p:txBody>
          <a:bodyPr>
            <a:normAutofit/>
          </a:bodyPr>
          <a:lstStyle>
            <a:lvl1pPr>
              <a:defRPr sz="1600">
                <a:solidFill>
                  <a:schemeClr val="tx2">
                    <a:lumMod val="20000"/>
                    <a:lumOff val="80000"/>
                  </a:schemeClr>
                </a:solidFill>
              </a:defRPr>
            </a:lvl1pPr>
            <a:lvl2pPr marL="457200" indent="0">
              <a:buNone/>
              <a:defRPr>
                <a:solidFill>
                  <a:schemeClr val="bg1"/>
                </a:solidFill>
              </a:defRPr>
            </a:lvl2pPr>
          </a:lstStyle>
          <a:p>
            <a:pPr lvl="0"/>
            <a:r>
              <a:rPr lang="en-US"/>
              <a:t>Click to edit Master text styles</a:t>
            </a:r>
          </a:p>
        </p:txBody>
      </p:sp>
    </p:spTree>
    <p:extLst>
      <p:ext uri="{BB962C8B-B14F-4D97-AF65-F5344CB8AC3E}">
        <p14:creationId xmlns:p14="http://schemas.microsoft.com/office/powerpoint/2010/main" val="3350730980"/>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2 Large Graphics">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00071979-700C-B84C-9AFC-2F1860678610}"/>
              </a:ext>
            </a:extLst>
          </p:cNvPr>
          <p:cNvSpPr/>
          <p:nvPr userDrawn="1"/>
        </p:nvSpPr>
        <p:spPr>
          <a:xfrm>
            <a:off x="0" y="0"/>
            <a:ext cx="12192000" cy="6858000"/>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sz="1400" dirty="0">
              <a:latin typeface="+mj-lt"/>
            </a:endParaRPr>
          </a:p>
        </p:txBody>
      </p:sp>
      <p:sp>
        <p:nvSpPr>
          <p:cNvPr id="13" name="Rectangle 12">
            <a:extLst>
              <a:ext uri="{FF2B5EF4-FFF2-40B4-BE49-F238E27FC236}">
                <a16:creationId xmlns:a16="http://schemas.microsoft.com/office/drawing/2014/main" id="{C091F31A-3B67-C244-900E-9C8CB078492F}"/>
              </a:ext>
            </a:extLst>
          </p:cNvPr>
          <p:cNvSpPr/>
          <p:nvPr userDrawn="1"/>
        </p:nvSpPr>
        <p:spPr>
          <a:xfrm>
            <a:off x="0" y="4460240"/>
            <a:ext cx="12192000" cy="2397760"/>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sz="1400" dirty="0">
              <a:latin typeface="+mj-lt"/>
            </a:endParaRPr>
          </a:p>
        </p:txBody>
      </p:sp>
      <p:cxnSp>
        <p:nvCxnSpPr>
          <p:cNvPr id="9" name="Straight Connector 8">
            <a:extLst>
              <a:ext uri="{FF2B5EF4-FFF2-40B4-BE49-F238E27FC236}">
                <a16:creationId xmlns:a16="http://schemas.microsoft.com/office/drawing/2014/main" id="{8A6372FA-BDBB-374C-991C-C38EFDF38322}"/>
              </a:ext>
            </a:extLst>
          </p:cNvPr>
          <p:cNvCxnSpPr>
            <a:cxnSpLocks/>
          </p:cNvCxnSpPr>
          <p:nvPr userDrawn="1"/>
        </p:nvCxnSpPr>
        <p:spPr>
          <a:xfrm>
            <a:off x="8082793" y="5009079"/>
            <a:ext cx="0" cy="1371600"/>
          </a:xfrm>
          <a:prstGeom prst="line">
            <a:avLst/>
          </a:prstGeom>
          <a:ln w="12700">
            <a:solidFill>
              <a:schemeClr val="bg2">
                <a:alpha val="46000"/>
              </a:schemeClr>
            </a:solidFill>
            <a:tailEnd type="none"/>
          </a:ln>
          <a:effectLst/>
        </p:spPr>
        <p:style>
          <a:lnRef idx="2">
            <a:schemeClr val="accent1"/>
          </a:lnRef>
          <a:fillRef idx="0">
            <a:schemeClr val="accent1"/>
          </a:fillRef>
          <a:effectRef idx="1">
            <a:schemeClr val="accent1"/>
          </a:effectRef>
          <a:fontRef idx="minor">
            <a:schemeClr val="tx1"/>
          </a:fontRef>
        </p:style>
      </p:cxnSp>
      <p:sp>
        <p:nvSpPr>
          <p:cNvPr id="11" name="Picture Placeholder 10">
            <a:extLst>
              <a:ext uri="{FF2B5EF4-FFF2-40B4-BE49-F238E27FC236}">
                <a16:creationId xmlns:a16="http://schemas.microsoft.com/office/drawing/2014/main" id="{F4F1870E-BCF5-7D4E-8C02-86721F1B3BC8}"/>
              </a:ext>
            </a:extLst>
          </p:cNvPr>
          <p:cNvSpPr>
            <a:spLocks noGrp="1"/>
          </p:cNvSpPr>
          <p:nvPr>
            <p:ph type="pic" sz="quarter" idx="14"/>
          </p:nvPr>
        </p:nvSpPr>
        <p:spPr>
          <a:xfrm>
            <a:off x="350630" y="282843"/>
            <a:ext cx="5629275" cy="4035425"/>
          </a:xfrm>
        </p:spPr>
        <p:txBody>
          <a:bodyPr/>
          <a:lstStyle>
            <a:lvl1pPr>
              <a:defRPr>
                <a:solidFill>
                  <a:schemeClr val="accent4">
                    <a:lumMod val="75000"/>
                  </a:schemeClr>
                </a:solidFill>
              </a:defRPr>
            </a:lvl1pPr>
          </a:lstStyle>
          <a:p>
            <a:r>
              <a:rPr lang="en-US"/>
              <a:t>Click icon to add picture</a:t>
            </a:r>
            <a:endParaRPr lang="en-US" dirty="0"/>
          </a:p>
        </p:txBody>
      </p:sp>
      <p:sp>
        <p:nvSpPr>
          <p:cNvPr id="12" name="Picture Placeholder 10">
            <a:extLst>
              <a:ext uri="{FF2B5EF4-FFF2-40B4-BE49-F238E27FC236}">
                <a16:creationId xmlns:a16="http://schemas.microsoft.com/office/drawing/2014/main" id="{2B0E9E6B-4AE3-CB43-A4DD-559A311AB175}"/>
              </a:ext>
            </a:extLst>
          </p:cNvPr>
          <p:cNvSpPr>
            <a:spLocks noGrp="1"/>
          </p:cNvSpPr>
          <p:nvPr>
            <p:ph type="pic" sz="quarter" idx="15"/>
          </p:nvPr>
        </p:nvSpPr>
        <p:spPr>
          <a:xfrm>
            <a:off x="6184900" y="282843"/>
            <a:ext cx="5629275" cy="4035425"/>
          </a:xfrm>
        </p:spPr>
        <p:txBody>
          <a:bodyPr/>
          <a:lstStyle>
            <a:lvl1pPr>
              <a:defRPr>
                <a:solidFill>
                  <a:schemeClr val="accent4">
                    <a:lumMod val="75000"/>
                  </a:schemeClr>
                </a:solidFill>
              </a:defRPr>
            </a:lvl1pPr>
          </a:lstStyle>
          <a:p>
            <a:r>
              <a:rPr lang="en-US"/>
              <a:t>Click icon to add picture</a:t>
            </a:r>
            <a:endParaRPr lang="en-US" dirty="0"/>
          </a:p>
        </p:txBody>
      </p:sp>
      <p:sp>
        <p:nvSpPr>
          <p:cNvPr id="15" name="Title 14">
            <a:extLst>
              <a:ext uri="{FF2B5EF4-FFF2-40B4-BE49-F238E27FC236}">
                <a16:creationId xmlns:a16="http://schemas.microsoft.com/office/drawing/2014/main" id="{EDAAA4CF-0CAF-F64D-8AD1-9B56FC12D26E}"/>
              </a:ext>
            </a:extLst>
          </p:cNvPr>
          <p:cNvSpPr>
            <a:spLocks noGrp="1"/>
          </p:cNvSpPr>
          <p:nvPr>
            <p:ph type="title"/>
          </p:nvPr>
        </p:nvSpPr>
        <p:spPr>
          <a:xfrm>
            <a:off x="475733" y="5004000"/>
            <a:ext cx="3711256" cy="1371600"/>
          </a:xfrm>
        </p:spPr>
        <p:txBody>
          <a:bodyPr anchor="t" anchorCtr="0"/>
          <a:lstStyle>
            <a:lvl1pPr>
              <a:defRPr sz="3000" baseline="0">
                <a:solidFill>
                  <a:schemeClr val="bg1"/>
                </a:solidFill>
              </a:defRPr>
            </a:lvl1pPr>
          </a:lstStyle>
          <a:p>
            <a:r>
              <a:rPr lang="en-US"/>
              <a:t>Click to edit Master title style</a:t>
            </a:r>
            <a:endParaRPr lang="en-US" dirty="0"/>
          </a:p>
        </p:txBody>
      </p:sp>
      <p:sp>
        <p:nvSpPr>
          <p:cNvPr id="17" name="Content Placeholder 16">
            <a:extLst>
              <a:ext uri="{FF2B5EF4-FFF2-40B4-BE49-F238E27FC236}">
                <a16:creationId xmlns:a16="http://schemas.microsoft.com/office/drawing/2014/main" id="{2C48F96F-0244-4443-8AF8-FF974F86A209}"/>
              </a:ext>
            </a:extLst>
          </p:cNvPr>
          <p:cNvSpPr>
            <a:spLocks noGrp="1"/>
          </p:cNvSpPr>
          <p:nvPr>
            <p:ph sz="quarter" idx="16"/>
          </p:nvPr>
        </p:nvSpPr>
        <p:spPr>
          <a:xfrm>
            <a:off x="4344988" y="5003800"/>
            <a:ext cx="3630612" cy="1382713"/>
          </a:xfrm>
        </p:spPr>
        <p:txBody>
          <a:bodyPr>
            <a:normAutofit/>
          </a:bodyPr>
          <a:lstStyle>
            <a:lvl1pPr>
              <a:defRPr sz="1600">
                <a:solidFill>
                  <a:schemeClr val="tx2">
                    <a:lumMod val="20000"/>
                    <a:lumOff val="80000"/>
                  </a:schemeClr>
                </a:solidFill>
              </a:defRPr>
            </a:lvl1pPr>
            <a:lvl2pPr marL="457200" indent="0">
              <a:buNone/>
              <a:defRPr>
                <a:solidFill>
                  <a:schemeClr val="bg1"/>
                </a:solidFill>
              </a:defRPr>
            </a:lvl2pPr>
          </a:lstStyle>
          <a:p>
            <a:pPr lvl="0"/>
            <a:r>
              <a:rPr lang="en-US"/>
              <a:t>Click to edit Master text styles</a:t>
            </a:r>
          </a:p>
        </p:txBody>
      </p:sp>
      <p:sp>
        <p:nvSpPr>
          <p:cNvPr id="18" name="Content Placeholder 16">
            <a:extLst>
              <a:ext uri="{FF2B5EF4-FFF2-40B4-BE49-F238E27FC236}">
                <a16:creationId xmlns:a16="http://schemas.microsoft.com/office/drawing/2014/main" id="{4ECCDC39-2320-6749-8EC7-CEF0AB3378AD}"/>
              </a:ext>
            </a:extLst>
          </p:cNvPr>
          <p:cNvSpPr>
            <a:spLocks noGrp="1"/>
          </p:cNvSpPr>
          <p:nvPr>
            <p:ph sz="quarter" idx="17"/>
          </p:nvPr>
        </p:nvSpPr>
        <p:spPr>
          <a:xfrm>
            <a:off x="8183563" y="4992887"/>
            <a:ext cx="3630612" cy="1382713"/>
          </a:xfrm>
        </p:spPr>
        <p:txBody>
          <a:bodyPr>
            <a:normAutofit/>
          </a:bodyPr>
          <a:lstStyle>
            <a:lvl1pPr>
              <a:defRPr sz="1600">
                <a:solidFill>
                  <a:schemeClr val="tx2">
                    <a:lumMod val="20000"/>
                    <a:lumOff val="80000"/>
                  </a:schemeClr>
                </a:solidFill>
              </a:defRPr>
            </a:lvl1pPr>
            <a:lvl2pPr marL="457200" indent="0">
              <a:buNone/>
              <a:defRPr>
                <a:solidFill>
                  <a:schemeClr val="bg1"/>
                </a:solidFill>
              </a:defRPr>
            </a:lvl2pPr>
          </a:lstStyle>
          <a:p>
            <a:pPr lvl="0"/>
            <a:r>
              <a:rPr lang="en-US"/>
              <a:t>Click to edit Master text styles</a:t>
            </a:r>
          </a:p>
        </p:txBody>
      </p:sp>
    </p:spTree>
    <p:extLst>
      <p:ext uri="{BB962C8B-B14F-4D97-AF65-F5344CB8AC3E}">
        <p14:creationId xmlns:p14="http://schemas.microsoft.com/office/powerpoint/2010/main" val="364730250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peaker Info">
    <p:spTree>
      <p:nvGrpSpPr>
        <p:cNvPr id="1" name=""/>
        <p:cNvGrpSpPr/>
        <p:nvPr/>
      </p:nvGrpSpPr>
      <p:grpSpPr>
        <a:xfrm>
          <a:off x="0" y="0"/>
          <a:ext cx="0" cy="0"/>
          <a:chOff x="0" y="0"/>
          <a:chExt cx="0" cy="0"/>
        </a:xfrm>
      </p:grpSpPr>
      <p:pic>
        <p:nvPicPr>
          <p:cNvPr id="25" name="Picture 24" descr="A close up of a logo&#10;&#10;Description automatically generated">
            <a:extLst>
              <a:ext uri="{FF2B5EF4-FFF2-40B4-BE49-F238E27FC236}">
                <a16:creationId xmlns:a16="http://schemas.microsoft.com/office/drawing/2014/main" id="{C8F025F2-B70A-1D43-87D4-05ED3CF03D7A}"/>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27" name="Picture 26" descr="A picture containing mountain&#10;&#10;Description automatically generated">
            <a:extLst>
              <a:ext uri="{FF2B5EF4-FFF2-40B4-BE49-F238E27FC236}">
                <a16:creationId xmlns:a16="http://schemas.microsoft.com/office/drawing/2014/main" id="{50D461C5-5810-5143-B8CB-E3F4BE4DCEDF}"/>
              </a:ext>
            </a:extLst>
          </p:cNvPr>
          <p:cNvPicPr>
            <a:picLocks noChangeAspect="1"/>
          </p:cNvPicPr>
          <p:nvPr userDrawn="1"/>
        </p:nvPicPr>
        <p:blipFill>
          <a:blip r:embed="rId3"/>
          <a:stretch>
            <a:fillRect/>
          </a:stretch>
        </p:blipFill>
        <p:spPr>
          <a:xfrm>
            <a:off x="0" y="6394"/>
            <a:ext cx="12192000" cy="6858000"/>
          </a:xfrm>
          <a:prstGeom prst="rect">
            <a:avLst/>
          </a:prstGeom>
        </p:spPr>
      </p:pic>
      <p:cxnSp>
        <p:nvCxnSpPr>
          <p:cNvPr id="14" name="Straight Connector 13">
            <a:extLst>
              <a:ext uri="{FF2B5EF4-FFF2-40B4-BE49-F238E27FC236}">
                <a16:creationId xmlns:a16="http://schemas.microsoft.com/office/drawing/2014/main" id="{FE16578D-4135-D84C-B63E-10154671C433}"/>
              </a:ext>
            </a:extLst>
          </p:cNvPr>
          <p:cNvCxnSpPr>
            <a:cxnSpLocks/>
          </p:cNvCxnSpPr>
          <p:nvPr userDrawn="1"/>
        </p:nvCxnSpPr>
        <p:spPr>
          <a:xfrm>
            <a:off x="1569989" y="2707116"/>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18" name="Picture Placeholder 10">
            <a:extLst>
              <a:ext uri="{FF2B5EF4-FFF2-40B4-BE49-F238E27FC236}">
                <a16:creationId xmlns:a16="http://schemas.microsoft.com/office/drawing/2014/main" id="{ECC9ADD9-530C-E645-BF98-433C48F2E2D0}"/>
              </a:ext>
            </a:extLst>
          </p:cNvPr>
          <p:cNvSpPr>
            <a:spLocks noGrp="1"/>
          </p:cNvSpPr>
          <p:nvPr>
            <p:ph type="pic" sz="quarter" idx="10"/>
          </p:nvPr>
        </p:nvSpPr>
        <p:spPr>
          <a:xfrm>
            <a:off x="6309087" y="1297624"/>
            <a:ext cx="1908719" cy="1800706"/>
          </a:xfrm>
        </p:spPr>
        <p:txBody>
          <a:bodyPr/>
          <a:lstStyle/>
          <a:p>
            <a:r>
              <a:rPr lang="en-US"/>
              <a:t>Click icon to add picture</a:t>
            </a:r>
            <a:endParaRPr lang="en-US" dirty="0"/>
          </a:p>
        </p:txBody>
      </p:sp>
      <p:sp>
        <p:nvSpPr>
          <p:cNvPr id="19" name="Title 1">
            <a:extLst>
              <a:ext uri="{FF2B5EF4-FFF2-40B4-BE49-F238E27FC236}">
                <a16:creationId xmlns:a16="http://schemas.microsoft.com/office/drawing/2014/main" id="{F74F1F7E-0B16-AA4C-8FEB-6262EB5D96A3}"/>
              </a:ext>
            </a:extLst>
          </p:cNvPr>
          <p:cNvSpPr>
            <a:spLocks noGrp="1"/>
          </p:cNvSpPr>
          <p:nvPr>
            <p:ph type="title" hasCustomPrompt="1"/>
          </p:nvPr>
        </p:nvSpPr>
        <p:spPr>
          <a:xfrm>
            <a:off x="1476006" y="1565753"/>
            <a:ext cx="3502393" cy="966689"/>
          </a:xfrm>
        </p:spPr>
        <p:txBody>
          <a:bodyPr anchor="b"/>
          <a:lstStyle>
            <a:lvl1pPr algn="l">
              <a:defRPr sz="3000">
                <a:solidFill>
                  <a:schemeClr val="bg1"/>
                </a:solidFill>
              </a:defRPr>
            </a:lvl1pPr>
          </a:lstStyle>
          <a:p>
            <a:r>
              <a:rPr lang="en-US" dirty="0"/>
              <a:t>SPEAKER NAME</a:t>
            </a:r>
          </a:p>
        </p:txBody>
      </p:sp>
      <p:sp>
        <p:nvSpPr>
          <p:cNvPr id="21" name="Text Placeholder 20">
            <a:extLst>
              <a:ext uri="{FF2B5EF4-FFF2-40B4-BE49-F238E27FC236}">
                <a16:creationId xmlns:a16="http://schemas.microsoft.com/office/drawing/2014/main" id="{3FA283AD-05ED-8F42-9DC1-144CFD0E773D}"/>
              </a:ext>
            </a:extLst>
          </p:cNvPr>
          <p:cNvSpPr>
            <a:spLocks noGrp="1"/>
          </p:cNvSpPr>
          <p:nvPr>
            <p:ph type="body" sz="quarter" idx="11"/>
          </p:nvPr>
        </p:nvSpPr>
        <p:spPr>
          <a:xfrm>
            <a:off x="1476375" y="2794000"/>
            <a:ext cx="4324350" cy="1873250"/>
          </a:xfrm>
        </p:spPr>
        <p:txBody>
          <a:bodyPr/>
          <a:lstStyle>
            <a:lvl1pPr>
              <a:defRPr i="1">
                <a:solidFill>
                  <a:schemeClr val="bg1"/>
                </a:solidFill>
              </a:defRPr>
            </a:lvl1pPr>
          </a:lstStyle>
          <a:p>
            <a:pPr lvl="0"/>
            <a:r>
              <a:rPr lang="en-US"/>
              <a:t>Click to edit Master text styles</a:t>
            </a:r>
          </a:p>
        </p:txBody>
      </p:sp>
      <p:sp>
        <p:nvSpPr>
          <p:cNvPr id="23" name="Text Placeholder 22">
            <a:extLst>
              <a:ext uri="{FF2B5EF4-FFF2-40B4-BE49-F238E27FC236}">
                <a16:creationId xmlns:a16="http://schemas.microsoft.com/office/drawing/2014/main" id="{79FC79D6-F04F-A54A-9A95-D3AD30E0A439}"/>
              </a:ext>
            </a:extLst>
          </p:cNvPr>
          <p:cNvSpPr>
            <a:spLocks noGrp="1"/>
          </p:cNvSpPr>
          <p:nvPr>
            <p:ph type="body" sz="quarter" idx="12" hasCustomPrompt="1"/>
          </p:nvPr>
        </p:nvSpPr>
        <p:spPr>
          <a:xfrm>
            <a:off x="1476375" y="5190365"/>
            <a:ext cx="4619625" cy="569912"/>
          </a:xfrm>
        </p:spPr>
        <p:txBody>
          <a:bodyPr/>
          <a:lstStyle>
            <a:lvl1pPr>
              <a:defRPr b="1" u="sng" cap="all" spc="300" baseline="0">
                <a:solidFill>
                  <a:schemeClr val="bg1"/>
                </a:solidFill>
                <a:latin typeface="+mj-lt"/>
              </a:defRPr>
            </a:lvl1pPr>
          </a:lstStyle>
          <a:p>
            <a:pPr lvl="0"/>
            <a:r>
              <a:rPr lang="en-US" dirty="0"/>
              <a:t>EMAIL</a:t>
            </a:r>
          </a:p>
        </p:txBody>
      </p:sp>
    </p:spTree>
    <p:extLst>
      <p:ext uri="{BB962C8B-B14F-4D97-AF65-F5344CB8AC3E}">
        <p14:creationId xmlns:p14="http://schemas.microsoft.com/office/powerpoint/2010/main" val="401269925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Large Graphic - Photo">
    <p:spTree>
      <p:nvGrpSpPr>
        <p:cNvPr id="1" name=""/>
        <p:cNvGrpSpPr/>
        <p:nvPr/>
      </p:nvGrpSpPr>
      <p:grpSpPr>
        <a:xfrm>
          <a:off x="0" y="0"/>
          <a:ext cx="0" cy="0"/>
          <a:chOff x="0" y="0"/>
          <a:chExt cx="0" cy="0"/>
        </a:xfrm>
      </p:grpSpPr>
      <p:pic>
        <p:nvPicPr>
          <p:cNvPr id="3" name="Picture 2" descr="A close up of a logo&#10;&#10;Description automatically generated">
            <a:extLst>
              <a:ext uri="{FF2B5EF4-FFF2-40B4-BE49-F238E27FC236}">
                <a16:creationId xmlns:a16="http://schemas.microsoft.com/office/drawing/2014/main" id="{CD9A8A16-84D3-614D-A0C2-A1C47FEABB59}"/>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Picture Placeholder 6">
            <a:extLst>
              <a:ext uri="{FF2B5EF4-FFF2-40B4-BE49-F238E27FC236}">
                <a16:creationId xmlns:a16="http://schemas.microsoft.com/office/drawing/2014/main" id="{8B14CB40-C1C5-A847-AD1D-74180CFAECE4}"/>
              </a:ext>
            </a:extLst>
          </p:cNvPr>
          <p:cNvSpPr>
            <a:spLocks noGrp="1"/>
          </p:cNvSpPr>
          <p:nvPr>
            <p:ph type="pic" sz="quarter" idx="10"/>
          </p:nvPr>
        </p:nvSpPr>
        <p:spPr>
          <a:xfrm>
            <a:off x="1001713" y="976312"/>
            <a:ext cx="7858125" cy="4905375"/>
          </a:xfrm>
        </p:spPr>
        <p:txBody>
          <a:bodyPr/>
          <a:lstStyle/>
          <a:p>
            <a:r>
              <a:rPr lang="en-US"/>
              <a:t>Click icon to add picture</a:t>
            </a:r>
            <a:endParaRPr lang="en-US" dirty="0"/>
          </a:p>
        </p:txBody>
      </p:sp>
      <p:sp>
        <p:nvSpPr>
          <p:cNvPr id="8" name="Text Placeholder 7">
            <a:extLst>
              <a:ext uri="{FF2B5EF4-FFF2-40B4-BE49-F238E27FC236}">
                <a16:creationId xmlns:a16="http://schemas.microsoft.com/office/drawing/2014/main" id="{14EDDF52-7082-DC4D-8031-AD176A89AD5A}"/>
              </a:ext>
            </a:extLst>
          </p:cNvPr>
          <p:cNvSpPr>
            <a:spLocks noGrp="1"/>
          </p:cNvSpPr>
          <p:nvPr>
            <p:ph type="body" sz="quarter" idx="11" hasCustomPrompt="1"/>
          </p:nvPr>
        </p:nvSpPr>
        <p:spPr>
          <a:xfrm>
            <a:off x="8991600" y="976313"/>
            <a:ext cx="3038475" cy="4905375"/>
          </a:xfrm>
        </p:spPr>
        <p:txBody>
          <a:bodyPr anchor="ctr" anchorCtr="0"/>
          <a:lstStyle/>
          <a:p>
            <a:pPr lvl="0"/>
            <a:r>
              <a:rPr lang="en-US" i="1" dirty="0" err="1"/>
              <a:t>Excepteur</a:t>
            </a:r>
            <a:r>
              <a:rPr lang="en-US" i="1" dirty="0"/>
              <a:t> </a:t>
            </a:r>
            <a:r>
              <a:rPr lang="en-US" i="1" dirty="0" err="1"/>
              <a:t>sint</a:t>
            </a:r>
            <a:r>
              <a:rPr lang="en-US" i="1" dirty="0"/>
              <a:t> </a:t>
            </a:r>
            <a:r>
              <a:rPr lang="en-US" i="1" dirty="0" err="1"/>
              <a:t>occaecat</a:t>
            </a:r>
            <a:r>
              <a:rPr lang="en-US" i="1" dirty="0"/>
              <a:t> </a:t>
            </a:r>
            <a:r>
              <a:rPr lang="en-US" i="1" dirty="0" err="1"/>
              <a:t>cupidatat</a:t>
            </a:r>
            <a:r>
              <a:rPr lang="en-US" i="1" dirty="0"/>
              <a:t> non </a:t>
            </a:r>
            <a:r>
              <a:rPr lang="en-US" i="1" dirty="0" err="1"/>
              <a:t>proident</a:t>
            </a:r>
            <a:r>
              <a:rPr lang="en-US" i="1" dirty="0"/>
              <a:t>, sunt in culpa qui </a:t>
            </a:r>
            <a:r>
              <a:rPr lang="en-US" i="1" dirty="0" err="1"/>
              <a:t>officia</a:t>
            </a:r>
            <a:r>
              <a:rPr lang="en-US" i="1" dirty="0"/>
              <a:t> </a:t>
            </a:r>
            <a:r>
              <a:rPr lang="en-US" i="1" dirty="0" err="1"/>
              <a:t>deserunt</a:t>
            </a:r>
            <a:endParaRPr lang="en-US" dirty="0"/>
          </a:p>
        </p:txBody>
      </p:sp>
      <p:sp>
        <p:nvSpPr>
          <p:cNvPr id="6" name="Slide Number Placeholder 4">
            <a:extLst>
              <a:ext uri="{FF2B5EF4-FFF2-40B4-BE49-F238E27FC236}">
                <a16:creationId xmlns:a16="http://schemas.microsoft.com/office/drawing/2014/main" id="{04D135B6-EACD-4A44-9604-5103232D50B5}"/>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spTree>
    <p:extLst>
      <p:ext uri="{BB962C8B-B14F-4D97-AF65-F5344CB8AC3E}">
        <p14:creationId xmlns:p14="http://schemas.microsoft.com/office/powerpoint/2010/main" val="191656746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Large Graphic">
    <p:spTree>
      <p:nvGrpSpPr>
        <p:cNvPr id="1" name=""/>
        <p:cNvGrpSpPr/>
        <p:nvPr/>
      </p:nvGrpSpPr>
      <p:grpSpPr>
        <a:xfrm>
          <a:off x="0" y="0"/>
          <a:ext cx="0" cy="0"/>
          <a:chOff x="0" y="0"/>
          <a:chExt cx="0" cy="0"/>
        </a:xfrm>
      </p:grpSpPr>
      <p:sp>
        <p:nvSpPr>
          <p:cNvPr id="3" name="Title 8">
            <a:extLst>
              <a:ext uri="{FF2B5EF4-FFF2-40B4-BE49-F238E27FC236}">
                <a16:creationId xmlns:a16="http://schemas.microsoft.com/office/drawing/2014/main" id="{20BE3812-BF67-DC4D-A678-0997B0400335}"/>
              </a:ext>
            </a:extLst>
          </p:cNvPr>
          <p:cNvSpPr>
            <a:spLocks noGrp="1"/>
          </p:cNvSpPr>
          <p:nvPr>
            <p:ph type="ctrTitle"/>
          </p:nvPr>
        </p:nvSpPr>
        <p:spPr>
          <a:xfrm>
            <a:off x="1700784" y="356616"/>
            <a:ext cx="9464040" cy="868680"/>
          </a:xfrm>
        </p:spPr>
        <p:txBody>
          <a:bodyPr anchor="b" anchorCtr="0"/>
          <a:lstStyle>
            <a:lvl1pPr>
              <a:defRPr sz="3000"/>
            </a:lvl1pPr>
          </a:lstStyle>
          <a:p>
            <a:r>
              <a:rPr lang="en-US" dirty="0"/>
              <a:t>Click to edit Master title style</a:t>
            </a:r>
          </a:p>
        </p:txBody>
      </p:sp>
      <p:sp>
        <p:nvSpPr>
          <p:cNvPr id="7" name="Picture Placeholder 6">
            <a:extLst>
              <a:ext uri="{FF2B5EF4-FFF2-40B4-BE49-F238E27FC236}">
                <a16:creationId xmlns:a16="http://schemas.microsoft.com/office/drawing/2014/main" id="{EE0AEE98-E1B4-2D4C-B438-56B41887451B}"/>
              </a:ext>
            </a:extLst>
          </p:cNvPr>
          <p:cNvSpPr>
            <a:spLocks noGrp="1"/>
          </p:cNvSpPr>
          <p:nvPr>
            <p:ph type="pic" sz="quarter" idx="10"/>
          </p:nvPr>
        </p:nvSpPr>
        <p:spPr>
          <a:xfrm>
            <a:off x="1451112" y="1812665"/>
            <a:ext cx="6632437" cy="4664075"/>
          </a:xfrm>
        </p:spPr>
        <p:txBody>
          <a:bodyPr/>
          <a:lstStyle/>
          <a:p>
            <a:r>
              <a:rPr lang="en-US"/>
              <a:t>Click icon to add picture</a:t>
            </a:r>
            <a:endParaRPr lang="en-US" dirty="0"/>
          </a:p>
        </p:txBody>
      </p:sp>
      <p:sp>
        <p:nvSpPr>
          <p:cNvPr id="4" name="Text Placeholder 3">
            <a:extLst>
              <a:ext uri="{FF2B5EF4-FFF2-40B4-BE49-F238E27FC236}">
                <a16:creationId xmlns:a16="http://schemas.microsoft.com/office/drawing/2014/main" id="{F532F267-6C28-CA4C-A00D-9CF6E50628CA}"/>
              </a:ext>
            </a:extLst>
          </p:cNvPr>
          <p:cNvSpPr>
            <a:spLocks noGrp="1"/>
          </p:cNvSpPr>
          <p:nvPr>
            <p:ph type="body" sz="quarter" idx="11"/>
          </p:nvPr>
        </p:nvSpPr>
        <p:spPr>
          <a:xfrm>
            <a:off x="8413115" y="1812665"/>
            <a:ext cx="3200400" cy="2905125"/>
          </a:xfrm>
        </p:spPr>
        <p:txBody>
          <a:bodyPr/>
          <a:lstStyle>
            <a:lvl1pPr>
              <a:defRPr b="0" i="1">
                <a:latin typeface="Calibri" panose="020F0502020204030204" pitchFamily="34" charset="0"/>
                <a:cs typeface="Calibri" panose="020F0502020204030204" pitchFamily="34" charset="0"/>
              </a:defRPr>
            </a:lvl1pPr>
          </a:lstStyle>
          <a:p>
            <a:pPr lvl="0"/>
            <a:r>
              <a:rPr lang="en-US"/>
              <a:t>Click to edit Master text styles</a:t>
            </a:r>
          </a:p>
        </p:txBody>
      </p:sp>
      <p:cxnSp>
        <p:nvCxnSpPr>
          <p:cNvPr id="6" name="Straight Connector 5">
            <a:extLst>
              <a:ext uri="{FF2B5EF4-FFF2-40B4-BE49-F238E27FC236}">
                <a16:creationId xmlns:a16="http://schemas.microsoft.com/office/drawing/2014/main" id="{630E60B3-B883-DF43-A15D-B1560DD9DCB1}"/>
              </a:ext>
            </a:extLst>
          </p:cNvPr>
          <p:cNvCxnSpPr>
            <a:cxnSpLocks/>
          </p:cNvCxnSpPr>
          <p:nvPr userDrawn="1"/>
        </p:nvCxnSpPr>
        <p:spPr>
          <a:xfrm>
            <a:off x="1818962" y="1394578"/>
            <a:ext cx="619437"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8" name="Slide Number Placeholder 4">
            <a:extLst>
              <a:ext uri="{FF2B5EF4-FFF2-40B4-BE49-F238E27FC236}">
                <a16:creationId xmlns:a16="http://schemas.microsoft.com/office/drawing/2014/main" id="{6D2E553E-04B6-7948-A003-52CA88B615B3}"/>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spTree>
    <p:extLst>
      <p:ext uri="{BB962C8B-B14F-4D97-AF65-F5344CB8AC3E}">
        <p14:creationId xmlns:p14="http://schemas.microsoft.com/office/powerpoint/2010/main" val="283049248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692166" y="356616"/>
            <a:ext cx="4160520" cy="868680"/>
          </a:xfrm>
        </p:spPr>
        <p:txBody>
          <a:bodyPr anchor="b" anchorCtr="0"/>
          <a:lstStyle>
            <a:lvl1pPr algn="l">
              <a:defRPr sz="3000"/>
            </a:lvl1pPr>
          </a:lstStyle>
          <a:p>
            <a:r>
              <a:rPr lang="en-US" dirty="0"/>
              <a:t>Title goes here</a:t>
            </a:r>
          </a:p>
        </p:txBody>
      </p:sp>
      <p:sp>
        <p:nvSpPr>
          <p:cNvPr id="3" name="Picture Placeholder 2"/>
          <p:cNvSpPr>
            <a:spLocks noGrp="1"/>
          </p:cNvSpPr>
          <p:nvPr>
            <p:ph type="pic" idx="1"/>
          </p:nvPr>
        </p:nvSpPr>
        <p:spPr>
          <a:xfrm>
            <a:off x="6337740" y="703653"/>
            <a:ext cx="5259388" cy="5642177"/>
          </a:xfrm>
        </p:spPr>
        <p:txBody>
          <a:bodyPr>
            <a:normAutofit/>
          </a:bodyPr>
          <a:lstStyle>
            <a:lvl1pPr marL="0" indent="0">
              <a:buNone/>
              <a:defRPr sz="1600"/>
            </a:lvl1pPr>
            <a:lvl2pPr marL="342900" indent="0">
              <a:buNone/>
              <a:defRPr sz="2100"/>
            </a:lvl2pPr>
            <a:lvl3pPr marL="685800" indent="0">
              <a:buNone/>
              <a:defRPr sz="1800"/>
            </a:lvl3pPr>
            <a:lvl4pPr marL="1028700" indent="0">
              <a:buNone/>
              <a:defRPr sz="1500"/>
            </a:lvl4pPr>
            <a:lvl5pPr marL="1371600" indent="0">
              <a:buNone/>
              <a:defRPr sz="1500"/>
            </a:lvl5pPr>
            <a:lvl6pPr marL="1714500" indent="0">
              <a:buNone/>
              <a:defRPr sz="1500"/>
            </a:lvl6pPr>
            <a:lvl7pPr marL="2057400" indent="0">
              <a:buNone/>
              <a:defRPr sz="1500"/>
            </a:lvl7pPr>
            <a:lvl8pPr marL="2400300" indent="0">
              <a:buNone/>
              <a:defRPr sz="1500"/>
            </a:lvl8pPr>
            <a:lvl9pPr marL="2743200" indent="0">
              <a:buNone/>
              <a:defRPr sz="1500"/>
            </a:lvl9pPr>
          </a:lstStyle>
          <a:p>
            <a:r>
              <a:rPr lang="en-US"/>
              <a:t>Click icon to add picture</a:t>
            </a:r>
            <a:endParaRPr lang="en-US" dirty="0"/>
          </a:p>
        </p:txBody>
      </p:sp>
      <p:sp>
        <p:nvSpPr>
          <p:cNvPr id="4" name="Text Placeholder 3"/>
          <p:cNvSpPr>
            <a:spLocks noGrp="1"/>
          </p:cNvSpPr>
          <p:nvPr>
            <p:ph type="body" sz="half" idx="2"/>
          </p:nvPr>
        </p:nvSpPr>
        <p:spPr>
          <a:xfrm>
            <a:off x="1692166" y="1531606"/>
            <a:ext cx="4162096" cy="4814209"/>
          </a:xfrm>
        </p:spPr>
        <p:txBody>
          <a:bodyPr>
            <a:normAutofit/>
          </a:bodyPr>
          <a:lstStyle>
            <a:lvl1pPr marL="0" indent="0">
              <a:buNone/>
              <a:defRPr sz="1600"/>
            </a:lvl1pPr>
            <a:lvl2pPr marL="342900" indent="0">
              <a:buNone/>
              <a:defRPr sz="1050"/>
            </a:lvl2pPr>
            <a:lvl3pPr marL="685800" indent="0">
              <a:buNone/>
              <a:defRPr sz="900"/>
            </a:lvl3pPr>
            <a:lvl4pPr marL="1028700" indent="0">
              <a:buNone/>
              <a:defRPr sz="750"/>
            </a:lvl4pPr>
            <a:lvl5pPr marL="1371600" indent="0">
              <a:buNone/>
              <a:defRPr sz="750"/>
            </a:lvl5pPr>
            <a:lvl6pPr marL="1714500" indent="0">
              <a:buNone/>
              <a:defRPr sz="750"/>
            </a:lvl6pPr>
            <a:lvl7pPr marL="2057400" indent="0">
              <a:buNone/>
              <a:defRPr sz="750"/>
            </a:lvl7pPr>
            <a:lvl8pPr marL="2400300" indent="0">
              <a:buNone/>
              <a:defRPr sz="750"/>
            </a:lvl8pPr>
            <a:lvl9pPr marL="2743200" indent="0">
              <a:buNone/>
              <a:defRPr sz="750"/>
            </a:lvl9pPr>
          </a:lstStyle>
          <a:p>
            <a:pPr lvl="0"/>
            <a:r>
              <a:rPr lang="en-US"/>
              <a:t>Click to edit Master text styles</a:t>
            </a:r>
          </a:p>
        </p:txBody>
      </p:sp>
      <p:sp>
        <p:nvSpPr>
          <p:cNvPr id="5" name="Slide Number Placeholder 4">
            <a:extLst>
              <a:ext uri="{FF2B5EF4-FFF2-40B4-BE49-F238E27FC236}">
                <a16:creationId xmlns:a16="http://schemas.microsoft.com/office/drawing/2014/main" id="{56A3A698-70C3-234E-B59A-E133FB263858}"/>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cxnSp>
        <p:nvCxnSpPr>
          <p:cNvPr id="7" name="Straight Connector 6">
            <a:extLst>
              <a:ext uri="{FF2B5EF4-FFF2-40B4-BE49-F238E27FC236}">
                <a16:creationId xmlns:a16="http://schemas.microsoft.com/office/drawing/2014/main" id="{B7E99A5F-1B74-0641-A377-894669BB33A2}"/>
              </a:ext>
            </a:extLst>
          </p:cNvPr>
          <p:cNvCxnSpPr>
            <a:cxnSpLocks/>
          </p:cNvCxnSpPr>
          <p:nvPr userDrawn="1"/>
        </p:nvCxnSpPr>
        <p:spPr>
          <a:xfrm>
            <a:off x="1818962" y="1394578"/>
            <a:ext cx="619437"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Tree>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Title Slide 3">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5A9CAF9F-4BC9-F948-8119-E4C5541F5DDB}"/>
              </a:ext>
            </a:extLst>
          </p:cNvPr>
          <p:cNvPicPr>
            <a:picLocks noChangeAspect="1"/>
          </p:cNvPicPr>
          <p:nvPr userDrawn="1"/>
        </p:nvPicPr>
        <p:blipFill rotWithShape="1">
          <a:blip r:embed="rId2" cstate="screen">
            <a:graysc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3" name="Rectangle 2">
            <a:extLst>
              <a:ext uri="{FF2B5EF4-FFF2-40B4-BE49-F238E27FC236}">
                <a16:creationId xmlns:a16="http://schemas.microsoft.com/office/drawing/2014/main" id="{716E0FFE-8EFB-D644-9B09-F4F2FCF7DE17}"/>
              </a:ext>
            </a:extLst>
          </p:cNvPr>
          <p:cNvSpPr/>
          <p:nvPr userDrawn="1"/>
        </p:nvSpPr>
        <p:spPr>
          <a:xfrm>
            <a:off x="0" y="0"/>
            <a:ext cx="12192000" cy="6858000"/>
          </a:xfrm>
          <a:prstGeom prst="rect">
            <a:avLst/>
          </a:prstGeom>
          <a:solidFill>
            <a:srgbClr val="0C4D63">
              <a:alpha val="70114"/>
            </a:srgb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2" name="Title 1"/>
          <p:cNvSpPr>
            <a:spLocks noGrp="1"/>
          </p:cNvSpPr>
          <p:nvPr>
            <p:ph type="ctrTitle" hasCustomPrompt="1"/>
          </p:nvPr>
        </p:nvSpPr>
        <p:spPr>
          <a:xfrm>
            <a:off x="850392" y="2350008"/>
            <a:ext cx="8110727" cy="1490472"/>
          </a:xfrm>
        </p:spPr>
        <p:txBody>
          <a:bodyPr anchor="b" anchorCtr="0">
            <a:noAutofit/>
          </a:bodyPr>
          <a:lstStyle>
            <a:lvl1pPr algn="l">
              <a:lnSpc>
                <a:spcPts val="5000"/>
              </a:lnSpc>
              <a:defRPr sz="4500" cap="all" spc="520" baseline="0">
                <a:solidFill>
                  <a:schemeClr val="bg1"/>
                </a:solidFill>
              </a:defRPr>
            </a:lvl1pPr>
          </a:lstStyle>
          <a:p>
            <a:r>
              <a:rPr lang="en-US" dirty="0"/>
              <a:t>Two-Line Headline </a:t>
            </a:r>
            <a:br>
              <a:rPr lang="en-US" dirty="0"/>
            </a:br>
            <a:r>
              <a:rPr lang="en-US" dirty="0"/>
              <a:t>goes here</a:t>
            </a:r>
          </a:p>
        </p:txBody>
      </p:sp>
      <p:sp>
        <p:nvSpPr>
          <p:cNvPr id="8" name="Subtitle 2"/>
          <p:cNvSpPr>
            <a:spLocks noGrp="1"/>
          </p:cNvSpPr>
          <p:nvPr>
            <p:ph type="subTitle" idx="1"/>
          </p:nvPr>
        </p:nvSpPr>
        <p:spPr>
          <a:xfrm>
            <a:off x="986155" y="3841969"/>
            <a:ext cx="4656356" cy="791656"/>
          </a:xfrm>
        </p:spPr>
        <p:txBody>
          <a:bodyPr anchor="t">
            <a:normAutofit/>
          </a:bodyPr>
          <a:lstStyle>
            <a:lvl1pPr marL="0" indent="0" algn="l">
              <a:buNone/>
              <a:defRPr lang="en-US" sz="1800" b="0" i="1" kern="1200" dirty="0">
                <a:solidFill>
                  <a:schemeClr val="accent3"/>
                </a:solidFill>
                <a:latin typeface="+mn-lt"/>
                <a:ea typeface="+mn-ea"/>
                <a:cs typeface="+mn-cs"/>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pPr marL="0" lvl="0" indent="0" algn="l" defTabSz="457200" rtl="0" eaLnBrk="1" latinLnBrk="0" hangingPunct="1">
              <a:spcBef>
                <a:spcPct val="20000"/>
              </a:spcBef>
              <a:spcAft>
                <a:spcPts val="1200"/>
              </a:spcAft>
              <a:buFont typeface="Arial"/>
              <a:buNone/>
            </a:pPr>
            <a:r>
              <a:rPr lang="en-US"/>
              <a:t>Click to edit Master subtitle style</a:t>
            </a:r>
            <a:endParaRPr lang="en-US" dirty="0"/>
          </a:p>
        </p:txBody>
      </p:sp>
      <p:cxnSp>
        <p:nvCxnSpPr>
          <p:cNvPr id="9" name="Straight Connector 8">
            <a:extLst>
              <a:ext uri="{FF2B5EF4-FFF2-40B4-BE49-F238E27FC236}">
                <a16:creationId xmlns:a16="http://schemas.microsoft.com/office/drawing/2014/main" id="{7127E960-1E9D-A546-AE97-DFAC983F77CC}"/>
              </a:ext>
            </a:extLst>
          </p:cNvPr>
          <p:cNvCxnSpPr>
            <a:cxnSpLocks/>
          </p:cNvCxnSpPr>
          <p:nvPr userDrawn="1"/>
        </p:nvCxnSpPr>
        <p:spPr>
          <a:xfrm>
            <a:off x="986155" y="3834535"/>
            <a:ext cx="0" cy="400050"/>
          </a:xfrm>
          <a:prstGeom prst="line">
            <a:avLst/>
          </a:prstGeom>
          <a:ln cap="sq">
            <a:headEnd type="none" w="sm" len="sm"/>
            <a:tailEnd type="none"/>
          </a:ln>
          <a:effectLst/>
        </p:spPr>
        <p:style>
          <a:lnRef idx="2">
            <a:schemeClr val="accent1"/>
          </a:lnRef>
          <a:fillRef idx="0">
            <a:schemeClr val="accent1"/>
          </a:fillRef>
          <a:effectRef idx="1">
            <a:schemeClr val="accent1"/>
          </a:effectRef>
          <a:fontRef idx="minor">
            <a:schemeClr val="tx1"/>
          </a:fontRef>
        </p:style>
      </p:cxnSp>
      <p:pic>
        <p:nvPicPr>
          <p:cNvPr id="11" name="Picture 10">
            <a:extLst>
              <a:ext uri="{FF2B5EF4-FFF2-40B4-BE49-F238E27FC236}">
                <a16:creationId xmlns:a16="http://schemas.microsoft.com/office/drawing/2014/main" id="{9A422591-D96B-9949-8E92-A7C0195A9DB6}"/>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849091" y="775172"/>
            <a:ext cx="1914860" cy="155049"/>
          </a:xfrm>
          <a:prstGeom prst="rect">
            <a:avLst/>
          </a:prstGeom>
        </p:spPr>
      </p:pic>
    </p:spTree>
    <p:extLst>
      <p:ext uri="{BB962C8B-B14F-4D97-AF65-F5344CB8AC3E}">
        <p14:creationId xmlns:p14="http://schemas.microsoft.com/office/powerpoint/2010/main" val="3803890154"/>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691640" y="978498"/>
            <a:ext cx="3506990" cy="1496570"/>
          </a:xfrm>
        </p:spPr>
        <p:txBody>
          <a:bodyPr anchor="b"/>
          <a:lstStyle>
            <a:lvl1pPr algn="l">
              <a:defRPr sz="3200"/>
            </a:lvl1pPr>
          </a:lstStyle>
          <a:p>
            <a:r>
              <a:rPr lang="en-US" dirty="0"/>
              <a:t>Title goes here</a:t>
            </a:r>
          </a:p>
        </p:txBody>
      </p:sp>
      <p:sp>
        <p:nvSpPr>
          <p:cNvPr id="3" name="Content Placeholder 2"/>
          <p:cNvSpPr>
            <a:spLocks noGrp="1"/>
          </p:cNvSpPr>
          <p:nvPr>
            <p:ph idx="1"/>
          </p:nvPr>
        </p:nvSpPr>
        <p:spPr>
          <a:xfrm>
            <a:off x="5713281" y="986121"/>
            <a:ext cx="5857660" cy="4874933"/>
          </a:xfrm>
        </p:spPr>
        <p:txBody>
          <a:bodyPr>
            <a:normAutofit/>
          </a:bodyPr>
          <a:lstStyle>
            <a:lvl1pPr>
              <a:defRPr sz="1600"/>
            </a:lvl1pPr>
            <a:lvl2pPr>
              <a:defRPr sz="1600"/>
            </a:lvl2pPr>
            <a:lvl3pPr>
              <a:defRPr sz="1600"/>
            </a:lvl3pPr>
            <a:lvl4pPr>
              <a:defRPr sz="1600"/>
            </a:lvl4pPr>
            <a:lvl5pPr>
              <a:defRPr sz="1600"/>
            </a:lvl5pPr>
            <a:lvl6pPr>
              <a:defRPr sz="1500"/>
            </a:lvl6pPr>
            <a:lvl7pPr>
              <a:defRPr sz="1500"/>
            </a:lvl7pPr>
            <a:lvl8pPr>
              <a:defRPr sz="1500"/>
            </a:lvl8pPr>
            <a:lvl9pPr>
              <a:defRPr sz="15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1691640" y="2476499"/>
            <a:ext cx="3506990" cy="3401263"/>
          </a:xfrm>
        </p:spPr>
        <p:txBody>
          <a:bodyPr>
            <a:normAutofit/>
          </a:bodyPr>
          <a:lstStyle>
            <a:lvl1pPr marL="0" indent="0">
              <a:buNone/>
              <a:defRPr sz="1600"/>
            </a:lvl1pPr>
            <a:lvl2pPr marL="342900" indent="0">
              <a:buNone/>
              <a:defRPr sz="1050"/>
            </a:lvl2pPr>
            <a:lvl3pPr marL="685800" indent="0">
              <a:buNone/>
              <a:defRPr sz="900"/>
            </a:lvl3pPr>
            <a:lvl4pPr marL="1028700" indent="0">
              <a:buNone/>
              <a:defRPr sz="750"/>
            </a:lvl4pPr>
            <a:lvl5pPr marL="1371600" indent="0">
              <a:buNone/>
              <a:defRPr sz="750"/>
            </a:lvl5pPr>
            <a:lvl6pPr marL="1714500" indent="0">
              <a:buNone/>
              <a:defRPr sz="750"/>
            </a:lvl6pPr>
            <a:lvl7pPr marL="2057400" indent="0">
              <a:buNone/>
              <a:defRPr sz="750"/>
            </a:lvl7pPr>
            <a:lvl8pPr marL="2400300" indent="0">
              <a:buNone/>
              <a:defRPr sz="750"/>
            </a:lvl8pPr>
            <a:lvl9pPr marL="2743200" indent="0">
              <a:buNone/>
              <a:defRPr sz="750"/>
            </a:lvl9pPr>
          </a:lstStyle>
          <a:p>
            <a:pPr lvl="0"/>
            <a:r>
              <a:rPr lang="en-US"/>
              <a:t>Click to edit Master text styles</a:t>
            </a:r>
          </a:p>
        </p:txBody>
      </p:sp>
      <p:sp>
        <p:nvSpPr>
          <p:cNvPr id="6" name="Slide Number Placeholder 4">
            <a:extLst>
              <a:ext uri="{FF2B5EF4-FFF2-40B4-BE49-F238E27FC236}">
                <a16:creationId xmlns:a16="http://schemas.microsoft.com/office/drawing/2014/main" id="{87F422CD-40BE-1D46-9DAA-A4E97CF1AD38}"/>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spTree>
    <p:extLst>
      <p:ext uri="{BB962C8B-B14F-4D97-AF65-F5344CB8AC3E}">
        <p14:creationId xmlns:p14="http://schemas.microsoft.com/office/powerpoint/2010/main" val="43117258"/>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losing Thoughts">
    <p:spTree>
      <p:nvGrpSpPr>
        <p:cNvPr id="1" name=""/>
        <p:cNvGrpSpPr/>
        <p:nvPr/>
      </p:nvGrpSpPr>
      <p:grpSpPr>
        <a:xfrm>
          <a:off x="0" y="0"/>
          <a:ext cx="0" cy="0"/>
          <a:chOff x="0" y="0"/>
          <a:chExt cx="0" cy="0"/>
        </a:xfrm>
      </p:grpSpPr>
      <p:pic>
        <p:nvPicPr>
          <p:cNvPr id="11" name="Picture 10" descr="A picture containing mountain&#10;&#10;Description automatically generated">
            <a:extLst>
              <a:ext uri="{FF2B5EF4-FFF2-40B4-BE49-F238E27FC236}">
                <a16:creationId xmlns:a16="http://schemas.microsoft.com/office/drawing/2014/main" id="{7ACD2205-F707-0245-BAB4-804088A7D78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42784AB9-8862-B34F-ADD8-939F10BC7997}"/>
              </a:ext>
            </a:extLst>
          </p:cNvPr>
          <p:cNvSpPr>
            <a:spLocks noGrp="1"/>
          </p:cNvSpPr>
          <p:nvPr>
            <p:ph type="title" hasCustomPrompt="1"/>
          </p:nvPr>
        </p:nvSpPr>
        <p:spPr>
          <a:xfrm>
            <a:off x="5444435" y="1186678"/>
            <a:ext cx="5695122" cy="428762"/>
          </a:xfrm>
        </p:spPr>
        <p:txBody>
          <a:bodyPr/>
          <a:lstStyle>
            <a:lvl1pPr algn="l">
              <a:defRPr sz="3000">
                <a:solidFill>
                  <a:schemeClr val="bg1"/>
                </a:solidFill>
              </a:defRPr>
            </a:lvl1pPr>
          </a:lstStyle>
          <a:p>
            <a:r>
              <a:rPr lang="en-US" dirty="0"/>
              <a:t>Closing thoughts</a:t>
            </a:r>
          </a:p>
        </p:txBody>
      </p:sp>
      <p:sp>
        <p:nvSpPr>
          <p:cNvPr id="8" name="Text Placeholder 7">
            <a:extLst>
              <a:ext uri="{FF2B5EF4-FFF2-40B4-BE49-F238E27FC236}">
                <a16:creationId xmlns:a16="http://schemas.microsoft.com/office/drawing/2014/main" id="{29290554-2666-6A4E-8088-BCC6C64BE558}"/>
              </a:ext>
            </a:extLst>
          </p:cNvPr>
          <p:cNvSpPr>
            <a:spLocks noGrp="1"/>
          </p:cNvSpPr>
          <p:nvPr>
            <p:ph type="body" sz="quarter" idx="10"/>
          </p:nvPr>
        </p:nvSpPr>
        <p:spPr>
          <a:xfrm>
            <a:off x="5444435" y="1933135"/>
            <a:ext cx="5702300" cy="3543089"/>
          </a:xfrm>
        </p:spPr>
        <p:txBody>
          <a:bodyPr/>
          <a:lstStyle>
            <a:lvl1pPr>
              <a:defRPr>
                <a:solidFill>
                  <a:schemeClr val="bg1"/>
                </a:solidFill>
              </a:defRPr>
            </a:lvl1pPr>
            <a:lvl2pPr marL="457200" indent="0">
              <a:buNone/>
              <a:defRPr/>
            </a:lvl2pPr>
          </a:lstStyle>
          <a:p>
            <a:pPr lvl="0"/>
            <a:r>
              <a:rPr lang="en-US" dirty="0"/>
              <a:t>Click to edit Master text styles</a:t>
            </a:r>
          </a:p>
        </p:txBody>
      </p:sp>
      <p:cxnSp>
        <p:nvCxnSpPr>
          <p:cNvPr id="12" name="Straight Connector 11">
            <a:extLst>
              <a:ext uri="{FF2B5EF4-FFF2-40B4-BE49-F238E27FC236}">
                <a16:creationId xmlns:a16="http://schemas.microsoft.com/office/drawing/2014/main" id="{2EC23901-2797-D444-85FA-03EAC337AD91}"/>
              </a:ext>
            </a:extLst>
          </p:cNvPr>
          <p:cNvCxnSpPr>
            <a:cxnSpLocks/>
          </p:cNvCxnSpPr>
          <p:nvPr userDrawn="1"/>
        </p:nvCxnSpPr>
        <p:spPr>
          <a:xfrm>
            <a:off x="5567916" y="1732704"/>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2487813444"/>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185793" y="365125"/>
            <a:ext cx="9415407" cy="759895"/>
          </a:xfrm>
        </p:spPr>
        <p:txBody>
          <a:bodyPr/>
          <a:lstStyle/>
          <a:p>
            <a:r>
              <a:rPr lang="en-US" dirty="0"/>
              <a:t>Click to edit Master title style</a:t>
            </a:r>
          </a:p>
        </p:txBody>
      </p:sp>
      <p:pic>
        <p:nvPicPr>
          <p:cNvPr id="8" name="Content Placeholder 7">
            <a:extLst>
              <a:ext uri="{FF2B5EF4-FFF2-40B4-BE49-F238E27FC236}">
                <a16:creationId xmlns:a16="http://schemas.microsoft.com/office/drawing/2014/main" id="{607AE848-6D38-4588-95C0-827400698574}"/>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t="7755" b="17803"/>
          <a:stretch/>
        </p:blipFill>
        <p:spPr>
          <a:xfrm>
            <a:off x="9958994" y="36786"/>
            <a:ext cx="2047213" cy="2133600"/>
          </a:xfrm>
          <a:prstGeom prst="rect">
            <a:avLst/>
          </a:prstGeom>
        </p:spPr>
      </p:pic>
    </p:spTree>
    <p:extLst>
      <p:ext uri="{BB962C8B-B14F-4D97-AF65-F5344CB8AC3E}">
        <p14:creationId xmlns:p14="http://schemas.microsoft.com/office/powerpoint/2010/main" val="68781697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Main Section">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A324F51F-7EEB-9640-B94D-3C2E559404B1}"/>
              </a:ext>
            </a:extLst>
          </p:cNvPr>
          <p:cNvSpPr/>
          <p:nvPr userDrawn="1"/>
        </p:nvSpPr>
        <p:spPr>
          <a:xfrm>
            <a:off x="0" y="0"/>
            <a:ext cx="12192000" cy="6858000"/>
          </a:xfrm>
          <a:prstGeom prst="rect">
            <a:avLst/>
          </a:prstGeom>
          <a:solidFill>
            <a:srgbClr val="0C4D63"/>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3" name="Date Placeholder 2"/>
          <p:cNvSpPr>
            <a:spLocks noGrp="1"/>
          </p:cNvSpPr>
          <p:nvPr>
            <p:ph type="dt" sz="half" idx="10"/>
          </p:nvPr>
        </p:nvSpPr>
        <p:spPr/>
        <p:txBody>
          <a:bodyPr/>
          <a:lstStyle/>
          <a:p>
            <a:endParaRPr lang="en-US"/>
          </a:p>
        </p:txBody>
      </p:sp>
      <p:pic>
        <p:nvPicPr>
          <p:cNvPr id="7" name="Picture 6">
            <a:extLst>
              <a:ext uri="{FF2B5EF4-FFF2-40B4-BE49-F238E27FC236}">
                <a16:creationId xmlns:a16="http://schemas.microsoft.com/office/drawing/2014/main" id="{739E3275-4210-F64B-9224-61D35A90B2FC}"/>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252221" y="1029519"/>
            <a:ext cx="1914860" cy="155049"/>
          </a:xfrm>
          <a:prstGeom prst="rect">
            <a:avLst/>
          </a:prstGeom>
        </p:spPr>
      </p:pic>
      <p:sp>
        <p:nvSpPr>
          <p:cNvPr id="2" name="Title 1"/>
          <p:cNvSpPr>
            <a:spLocks noGrp="1"/>
          </p:cNvSpPr>
          <p:nvPr>
            <p:ph type="title" hasCustomPrompt="1"/>
          </p:nvPr>
        </p:nvSpPr>
        <p:spPr>
          <a:xfrm>
            <a:off x="1211478" y="2350008"/>
            <a:ext cx="5705856" cy="2258568"/>
          </a:xfrm>
        </p:spPr>
        <p:txBody>
          <a:bodyPr lIns="0" anchor="ctr"/>
          <a:lstStyle>
            <a:lvl1pPr algn="l" defTabSz="457200" rtl="0" eaLnBrk="1" latinLnBrk="0" hangingPunct="1">
              <a:lnSpc>
                <a:spcPct val="110000"/>
              </a:lnSpc>
              <a:spcBef>
                <a:spcPct val="0"/>
              </a:spcBef>
              <a:buNone/>
              <a:defRPr lang="en-US" sz="4500" b="1" kern="1200" cap="all" spc="520" baseline="0" dirty="0">
                <a:solidFill>
                  <a:schemeClr val="bg1"/>
                </a:solidFill>
                <a:latin typeface="+mj-lt"/>
                <a:ea typeface="+mj-ea"/>
                <a:cs typeface="+mj-cs"/>
              </a:defRPr>
            </a:lvl1pPr>
          </a:lstStyle>
          <a:p>
            <a:r>
              <a:rPr lang="en-US" dirty="0"/>
              <a:t>Main section Division</a:t>
            </a:r>
          </a:p>
        </p:txBody>
      </p:sp>
    </p:spTree>
    <p:extLst>
      <p:ext uri="{BB962C8B-B14F-4D97-AF65-F5344CB8AC3E}">
        <p14:creationId xmlns:p14="http://schemas.microsoft.com/office/powerpoint/2010/main" val="359120987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Section Header">
    <p:spTree>
      <p:nvGrpSpPr>
        <p:cNvPr id="1" name=""/>
        <p:cNvGrpSpPr/>
        <p:nvPr/>
      </p:nvGrpSpPr>
      <p:grpSpPr>
        <a:xfrm>
          <a:off x="0" y="0"/>
          <a:ext cx="0" cy="0"/>
          <a:chOff x="0" y="0"/>
          <a:chExt cx="0" cy="0"/>
        </a:xfrm>
      </p:grpSpPr>
      <p:pic>
        <p:nvPicPr>
          <p:cNvPr id="6" name="Picture 5" descr="A picture containing green&#10;&#10;Description automatically generated">
            <a:extLst>
              <a:ext uri="{FF2B5EF4-FFF2-40B4-BE49-F238E27FC236}">
                <a16:creationId xmlns:a16="http://schemas.microsoft.com/office/drawing/2014/main" id="{6A2834C7-9888-FD48-86E4-3B5080027146}"/>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3E910E1E-8A3F-6240-93E8-1B49BBEFA9E1}"/>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138570" y="1029519"/>
            <a:ext cx="1914860" cy="155049"/>
          </a:xfrm>
          <a:prstGeom prst="rect">
            <a:avLst/>
          </a:prstGeom>
        </p:spPr>
      </p:pic>
      <p:cxnSp>
        <p:nvCxnSpPr>
          <p:cNvPr id="8" name="Straight Connector 7">
            <a:extLst>
              <a:ext uri="{FF2B5EF4-FFF2-40B4-BE49-F238E27FC236}">
                <a16:creationId xmlns:a16="http://schemas.microsoft.com/office/drawing/2014/main" id="{280E30AB-50BC-794A-9ED1-77C6886E1B3A}"/>
              </a:ext>
            </a:extLst>
          </p:cNvPr>
          <p:cNvCxnSpPr>
            <a:cxnSpLocks/>
          </p:cNvCxnSpPr>
          <p:nvPr userDrawn="1"/>
        </p:nvCxnSpPr>
        <p:spPr>
          <a:xfrm>
            <a:off x="5831958" y="3763756"/>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2" name="Title 1"/>
          <p:cNvSpPr>
            <a:spLocks noGrp="1"/>
          </p:cNvSpPr>
          <p:nvPr>
            <p:ph type="ctrTitle"/>
          </p:nvPr>
        </p:nvSpPr>
        <p:spPr>
          <a:xfrm>
            <a:off x="3575304" y="1636776"/>
            <a:ext cx="5038344" cy="1792224"/>
          </a:xfrm>
        </p:spPr>
        <p:txBody>
          <a:bodyPr anchor="b" anchorCtr="0">
            <a:noAutofit/>
          </a:bodyPr>
          <a:lstStyle>
            <a:lvl1pPr algn="ctr" defTabSz="457200" rtl="0" eaLnBrk="1" latinLnBrk="0" hangingPunct="1">
              <a:lnSpc>
                <a:spcPct val="110000"/>
              </a:lnSpc>
              <a:spcBef>
                <a:spcPct val="0"/>
              </a:spcBef>
              <a:buNone/>
              <a:defRPr lang="en-US" sz="3500" b="1" kern="1200" cap="all" spc="520" baseline="0" dirty="0">
                <a:solidFill>
                  <a:schemeClr val="bg1"/>
                </a:solidFill>
                <a:latin typeface="+mj-lt"/>
                <a:ea typeface="+mj-ea"/>
                <a:cs typeface="+mj-cs"/>
              </a:defRPr>
            </a:lvl1pPr>
          </a:lstStyle>
          <a:p>
            <a:r>
              <a:rPr lang="en-US"/>
              <a:t>Click to edit Master title style</a:t>
            </a:r>
            <a:endParaRPr lang="en-US" dirty="0"/>
          </a:p>
        </p:txBody>
      </p:sp>
      <p:sp>
        <p:nvSpPr>
          <p:cNvPr id="3" name="Subtitle 2"/>
          <p:cNvSpPr>
            <a:spLocks noGrp="1"/>
          </p:cNvSpPr>
          <p:nvPr>
            <p:ph type="subTitle" idx="1"/>
          </p:nvPr>
        </p:nvSpPr>
        <p:spPr>
          <a:xfrm>
            <a:off x="4105656" y="4078224"/>
            <a:ext cx="3986784" cy="475488"/>
          </a:xfrm>
          <a:ln>
            <a:noFill/>
          </a:ln>
        </p:spPr>
        <p:txBody>
          <a:bodyPr>
            <a:noAutofit/>
          </a:bodyPr>
          <a:lstStyle>
            <a:lvl1pPr marL="0" marR="0" indent="0" algn="ctr" defTabSz="457200" rtl="0" eaLnBrk="1" fontAlgn="auto" latinLnBrk="0" hangingPunct="1">
              <a:lnSpc>
                <a:spcPct val="100000"/>
              </a:lnSpc>
              <a:spcBef>
                <a:spcPct val="20000"/>
              </a:spcBef>
              <a:spcAft>
                <a:spcPts val="0"/>
              </a:spcAft>
              <a:buClrTx/>
              <a:buSzTx/>
              <a:buFont typeface="Arial"/>
              <a:buNone/>
              <a:tabLst/>
              <a:defRPr lang="en-US" sz="1600" b="0" i="1" kern="1200" dirty="0">
                <a:solidFill>
                  <a:schemeClr val="bg2"/>
                </a:solidFill>
                <a:latin typeface="+mn-lt"/>
                <a:ea typeface="+mn-ea"/>
                <a:cs typeface="+mn-cs"/>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pPr marL="0" lvl="0" indent="0" algn="ctr" defTabSz="457200" rtl="0" eaLnBrk="1" latinLnBrk="0" hangingPunct="1">
              <a:spcBef>
                <a:spcPct val="20000"/>
              </a:spcBef>
              <a:spcAft>
                <a:spcPts val="1200"/>
              </a:spcAft>
              <a:buFont typeface="Arial"/>
              <a:buNone/>
            </a:pPr>
            <a:r>
              <a:rPr lang="en-US"/>
              <a:t>Click to edit Master subtitle style</a:t>
            </a:r>
            <a:endParaRPr lang="en-US" dirty="0"/>
          </a:p>
        </p:txBody>
      </p:sp>
    </p:spTree>
    <p:extLst>
      <p:ext uri="{BB962C8B-B14F-4D97-AF65-F5344CB8AC3E}">
        <p14:creationId xmlns:p14="http://schemas.microsoft.com/office/powerpoint/2010/main" val="203228222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Section Header 2">
    <p:spTree>
      <p:nvGrpSpPr>
        <p:cNvPr id="1" name=""/>
        <p:cNvGrpSpPr/>
        <p:nvPr/>
      </p:nvGrpSpPr>
      <p:grpSpPr>
        <a:xfrm>
          <a:off x="0" y="0"/>
          <a:ext cx="0" cy="0"/>
          <a:chOff x="0" y="0"/>
          <a:chExt cx="0" cy="0"/>
        </a:xfrm>
      </p:grpSpPr>
      <p:pic>
        <p:nvPicPr>
          <p:cNvPr id="9" name="Picture 8" descr="A close up of a logo&#10;&#10;Description automatically generated">
            <a:extLst>
              <a:ext uri="{FF2B5EF4-FFF2-40B4-BE49-F238E27FC236}">
                <a16:creationId xmlns:a16="http://schemas.microsoft.com/office/drawing/2014/main" id="{3D51414A-C8B0-A64F-898E-6607C3A3DF8C}"/>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3E910E1E-8A3F-6240-93E8-1B49BBEFA9E1}"/>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138570" y="1029519"/>
            <a:ext cx="1914860" cy="155049"/>
          </a:xfrm>
          <a:prstGeom prst="rect">
            <a:avLst/>
          </a:prstGeom>
        </p:spPr>
      </p:pic>
      <p:cxnSp>
        <p:nvCxnSpPr>
          <p:cNvPr id="8" name="Straight Connector 7">
            <a:extLst>
              <a:ext uri="{FF2B5EF4-FFF2-40B4-BE49-F238E27FC236}">
                <a16:creationId xmlns:a16="http://schemas.microsoft.com/office/drawing/2014/main" id="{280E30AB-50BC-794A-9ED1-77C6886E1B3A}"/>
              </a:ext>
            </a:extLst>
          </p:cNvPr>
          <p:cNvCxnSpPr>
            <a:cxnSpLocks/>
          </p:cNvCxnSpPr>
          <p:nvPr userDrawn="1"/>
        </p:nvCxnSpPr>
        <p:spPr>
          <a:xfrm>
            <a:off x="5831958" y="3763756"/>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2" name="Title 1"/>
          <p:cNvSpPr>
            <a:spLocks noGrp="1"/>
          </p:cNvSpPr>
          <p:nvPr>
            <p:ph type="ctrTitle"/>
          </p:nvPr>
        </p:nvSpPr>
        <p:spPr>
          <a:xfrm>
            <a:off x="3575304" y="1636776"/>
            <a:ext cx="5038344" cy="1792224"/>
          </a:xfrm>
        </p:spPr>
        <p:txBody>
          <a:bodyPr anchor="b" anchorCtr="0">
            <a:noAutofit/>
          </a:bodyPr>
          <a:lstStyle>
            <a:lvl1pPr algn="ctr" defTabSz="457200" rtl="0" eaLnBrk="1" latinLnBrk="0" hangingPunct="1">
              <a:lnSpc>
                <a:spcPct val="110000"/>
              </a:lnSpc>
              <a:spcBef>
                <a:spcPct val="0"/>
              </a:spcBef>
              <a:buNone/>
              <a:defRPr lang="en-US" sz="3500" b="1" kern="1200" cap="all" spc="520" baseline="0" dirty="0">
                <a:solidFill>
                  <a:schemeClr val="bg1"/>
                </a:solidFill>
                <a:latin typeface="+mj-lt"/>
                <a:ea typeface="+mj-ea"/>
                <a:cs typeface="+mj-cs"/>
              </a:defRPr>
            </a:lvl1pPr>
          </a:lstStyle>
          <a:p>
            <a:r>
              <a:rPr lang="en-US"/>
              <a:t>Click to edit Master title style</a:t>
            </a:r>
            <a:endParaRPr lang="en-US" dirty="0"/>
          </a:p>
        </p:txBody>
      </p:sp>
      <p:sp>
        <p:nvSpPr>
          <p:cNvPr id="3" name="Subtitle 2"/>
          <p:cNvSpPr>
            <a:spLocks noGrp="1"/>
          </p:cNvSpPr>
          <p:nvPr>
            <p:ph type="subTitle" idx="1"/>
          </p:nvPr>
        </p:nvSpPr>
        <p:spPr>
          <a:xfrm>
            <a:off x="4105656" y="4078224"/>
            <a:ext cx="3986784" cy="475488"/>
          </a:xfrm>
          <a:ln>
            <a:noFill/>
          </a:ln>
        </p:spPr>
        <p:txBody>
          <a:bodyPr>
            <a:noAutofit/>
          </a:bodyPr>
          <a:lstStyle>
            <a:lvl1pPr marL="0" marR="0" indent="0" algn="ctr" defTabSz="457200" rtl="0" eaLnBrk="1" fontAlgn="auto" latinLnBrk="0" hangingPunct="1">
              <a:lnSpc>
                <a:spcPct val="100000"/>
              </a:lnSpc>
              <a:spcBef>
                <a:spcPct val="20000"/>
              </a:spcBef>
              <a:spcAft>
                <a:spcPts val="0"/>
              </a:spcAft>
              <a:buClrTx/>
              <a:buSzTx/>
              <a:buFont typeface="Arial"/>
              <a:buNone/>
              <a:tabLst/>
              <a:defRPr lang="en-US" sz="1600" b="0" i="1" kern="1200" dirty="0">
                <a:solidFill>
                  <a:schemeClr val="bg2"/>
                </a:solidFill>
                <a:latin typeface="+mn-lt"/>
                <a:ea typeface="+mn-ea"/>
                <a:cs typeface="+mn-cs"/>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pPr marL="0" lvl="0" indent="0" algn="ctr" defTabSz="457200" rtl="0" eaLnBrk="1" latinLnBrk="0" hangingPunct="1">
              <a:spcBef>
                <a:spcPct val="20000"/>
              </a:spcBef>
              <a:spcAft>
                <a:spcPts val="1200"/>
              </a:spcAft>
              <a:buFont typeface="Arial"/>
              <a:buNone/>
            </a:pPr>
            <a:r>
              <a:rPr lang="en-US"/>
              <a:t>Click to edit Master subtitle style</a:t>
            </a:r>
            <a:endParaRPr lang="en-US" dirty="0"/>
          </a:p>
        </p:txBody>
      </p:sp>
    </p:spTree>
    <p:extLst>
      <p:ext uri="{BB962C8B-B14F-4D97-AF65-F5344CB8AC3E}">
        <p14:creationId xmlns:p14="http://schemas.microsoft.com/office/powerpoint/2010/main" val="72599648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Section Header 3">
    <p:spTree>
      <p:nvGrpSpPr>
        <p:cNvPr id="1" name=""/>
        <p:cNvGrpSpPr/>
        <p:nvPr/>
      </p:nvGrpSpPr>
      <p:grpSpPr>
        <a:xfrm>
          <a:off x="0" y="0"/>
          <a:ext cx="0" cy="0"/>
          <a:chOff x="0" y="0"/>
          <a:chExt cx="0" cy="0"/>
        </a:xfrm>
      </p:grpSpPr>
      <p:pic>
        <p:nvPicPr>
          <p:cNvPr id="9" name="Picture 8" descr="A close up of a logo&#10;&#10;Description automatically generated">
            <a:extLst>
              <a:ext uri="{FF2B5EF4-FFF2-40B4-BE49-F238E27FC236}">
                <a16:creationId xmlns:a16="http://schemas.microsoft.com/office/drawing/2014/main" id="{410AF043-8077-C648-BA3B-1D4989E12F6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3E910E1E-8A3F-6240-93E8-1B49BBEFA9E1}"/>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138570" y="1029519"/>
            <a:ext cx="1914860" cy="155049"/>
          </a:xfrm>
          <a:prstGeom prst="rect">
            <a:avLst/>
          </a:prstGeom>
        </p:spPr>
      </p:pic>
      <p:cxnSp>
        <p:nvCxnSpPr>
          <p:cNvPr id="8" name="Straight Connector 7">
            <a:extLst>
              <a:ext uri="{FF2B5EF4-FFF2-40B4-BE49-F238E27FC236}">
                <a16:creationId xmlns:a16="http://schemas.microsoft.com/office/drawing/2014/main" id="{280E30AB-50BC-794A-9ED1-77C6886E1B3A}"/>
              </a:ext>
            </a:extLst>
          </p:cNvPr>
          <p:cNvCxnSpPr>
            <a:cxnSpLocks/>
          </p:cNvCxnSpPr>
          <p:nvPr userDrawn="1"/>
        </p:nvCxnSpPr>
        <p:spPr>
          <a:xfrm>
            <a:off x="5831958" y="3763756"/>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2" name="Title 1"/>
          <p:cNvSpPr>
            <a:spLocks noGrp="1"/>
          </p:cNvSpPr>
          <p:nvPr>
            <p:ph type="ctrTitle"/>
          </p:nvPr>
        </p:nvSpPr>
        <p:spPr>
          <a:xfrm>
            <a:off x="3575304" y="1636776"/>
            <a:ext cx="5038344" cy="1792224"/>
          </a:xfrm>
        </p:spPr>
        <p:txBody>
          <a:bodyPr anchor="b" anchorCtr="0">
            <a:noAutofit/>
          </a:bodyPr>
          <a:lstStyle>
            <a:lvl1pPr algn="ctr" defTabSz="457200" rtl="0" eaLnBrk="1" latinLnBrk="0" hangingPunct="1">
              <a:lnSpc>
                <a:spcPct val="110000"/>
              </a:lnSpc>
              <a:spcBef>
                <a:spcPct val="0"/>
              </a:spcBef>
              <a:buNone/>
              <a:defRPr lang="en-US" sz="3500" b="1" kern="1200" cap="all" spc="520" baseline="0" dirty="0">
                <a:solidFill>
                  <a:schemeClr val="bg1"/>
                </a:solidFill>
                <a:latin typeface="+mj-lt"/>
                <a:ea typeface="+mj-ea"/>
                <a:cs typeface="+mj-cs"/>
              </a:defRPr>
            </a:lvl1pPr>
          </a:lstStyle>
          <a:p>
            <a:r>
              <a:rPr lang="en-US"/>
              <a:t>Click to edit Master title style</a:t>
            </a:r>
            <a:endParaRPr lang="en-US" dirty="0"/>
          </a:p>
        </p:txBody>
      </p:sp>
      <p:sp>
        <p:nvSpPr>
          <p:cNvPr id="3" name="Subtitle 2"/>
          <p:cNvSpPr>
            <a:spLocks noGrp="1"/>
          </p:cNvSpPr>
          <p:nvPr>
            <p:ph type="subTitle" idx="1"/>
          </p:nvPr>
        </p:nvSpPr>
        <p:spPr>
          <a:xfrm>
            <a:off x="4105656" y="4078224"/>
            <a:ext cx="3986784" cy="475488"/>
          </a:xfrm>
          <a:ln>
            <a:noFill/>
          </a:ln>
        </p:spPr>
        <p:txBody>
          <a:bodyPr>
            <a:noAutofit/>
          </a:bodyPr>
          <a:lstStyle>
            <a:lvl1pPr marL="0" marR="0" indent="0" algn="ctr" defTabSz="457200" rtl="0" eaLnBrk="1" fontAlgn="auto" latinLnBrk="0" hangingPunct="1">
              <a:lnSpc>
                <a:spcPct val="100000"/>
              </a:lnSpc>
              <a:spcBef>
                <a:spcPct val="20000"/>
              </a:spcBef>
              <a:spcAft>
                <a:spcPts val="0"/>
              </a:spcAft>
              <a:buClrTx/>
              <a:buSzTx/>
              <a:buFont typeface="Arial"/>
              <a:buNone/>
              <a:tabLst/>
              <a:defRPr lang="en-US" sz="1600" b="0" i="1" kern="1200" dirty="0">
                <a:solidFill>
                  <a:schemeClr val="bg2"/>
                </a:solidFill>
                <a:latin typeface="+mn-lt"/>
                <a:ea typeface="+mn-ea"/>
                <a:cs typeface="+mn-cs"/>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pPr marL="0" lvl="0" indent="0" algn="ctr" defTabSz="457200" rtl="0" eaLnBrk="1" latinLnBrk="0" hangingPunct="1">
              <a:spcBef>
                <a:spcPct val="20000"/>
              </a:spcBef>
              <a:spcAft>
                <a:spcPts val="1200"/>
              </a:spcAft>
              <a:buFont typeface="Arial"/>
              <a:buNone/>
            </a:pPr>
            <a:r>
              <a:rPr lang="en-US"/>
              <a:t>Click to edit Master subtitle style</a:t>
            </a:r>
            <a:endParaRPr lang="en-US" dirty="0"/>
          </a:p>
        </p:txBody>
      </p:sp>
    </p:spTree>
    <p:extLst>
      <p:ext uri="{BB962C8B-B14F-4D97-AF65-F5344CB8AC3E}">
        <p14:creationId xmlns:p14="http://schemas.microsoft.com/office/powerpoint/2010/main" val="119129607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Section Header 4">
    <p:spTree>
      <p:nvGrpSpPr>
        <p:cNvPr id="1" name=""/>
        <p:cNvGrpSpPr/>
        <p:nvPr/>
      </p:nvGrpSpPr>
      <p:grpSpPr>
        <a:xfrm>
          <a:off x="0" y="0"/>
          <a:ext cx="0" cy="0"/>
          <a:chOff x="0" y="0"/>
          <a:chExt cx="0" cy="0"/>
        </a:xfrm>
      </p:grpSpPr>
      <p:pic>
        <p:nvPicPr>
          <p:cNvPr id="9" name="Picture 8" descr="A picture containing food&#10;&#10;Description automatically generated">
            <a:extLst>
              <a:ext uri="{FF2B5EF4-FFF2-40B4-BE49-F238E27FC236}">
                <a16:creationId xmlns:a16="http://schemas.microsoft.com/office/drawing/2014/main" id="{51390BFF-A6D8-7F4A-86E5-7C1591BBE7A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3E910E1E-8A3F-6240-93E8-1B49BBEFA9E1}"/>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138570" y="1029519"/>
            <a:ext cx="1914860" cy="155049"/>
          </a:xfrm>
          <a:prstGeom prst="rect">
            <a:avLst/>
          </a:prstGeom>
        </p:spPr>
      </p:pic>
      <p:cxnSp>
        <p:nvCxnSpPr>
          <p:cNvPr id="8" name="Straight Connector 7">
            <a:extLst>
              <a:ext uri="{FF2B5EF4-FFF2-40B4-BE49-F238E27FC236}">
                <a16:creationId xmlns:a16="http://schemas.microsoft.com/office/drawing/2014/main" id="{280E30AB-50BC-794A-9ED1-77C6886E1B3A}"/>
              </a:ext>
            </a:extLst>
          </p:cNvPr>
          <p:cNvCxnSpPr>
            <a:cxnSpLocks/>
          </p:cNvCxnSpPr>
          <p:nvPr userDrawn="1"/>
        </p:nvCxnSpPr>
        <p:spPr>
          <a:xfrm>
            <a:off x="5831958" y="3763756"/>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2" name="Title 1"/>
          <p:cNvSpPr>
            <a:spLocks noGrp="1"/>
          </p:cNvSpPr>
          <p:nvPr>
            <p:ph type="ctrTitle"/>
          </p:nvPr>
        </p:nvSpPr>
        <p:spPr>
          <a:xfrm>
            <a:off x="3575304" y="1636776"/>
            <a:ext cx="5038344" cy="1792224"/>
          </a:xfrm>
        </p:spPr>
        <p:txBody>
          <a:bodyPr anchor="b" anchorCtr="0">
            <a:noAutofit/>
          </a:bodyPr>
          <a:lstStyle>
            <a:lvl1pPr algn="ctr" defTabSz="457200" rtl="0" eaLnBrk="1" latinLnBrk="0" hangingPunct="1">
              <a:lnSpc>
                <a:spcPct val="110000"/>
              </a:lnSpc>
              <a:spcBef>
                <a:spcPct val="0"/>
              </a:spcBef>
              <a:buNone/>
              <a:defRPr lang="en-US" sz="3500" b="1" kern="1200" cap="all" spc="520" baseline="0" dirty="0">
                <a:solidFill>
                  <a:schemeClr val="bg1"/>
                </a:solidFill>
                <a:latin typeface="+mj-lt"/>
                <a:ea typeface="+mj-ea"/>
                <a:cs typeface="+mj-cs"/>
              </a:defRPr>
            </a:lvl1pPr>
          </a:lstStyle>
          <a:p>
            <a:r>
              <a:rPr lang="en-US"/>
              <a:t>Click to edit Master title style</a:t>
            </a:r>
            <a:endParaRPr lang="en-US" dirty="0"/>
          </a:p>
        </p:txBody>
      </p:sp>
      <p:sp>
        <p:nvSpPr>
          <p:cNvPr id="3" name="Subtitle 2"/>
          <p:cNvSpPr>
            <a:spLocks noGrp="1"/>
          </p:cNvSpPr>
          <p:nvPr>
            <p:ph type="subTitle" idx="1"/>
          </p:nvPr>
        </p:nvSpPr>
        <p:spPr>
          <a:xfrm>
            <a:off x="4105656" y="4078224"/>
            <a:ext cx="3986784" cy="475488"/>
          </a:xfrm>
          <a:ln>
            <a:noFill/>
          </a:ln>
        </p:spPr>
        <p:txBody>
          <a:bodyPr>
            <a:noAutofit/>
          </a:bodyPr>
          <a:lstStyle>
            <a:lvl1pPr marL="0" marR="0" indent="0" algn="ctr" defTabSz="457200" rtl="0" eaLnBrk="1" fontAlgn="auto" latinLnBrk="0" hangingPunct="1">
              <a:lnSpc>
                <a:spcPct val="100000"/>
              </a:lnSpc>
              <a:spcBef>
                <a:spcPct val="20000"/>
              </a:spcBef>
              <a:spcAft>
                <a:spcPts val="0"/>
              </a:spcAft>
              <a:buClrTx/>
              <a:buSzTx/>
              <a:buFont typeface="Arial"/>
              <a:buNone/>
              <a:tabLst/>
              <a:defRPr lang="en-US" sz="1600" b="0" i="1" kern="1200" dirty="0">
                <a:solidFill>
                  <a:schemeClr val="bg2"/>
                </a:solidFill>
                <a:latin typeface="+mn-lt"/>
                <a:ea typeface="+mn-ea"/>
                <a:cs typeface="+mn-cs"/>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pPr marL="0" lvl="0" indent="0" algn="ctr" defTabSz="457200" rtl="0" eaLnBrk="1" latinLnBrk="0" hangingPunct="1">
              <a:spcBef>
                <a:spcPct val="20000"/>
              </a:spcBef>
              <a:spcAft>
                <a:spcPts val="1200"/>
              </a:spcAft>
              <a:buFont typeface="Arial"/>
              <a:buNone/>
            </a:pPr>
            <a:r>
              <a:rPr lang="en-US"/>
              <a:t>Click to edit Master subtitle style</a:t>
            </a:r>
            <a:endParaRPr lang="en-US" dirty="0"/>
          </a:p>
        </p:txBody>
      </p:sp>
    </p:spTree>
    <p:extLst>
      <p:ext uri="{BB962C8B-B14F-4D97-AF65-F5344CB8AC3E}">
        <p14:creationId xmlns:p14="http://schemas.microsoft.com/office/powerpoint/2010/main" val="196801693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Section Header 5">
    <p:spTree>
      <p:nvGrpSpPr>
        <p:cNvPr id="1" name=""/>
        <p:cNvGrpSpPr/>
        <p:nvPr/>
      </p:nvGrpSpPr>
      <p:grpSpPr>
        <a:xfrm>
          <a:off x="0" y="0"/>
          <a:ext cx="0" cy="0"/>
          <a:chOff x="0" y="0"/>
          <a:chExt cx="0" cy="0"/>
        </a:xfrm>
      </p:grpSpPr>
      <p:pic>
        <p:nvPicPr>
          <p:cNvPr id="9" name="Picture 8" descr="A picture containing refrigerator&#10;&#10;Description automatically generated">
            <a:extLst>
              <a:ext uri="{FF2B5EF4-FFF2-40B4-BE49-F238E27FC236}">
                <a16:creationId xmlns:a16="http://schemas.microsoft.com/office/drawing/2014/main" id="{013E8831-C411-1343-89CD-DE64DD19B681}"/>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3E910E1E-8A3F-6240-93E8-1B49BBEFA9E1}"/>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5138570" y="1029519"/>
            <a:ext cx="1914860" cy="155049"/>
          </a:xfrm>
          <a:prstGeom prst="rect">
            <a:avLst/>
          </a:prstGeom>
        </p:spPr>
      </p:pic>
      <p:cxnSp>
        <p:nvCxnSpPr>
          <p:cNvPr id="8" name="Straight Connector 7">
            <a:extLst>
              <a:ext uri="{FF2B5EF4-FFF2-40B4-BE49-F238E27FC236}">
                <a16:creationId xmlns:a16="http://schemas.microsoft.com/office/drawing/2014/main" id="{280E30AB-50BC-794A-9ED1-77C6886E1B3A}"/>
              </a:ext>
            </a:extLst>
          </p:cNvPr>
          <p:cNvCxnSpPr>
            <a:cxnSpLocks/>
          </p:cNvCxnSpPr>
          <p:nvPr userDrawn="1"/>
        </p:nvCxnSpPr>
        <p:spPr>
          <a:xfrm>
            <a:off x="5831958" y="3763756"/>
            <a:ext cx="528084" cy="0"/>
          </a:xfrm>
          <a:prstGeom prst="line">
            <a:avLst/>
          </a:prstGeom>
          <a:ln w="19050">
            <a:solidFill>
              <a:schemeClr val="accent1"/>
            </a:solidFill>
            <a:headEnd type="none"/>
            <a:tailEnd type="none"/>
          </a:ln>
        </p:spPr>
        <p:style>
          <a:lnRef idx="1">
            <a:schemeClr val="dk1"/>
          </a:lnRef>
          <a:fillRef idx="0">
            <a:schemeClr val="dk1"/>
          </a:fillRef>
          <a:effectRef idx="0">
            <a:schemeClr val="dk1"/>
          </a:effectRef>
          <a:fontRef idx="minor">
            <a:schemeClr val="tx1"/>
          </a:fontRef>
        </p:style>
      </p:cxnSp>
      <p:sp>
        <p:nvSpPr>
          <p:cNvPr id="2" name="Title 1"/>
          <p:cNvSpPr>
            <a:spLocks noGrp="1"/>
          </p:cNvSpPr>
          <p:nvPr>
            <p:ph type="ctrTitle"/>
          </p:nvPr>
        </p:nvSpPr>
        <p:spPr>
          <a:xfrm>
            <a:off x="3575304" y="1636776"/>
            <a:ext cx="5038344" cy="1792224"/>
          </a:xfrm>
        </p:spPr>
        <p:txBody>
          <a:bodyPr anchor="b" anchorCtr="0">
            <a:noAutofit/>
          </a:bodyPr>
          <a:lstStyle>
            <a:lvl1pPr algn="ctr" defTabSz="457200" rtl="0" eaLnBrk="1" latinLnBrk="0" hangingPunct="1">
              <a:lnSpc>
                <a:spcPct val="110000"/>
              </a:lnSpc>
              <a:spcBef>
                <a:spcPct val="0"/>
              </a:spcBef>
              <a:buNone/>
              <a:defRPr lang="en-US" sz="3500" b="1" kern="1200" cap="all" spc="520" baseline="0" dirty="0">
                <a:solidFill>
                  <a:schemeClr val="bg1"/>
                </a:solidFill>
                <a:latin typeface="+mj-lt"/>
                <a:ea typeface="+mj-ea"/>
                <a:cs typeface="+mj-cs"/>
              </a:defRPr>
            </a:lvl1pPr>
          </a:lstStyle>
          <a:p>
            <a:r>
              <a:rPr lang="en-US"/>
              <a:t>Click to edit Master title style</a:t>
            </a:r>
            <a:endParaRPr lang="en-US" dirty="0"/>
          </a:p>
        </p:txBody>
      </p:sp>
      <p:sp>
        <p:nvSpPr>
          <p:cNvPr id="3" name="Subtitle 2"/>
          <p:cNvSpPr>
            <a:spLocks noGrp="1"/>
          </p:cNvSpPr>
          <p:nvPr>
            <p:ph type="subTitle" idx="1"/>
          </p:nvPr>
        </p:nvSpPr>
        <p:spPr>
          <a:xfrm>
            <a:off x="4105656" y="4078224"/>
            <a:ext cx="3986784" cy="475488"/>
          </a:xfrm>
          <a:ln>
            <a:noFill/>
          </a:ln>
        </p:spPr>
        <p:txBody>
          <a:bodyPr>
            <a:noAutofit/>
          </a:bodyPr>
          <a:lstStyle>
            <a:lvl1pPr marL="0" marR="0" indent="0" algn="ctr" defTabSz="457200" rtl="0" eaLnBrk="1" fontAlgn="auto" latinLnBrk="0" hangingPunct="1">
              <a:lnSpc>
                <a:spcPct val="100000"/>
              </a:lnSpc>
              <a:spcBef>
                <a:spcPct val="20000"/>
              </a:spcBef>
              <a:spcAft>
                <a:spcPts val="0"/>
              </a:spcAft>
              <a:buClrTx/>
              <a:buSzTx/>
              <a:buFont typeface="Arial"/>
              <a:buNone/>
              <a:tabLst/>
              <a:defRPr lang="en-US" sz="1600" b="0" i="1" kern="1200" dirty="0">
                <a:solidFill>
                  <a:schemeClr val="bg2"/>
                </a:solidFill>
                <a:latin typeface="+mn-lt"/>
                <a:ea typeface="+mn-ea"/>
                <a:cs typeface="+mn-cs"/>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pPr marL="0" lvl="0" indent="0" algn="ctr" defTabSz="457200" rtl="0" eaLnBrk="1" latinLnBrk="0" hangingPunct="1">
              <a:spcBef>
                <a:spcPct val="20000"/>
              </a:spcBef>
              <a:spcAft>
                <a:spcPts val="1200"/>
              </a:spcAft>
              <a:buFont typeface="Arial"/>
              <a:buNone/>
            </a:pPr>
            <a:r>
              <a:rPr lang="en-US"/>
              <a:t>Click to edit Master subtitle style</a:t>
            </a:r>
            <a:endParaRPr lang="en-US" dirty="0"/>
          </a:p>
        </p:txBody>
      </p:sp>
    </p:spTree>
    <p:extLst>
      <p:ext uri="{BB962C8B-B14F-4D97-AF65-F5344CB8AC3E}">
        <p14:creationId xmlns:p14="http://schemas.microsoft.com/office/powerpoint/2010/main" val="344090584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image" Target="../media/image1.jp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blipFill dpi="0" rotWithShape="1">
          <a:blip r:embed="rId34">
            <a:lum/>
          </a:blip>
          <a:srcRect/>
          <a:stretch>
            <a:fillRect/>
          </a:stretch>
        </a:blip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700784" y="356616"/>
            <a:ext cx="9464040" cy="868680"/>
          </a:xfrm>
          <a:prstGeom prst="rect">
            <a:avLst/>
          </a:prstGeom>
        </p:spPr>
        <p:txBody>
          <a:bodyPr vert="horz" lIns="91440" tIns="0" rIns="91440" bIns="0" rtlCol="0" anchor="b" anchorCtr="0">
            <a:noAutofit/>
          </a:bodyPr>
          <a:lstStyle/>
          <a:p>
            <a:r>
              <a:rPr lang="en-US" dirty="0"/>
              <a:t>Click to edit Master title style</a:t>
            </a:r>
          </a:p>
        </p:txBody>
      </p:sp>
      <p:sp>
        <p:nvSpPr>
          <p:cNvPr id="3" name="Text Placeholder 2"/>
          <p:cNvSpPr>
            <a:spLocks noGrp="1"/>
          </p:cNvSpPr>
          <p:nvPr>
            <p:ph type="body" idx="1"/>
          </p:nvPr>
        </p:nvSpPr>
        <p:spPr>
          <a:xfrm>
            <a:off x="1700784" y="1816100"/>
            <a:ext cx="9464040" cy="4251960"/>
          </a:xfrm>
          <a:prstGeom prst="rect">
            <a:avLst/>
          </a:prstGeom>
          <a:ln>
            <a:noFill/>
          </a:ln>
        </p:spPr>
        <p:txBody>
          <a:bodyPr vert="horz" lIns="91440" tIns="45720" rIns="91440" bIns="4572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Slide Number Placeholder 4">
            <a:extLst>
              <a:ext uri="{FF2B5EF4-FFF2-40B4-BE49-F238E27FC236}">
                <a16:creationId xmlns:a16="http://schemas.microsoft.com/office/drawing/2014/main" id="{ED4B5198-17A4-914F-91AC-DE5F8CA39BFD}"/>
              </a:ext>
            </a:extLst>
          </p:cNvPr>
          <p:cNvSpPr>
            <a:spLocks noGrp="1"/>
          </p:cNvSpPr>
          <p:nvPr>
            <p:ph type="sldNum" sz="quarter" idx="4"/>
          </p:nvPr>
        </p:nvSpPr>
        <p:spPr>
          <a:xfrm>
            <a:off x="94594" y="6345839"/>
            <a:ext cx="557048" cy="365125"/>
          </a:xfrm>
          <a:prstGeom prst="rect">
            <a:avLst/>
          </a:prstGeom>
        </p:spPr>
        <p:txBody>
          <a:bodyPr vert="horz" lIns="91440" tIns="45720" rIns="91440" bIns="45720" rtlCol="0" anchor="ctr"/>
          <a:lstStyle>
            <a:lvl1pPr algn="ctr">
              <a:defRPr sz="1200" b="0" i="1">
                <a:solidFill>
                  <a:schemeClr val="bg1"/>
                </a:solidFill>
                <a:latin typeface="Calibri" panose="020F0502020204030204" pitchFamily="34" charset="0"/>
                <a:cs typeface="Calibri" panose="020F0502020204030204" pitchFamily="34" charset="0"/>
              </a:defRPr>
            </a:lvl1pPr>
          </a:lstStyle>
          <a:p>
            <a:fld id="{742ED878-647B-DB4D-84DF-0BCCAF9DD0BF}" type="slidenum">
              <a:rPr lang="en-US" smtClean="0"/>
              <a:pPr/>
              <a:t>‹#›</a:t>
            </a:fld>
            <a:endParaRPr lang="en-US" dirty="0"/>
          </a:p>
        </p:txBody>
      </p:sp>
      <p:sp>
        <p:nvSpPr>
          <p:cNvPr id="6" name="Date Placeholder 3">
            <a:extLst>
              <a:ext uri="{FF2B5EF4-FFF2-40B4-BE49-F238E27FC236}">
                <a16:creationId xmlns:a16="http://schemas.microsoft.com/office/drawing/2014/main" id="{755E22FF-940F-0842-856E-4CDF6466EC64}"/>
              </a:ext>
            </a:extLst>
          </p:cNvPr>
          <p:cNvSpPr>
            <a:spLocks noGrp="1"/>
          </p:cNvSpPr>
          <p:nvPr>
            <p:ph type="dt" sz="half" idx="2"/>
          </p:nvPr>
        </p:nvSpPr>
        <p:spPr>
          <a:xfrm>
            <a:off x="9888948" y="6345838"/>
            <a:ext cx="21336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endParaRPr lang="en-US" dirty="0"/>
          </a:p>
        </p:txBody>
      </p:sp>
    </p:spTree>
    <p:extLst>
      <p:ext uri="{BB962C8B-B14F-4D97-AF65-F5344CB8AC3E}">
        <p14:creationId xmlns:p14="http://schemas.microsoft.com/office/powerpoint/2010/main" val="2047719672"/>
      </p:ext>
    </p:extLst>
  </p:cSld>
  <p:clrMap bg1="lt1" tx1="dk1" bg2="lt2" tx2="dk2" accent1="accent1" accent2="accent2" accent3="accent3" accent4="accent4" accent5="accent5" accent6="accent6" hlink="hlink" folHlink="folHlink"/>
  <p:sldLayoutIdLst>
    <p:sldLayoutId id="2147483926" r:id="rId1"/>
    <p:sldLayoutId id="2147483982" r:id="rId2"/>
    <p:sldLayoutId id="2147484008" r:id="rId3"/>
    <p:sldLayoutId id="2147483995" r:id="rId4"/>
    <p:sldLayoutId id="2147483991" r:id="rId5"/>
    <p:sldLayoutId id="2147483985" r:id="rId6"/>
    <p:sldLayoutId id="2147483986" r:id="rId7"/>
    <p:sldLayoutId id="2147483987" r:id="rId8"/>
    <p:sldLayoutId id="2147483988" r:id="rId9"/>
    <p:sldLayoutId id="2147483989" r:id="rId10"/>
    <p:sldLayoutId id="2147483990" r:id="rId11"/>
    <p:sldLayoutId id="2147483955" r:id="rId12"/>
    <p:sldLayoutId id="2147483967" r:id="rId13"/>
    <p:sldLayoutId id="2147483938" r:id="rId14"/>
    <p:sldLayoutId id="2147483939" r:id="rId15"/>
    <p:sldLayoutId id="2147483940" r:id="rId16"/>
    <p:sldLayoutId id="2147483998" r:id="rId17"/>
    <p:sldLayoutId id="2147483942" r:id="rId18"/>
    <p:sldLayoutId id="2147484006" r:id="rId19"/>
    <p:sldLayoutId id="2147484007" r:id="rId20"/>
    <p:sldLayoutId id="2147484002" r:id="rId21"/>
    <p:sldLayoutId id="2147483956" r:id="rId22"/>
    <p:sldLayoutId id="2147484004" r:id="rId23"/>
    <p:sldLayoutId id="2147483949" r:id="rId24"/>
    <p:sldLayoutId id="2147483950" r:id="rId25"/>
    <p:sldLayoutId id="2147483947" r:id="rId26"/>
    <p:sldLayoutId id="2147483951" r:id="rId27"/>
    <p:sldLayoutId id="2147483952" r:id="rId28"/>
    <p:sldLayoutId id="2147483945" r:id="rId29"/>
    <p:sldLayoutId id="2147484000" r:id="rId30"/>
    <p:sldLayoutId id="2147483946" r:id="rId31"/>
    <p:sldLayoutId id="2147484009" r:id="rId32"/>
  </p:sldLayoutIdLst>
  <p:hf hdr="0" ftr="0" dt="0"/>
  <p:txStyles>
    <p:titleStyle>
      <a:lvl1pPr algn="l" defTabSz="457200" rtl="0" eaLnBrk="1" latinLnBrk="0" hangingPunct="1">
        <a:lnSpc>
          <a:spcPct val="90000"/>
        </a:lnSpc>
        <a:spcBef>
          <a:spcPct val="0"/>
        </a:spcBef>
        <a:buNone/>
        <a:defRPr sz="3000" b="1" kern="1200" cap="all" spc="320" baseline="0">
          <a:solidFill>
            <a:schemeClr val="tx2">
              <a:lumMod val="50000"/>
            </a:schemeClr>
          </a:solidFill>
          <a:latin typeface="+mj-lt"/>
          <a:ea typeface="+mj-ea"/>
          <a:cs typeface="+mj-cs"/>
        </a:defRPr>
      </a:lvl1pPr>
    </p:titleStyle>
    <p:bodyStyle>
      <a:lvl1pPr marL="0" indent="0" algn="l" defTabSz="457200" rtl="0" eaLnBrk="1" latinLnBrk="0" hangingPunct="1">
        <a:spcBef>
          <a:spcPts val="400"/>
        </a:spcBef>
        <a:spcAft>
          <a:spcPts val="800"/>
        </a:spcAft>
        <a:buFont typeface="Arial"/>
        <a:buNone/>
        <a:defRPr lang="en-US" sz="2200" b="0" kern="1200" dirty="0">
          <a:solidFill>
            <a:schemeClr val="accent4">
              <a:lumMod val="75000"/>
            </a:schemeClr>
          </a:solidFill>
          <a:latin typeface="+mn-lt"/>
          <a:ea typeface="+mn-ea"/>
          <a:cs typeface="+mn-cs"/>
        </a:defRPr>
      </a:lvl1pPr>
      <a:lvl2pPr marL="517525" indent="-228600" algn="l" defTabSz="457200" rtl="0" eaLnBrk="1" latinLnBrk="0" hangingPunct="1">
        <a:spcBef>
          <a:spcPts val="400"/>
        </a:spcBef>
        <a:spcAft>
          <a:spcPts val="800"/>
        </a:spcAft>
        <a:buClr>
          <a:schemeClr val="accent4">
            <a:lumMod val="60000"/>
            <a:lumOff val="40000"/>
          </a:schemeClr>
        </a:buClr>
        <a:buFont typeface="Arial" charset="0"/>
        <a:buChar char="•"/>
        <a:tabLst/>
        <a:defRPr lang="en-US" sz="2200" b="0" kern="1200" dirty="0" smtClean="0">
          <a:solidFill>
            <a:schemeClr val="accent4">
              <a:lumMod val="75000"/>
            </a:schemeClr>
          </a:solidFill>
          <a:latin typeface="+mn-lt"/>
          <a:ea typeface="+mn-ea"/>
          <a:cs typeface="+mn-cs"/>
        </a:defRPr>
      </a:lvl2pPr>
      <a:lvl3pPr marL="960120" indent="-228600" algn="l" defTabSz="457200" rtl="0" eaLnBrk="1" latinLnBrk="0" hangingPunct="1">
        <a:spcBef>
          <a:spcPts val="400"/>
        </a:spcBef>
        <a:spcAft>
          <a:spcPts val="800"/>
        </a:spcAft>
        <a:buClr>
          <a:schemeClr val="accent4">
            <a:lumMod val="60000"/>
            <a:lumOff val="40000"/>
          </a:schemeClr>
        </a:buClr>
        <a:buFont typeface="Arial"/>
        <a:buChar char="•"/>
        <a:defRPr lang="en-US" sz="2200" b="0" kern="1200" dirty="0" smtClean="0">
          <a:solidFill>
            <a:schemeClr val="accent4">
              <a:lumMod val="75000"/>
            </a:schemeClr>
          </a:solidFill>
          <a:latin typeface="+mn-lt"/>
          <a:ea typeface="+mn-ea"/>
          <a:cs typeface="+mn-cs"/>
        </a:defRPr>
      </a:lvl3pPr>
      <a:lvl4pPr marL="1417320" indent="-228600" algn="l" defTabSz="457200" rtl="0" eaLnBrk="1" latinLnBrk="0" hangingPunct="1">
        <a:spcBef>
          <a:spcPts val="400"/>
        </a:spcBef>
        <a:spcAft>
          <a:spcPts val="800"/>
        </a:spcAft>
        <a:buClr>
          <a:schemeClr val="accent4">
            <a:lumMod val="60000"/>
            <a:lumOff val="40000"/>
          </a:schemeClr>
        </a:buClr>
        <a:buFont typeface="Arial" charset="0"/>
        <a:buChar char="•"/>
        <a:defRPr lang="en-US" sz="2200" b="0" kern="1200" dirty="0" smtClean="0">
          <a:solidFill>
            <a:schemeClr val="accent4">
              <a:lumMod val="75000"/>
            </a:schemeClr>
          </a:solidFill>
          <a:latin typeface="+mn-lt"/>
          <a:ea typeface="+mn-ea"/>
          <a:cs typeface="+mn-cs"/>
        </a:defRPr>
      </a:lvl4pPr>
      <a:lvl5pPr marL="1874520" indent="-228600" algn="l" defTabSz="457200" rtl="0" eaLnBrk="1" latinLnBrk="0" hangingPunct="1">
        <a:spcBef>
          <a:spcPts val="400"/>
        </a:spcBef>
        <a:spcAft>
          <a:spcPts val="800"/>
        </a:spcAft>
        <a:buClr>
          <a:schemeClr val="accent4">
            <a:lumMod val="60000"/>
            <a:lumOff val="40000"/>
          </a:schemeClr>
        </a:buClr>
        <a:buFont typeface="Arial" charset="0"/>
        <a:buChar char="•"/>
        <a:defRPr lang="en-US" sz="2200" b="0" kern="1200" dirty="0">
          <a:solidFill>
            <a:schemeClr val="accent4">
              <a:lumMod val="75000"/>
            </a:schemeClr>
          </a:solidFill>
          <a:latin typeface="+mn-lt"/>
          <a:ea typeface="+mn-ea"/>
          <a:cs typeface="+mn-cs"/>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userDrawn="1">
          <p15:clr>
            <a:srgbClr val="F26B43"/>
          </p15:clr>
        </p15:guide>
        <p15:guide id="2" pos="1056" userDrawn="1">
          <p15:clr>
            <a:srgbClr val="F26B43"/>
          </p15:clr>
        </p15:guide>
        <p15:guide id="3" pos="7040" userDrawn="1">
          <p15:clr>
            <a:srgbClr val="F26B43"/>
          </p15:clr>
        </p15:guide>
        <p15:guide id="4" orient="horz" pos="1144" userDrawn="1">
          <p15:clr>
            <a:srgbClr val="F26B43"/>
          </p15:clr>
        </p15:guide>
        <p15:guide id="5" orient="horz" pos="4136"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13.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20.xml"/><Relationship Id="rId1" Type="http://schemas.openxmlformats.org/officeDocument/2006/relationships/customXml" Target="../../customXml/item38.xml"/><Relationship Id="rId4" Type="http://schemas.openxmlformats.org/officeDocument/2006/relationships/notesSlide" Target="../notesSlides/notesSlide9.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5.xml"/><Relationship Id="rId1" Type="http://schemas.openxmlformats.org/officeDocument/2006/relationships/customXml" Target="../../customXml/item17.xml"/><Relationship Id="rId4" Type="http://schemas.openxmlformats.org/officeDocument/2006/relationships/notesSlide" Target="../notesSlides/notesSlide10.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14.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8.xml"/><Relationship Id="rId1" Type="http://schemas.openxmlformats.org/officeDocument/2006/relationships/customXml" Target="../../customXml/item30.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4.xml"/><Relationship Id="rId1" Type="http://schemas.openxmlformats.org/officeDocument/2006/relationships/customXml" Target="../../customXml/item3.xml"/><Relationship Id="rId4" Type="http://schemas.openxmlformats.org/officeDocument/2006/relationships/notesSlide" Target="../notesSlides/notesSlide12.xml"/></Relationships>
</file>

<file path=ppt/slides/_rels/slide2.xml.rels><?xml version="1.0" encoding="UTF-8" standalone="yes"?>
<Relationships xmlns="http://schemas.openxmlformats.org/package/2006/relationships"><Relationship Id="rId8" Type="http://schemas.openxmlformats.org/officeDocument/2006/relationships/image" Target="../media/image27.svg"/><Relationship Id="rId13" Type="http://schemas.openxmlformats.org/officeDocument/2006/relationships/image" Target="../media/image32.png"/><Relationship Id="rId3" Type="http://schemas.openxmlformats.org/officeDocument/2006/relationships/image" Target="../media/image5.jpeg"/><Relationship Id="rId7" Type="http://schemas.openxmlformats.org/officeDocument/2006/relationships/image" Target="../media/image26.png"/><Relationship Id="rId12" Type="http://schemas.openxmlformats.org/officeDocument/2006/relationships/image" Target="../media/image31.svg"/><Relationship Id="rId2" Type="http://schemas.openxmlformats.org/officeDocument/2006/relationships/notesSlide" Target="../notesSlides/notesSlide2.xml"/><Relationship Id="rId16" Type="http://schemas.openxmlformats.org/officeDocument/2006/relationships/image" Target="../media/image35.svg"/><Relationship Id="rId1" Type="http://schemas.openxmlformats.org/officeDocument/2006/relationships/slideLayout" Target="../slideLayouts/slideLayout19.xml"/><Relationship Id="rId6" Type="http://schemas.openxmlformats.org/officeDocument/2006/relationships/image" Target="../media/image25.png"/><Relationship Id="rId11" Type="http://schemas.openxmlformats.org/officeDocument/2006/relationships/image" Target="../media/image30.png"/><Relationship Id="rId5" Type="http://schemas.openxmlformats.org/officeDocument/2006/relationships/image" Target="../media/image24.png"/><Relationship Id="rId15" Type="http://schemas.openxmlformats.org/officeDocument/2006/relationships/image" Target="../media/image34.png"/><Relationship Id="rId10" Type="http://schemas.openxmlformats.org/officeDocument/2006/relationships/image" Target="../media/image29.png"/><Relationship Id="rId4" Type="http://schemas.openxmlformats.org/officeDocument/2006/relationships/image" Target="../media/image23.jpeg"/><Relationship Id="rId9" Type="http://schemas.openxmlformats.org/officeDocument/2006/relationships/image" Target="../media/image28.png"/><Relationship Id="rId14" Type="http://schemas.openxmlformats.org/officeDocument/2006/relationships/image" Target="../media/image33.sv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23.xml"/><Relationship Id="rId1" Type="http://schemas.openxmlformats.org/officeDocument/2006/relationships/customXml" Target="../../customXml/item40.xml"/><Relationship Id="rId4" Type="http://schemas.openxmlformats.org/officeDocument/2006/relationships/notesSlide" Target="../notesSlides/notesSlide13.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2.xml"/><Relationship Id="rId1" Type="http://schemas.openxmlformats.org/officeDocument/2006/relationships/customXml" Target="../../customXml/item49.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21.xml"/><Relationship Id="rId1" Type="http://schemas.openxmlformats.org/officeDocument/2006/relationships/customXml" Target="../../customXml/item27.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13.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13.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13.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13.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13.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13.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1.xml.rels><?xml version="1.0" encoding="UTF-8" standalone="yes"?>
<Relationships xmlns="http://schemas.openxmlformats.org/package/2006/relationships"><Relationship Id="rId3" Type="http://schemas.openxmlformats.org/officeDocument/2006/relationships/image" Target="../media/image39.svg"/><Relationship Id="rId2" Type="http://schemas.openxmlformats.org/officeDocument/2006/relationships/image" Target="../media/image38.png"/><Relationship Id="rId1" Type="http://schemas.openxmlformats.org/officeDocument/2006/relationships/slideLayout" Target="../slideLayouts/slideLayout20.xml"/><Relationship Id="rId5" Type="http://schemas.openxmlformats.org/officeDocument/2006/relationships/image" Target="../media/image41.svg"/><Relationship Id="rId4" Type="http://schemas.openxmlformats.org/officeDocument/2006/relationships/image" Target="../media/image40.png"/></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1.xml"/></Relationships>
</file>

<file path=ppt/slides/_rels/slide36.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19.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38.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Layout" Target="../slideLayouts/slideLayout13.xml"/></Relationships>
</file>

<file path=ppt/slides/_rels/slide39.xml.rels><?xml version="1.0" encoding="UTF-8" standalone="yes"?>
<Relationships xmlns="http://schemas.openxmlformats.org/package/2006/relationships"><Relationship Id="rId3" Type="http://schemas.openxmlformats.org/officeDocument/2006/relationships/image" Target="../media/image44.emf"/><Relationship Id="rId2" Type="http://schemas.openxmlformats.org/officeDocument/2006/relationships/notesSlide" Target="../notesSlides/notesSlide21.xml"/><Relationship Id="rId1" Type="http://schemas.openxmlformats.org/officeDocument/2006/relationships/slideLayout" Target="../slideLayouts/slideLayout13.xml"/><Relationship Id="rId4" Type="http://schemas.openxmlformats.org/officeDocument/2006/relationships/image" Target="../media/image45.emf"/></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40.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41.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14.xml"/></Relationships>
</file>

<file path=ppt/slides/_rels/slide42.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23.xml"/><Relationship Id="rId1" Type="http://schemas.openxmlformats.org/officeDocument/2006/relationships/slideLayout" Target="../slideLayouts/slideLayout13.xml"/></Relationships>
</file>

<file path=ppt/slides/_rels/slide43.xml.rels><?xml version="1.0" encoding="UTF-8" standalone="yes"?>
<Relationships xmlns="http://schemas.openxmlformats.org/package/2006/relationships"><Relationship Id="rId8" Type="http://schemas.openxmlformats.org/officeDocument/2006/relationships/diagramData" Target="../diagrams/data2.xml"/><Relationship Id="rId13" Type="http://schemas.openxmlformats.org/officeDocument/2006/relationships/diagramData" Target="../diagrams/data3.xml"/><Relationship Id="rId18" Type="http://schemas.openxmlformats.org/officeDocument/2006/relationships/diagramData" Target="../diagrams/data4.xml"/><Relationship Id="rId3" Type="http://schemas.openxmlformats.org/officeDocument/2006/relationships/diagramData" Target="../diagrams/data1.xml"/><Relationship Id="rId21" Type="http://schemas.openxmlformats.org/officeDocument/2006/relationships/diagramColors" Target="../diagrams/colors4.xml"/><Relationship Id="rId7" Type="http://schemas.microsoft.com/office/2007/relationships/diagramDrawing" Target="../diagrams/drawing1.xml"/><Relationship Id="rId12" Type="http://schemas.microsoft.com/office/2007/relationships/diagramDrawing" Target="../diagrams/drawing2.xml"/><Relationship Id="rId17" Type="http://schemas.microsoft.com/office/2007/relationships/diagramDrawing" Target="../diagrams/drawing3.xml"/><Relationship Id="rId2" Type="http://schemas.openxmlformats.org/officeDocument/2006/relationships/notesSlide" Target="../notesSlides/notesSlide24.xml"/><Relationship Id="rId16" Type="http://schemas.openxmlformats.org/officeDocument/2006/relationships/diagramColors" Target="../diagrams/colors3.xml"/><Relationship Id="rId20" Type="http://schemas.openxmlformats.org/officeDocument/2006/relationships/diagramQuickStyle" Target="../diagrams/quickStyle4.xml"/><Relationship Id="rId1" Type="http://schemas.openxmlformats.org/officeDocument/2006/relationships/slideLayout" Target="../slideLayouts/slideLayout14.xml"/><Relationship Id="rId6" Type="http://schemas.openxmlformats.org/officeDocument/2006/relationships/diagramColors" Target="../diagrams/colors1.xml"/><Relationship Id="rId11" Type="http://schemas.openxmlformats.org/officeDocument/2006/relationships/diagramColors" Target="../diagrams/colors2.xml"/><Relationship Id="rId5" Type="http://schemas.openxmlformats.org/officeDocument/2006/relationships/diagramQuickStyle" Target="../diagrams/quickStyle1.xml"/><Relationship Id="rId15" Type="http://schemas.openxmlformats.org/officeDocument/2006/relationships/diagramQuickStyle" Target="../diagrams/quickStyle3.xml"/><Relationship Id="rId10" Type="http://schemas.openxmlformats.org/officeDocument/2006/relationships/diagramQuickStyle" Target="../diagrams/quickStyle2.xml"/><Relationship Id="rId19" Type="http://schemas.openxmlformats.org/officeDocument/2006/relationships/diagramLayout" Target="../diagrams/layout4.xml"/><Relationship Id="rId4" Type="http://schemas.openxmlformats.org/officeDocument/2006/relationships/diagramLayout" Target="../diagrams/layout1.xml"/><Relationship Id="rId9" Type="http://schemas.openxmlformats.org/officeDocument/2006/relationships/diagramLayout" Target="../diagrams/layout2.xml"/><Relationship Id="rId14" Type="http://schemas.openxmlformats.org/officeDocument/2006/relationships/diagramLayout" Target="../diagrams/layout3.xml"/><Relationship Id="rId22" Type="http://schemas.microsoft.com/office/2007/relationships/diagramDrawing" Target="../diagrams/drawing4.xml"/></Relationships>
</file>

<file path=ppt/slides/_rels/slide44.xml.rels><?xml version="1.0" encoding="UTF-8" standalone="yes"?>
<Relationships xmlns="http://schemas.openxmlformats.org/package/2006/relationships"><Relationship Id="rId3" Type="http://schemas.openxmlformats.org/officeDocument/2006/relationships/image" Target="../media/image48.emf"/><Relationship Id="rId2" Type="http://schemas.openxmlformats.org/officeDocument/2006/relationships/image" Target="../media/image47.emf"/><Relationship Id="rId1" Type="http://schemas.openxmlformats.org/officeDocument/2006/relationships/slideLayout" Target="../slideLayouts/slideLayout14.xml"/></Relationships>
</file>

<file path=ppt/slides/_rels/slide45.xml.rels><?xml version="1.0" encoding="UTF-8" standalone="yes"?>
<Relationships xmlns="http://schemas.openxmlformats.org/package/2006/relationships"><Relationship Id="rId2" Type="http://schemas.openxmlformats.org/officeDocument/2006/relationships/image" Target="../media/image49.emf"/><Relationship Id="rId1" Type="http://schemas.openxmlformats.org/officeDocument/2006/relationships/slideLayout" Target="../slideLayouts/slideLayout14.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7.xml.rels><?xml version="1.0" encoding="UTF-8" standalone="yes"?>
<Relationships xmlns="http://schemas.openxmlformats.org/package/2006/relationships"><Relationship Id="rId8" Type="http://schemas.openxmlformats.org/officeDocument/2006/relationships/diagramLayout" Target="../diagrams/layout6.xml"/><Relationship Id="rId3" Type="http://schemas.openxmlformats.org/officeDocument/2006/relationships/diagramLayout" Target="../diagrams/layout5.xml"/><Relationship Id="rId7" Type="http://schemas.openxmlformats.org/officeDocument/2006/relationships/diagramData" Target="../diagrams/data6.xml"/><Relationship Id="rId2" Type="http://schemas.openxmlformats.org/officeDocument/2006/relationships/diagramData" Target="../diagrams/data5.xml"/><Relationship Id="rId1" Type="http://schemas.openxmlformats.org/officeDocument/2006/relationships/slideLayout" Target="../slideLayouts/slideLayout14.xml"/><Relationship Id="rId6" Type="http://schemas.microsoft.com/office/2007/relationships/diagramDrawing" Target="../diagrams/drawing5.xml"/><Relationship Id="rId11" Type="http://schemas.microsoft.com/office/2007/relationships/diagramDrawing" Target="../diagrams/drawing6.xml"/><Relationship Id="rId5" Type="http://schemas.openxmlformats.org/officeDocument/2006/relationships/diagramColors" Target="../diagrams/colors5.xml"/><Relationship Id="rId10" Type="http://schemas.openxmlformats.org/officeDocument/2006/relationships/diagramColors" Target="../diagrams/colors6.xml"/><Relationship Id="rId4" Type="http://schemas.openxmlformats.org/officeDocument/2006/relationships/diagramQuickStyle" Target="../diagrams/quickStyle5.xml"/><Relationship Id="rId9" Type="http://schemas.openxmlformats.org/officeDocument/2006/relationships/diagramQuickStyle" Target="../diagrams/quickStyle6.xml"/></Relationships>
</file>

<file path=ppt/slides/_rels/slide48.xml.rels><?xml version="1.0" encoding="UTF-8" standalone="yes"?>
<Relationships xmlns="http://schemas.openxmlformats.org/package/2006/relationships"><Relationship Id="rId8" Type="http://schemas.openxmlformats.org/officeDocument/2006/relationships/diagramLayout" Target="../diagrams/layout8.xml"/><Relationship Id="rId3" Type="http://schemas.openxmlformats.org/officeDocument/2006/relationships/diagramLayout" Target="../diagrams/layout7.xml"/><Relationship Id="rId7" Type="http://schemas.openxmlformats.org/officeDocument/2006/relationships/diagramData" Target="../diagrams/data8.xml"/><Relationship Id="rId2" Type="http://schemas.openxmlformats.org/officeDocument/2006/relationships/diagramData" Target="../diagrams/data7.xml"/><Relationship Id="rId1" Type="http://schemas.openxmlformats.org/officeDocument/2006/relationships/slideLayout" Target="../slideLayouts/slideLayout14.xml"/><Relationship Id="rId6" Type="http://schemas.microsoft.com/office/2007/relationships/diagramDrawing" Target="../diagrams/drawing7.xml"/><Relationship Id="rId11" Type="http://schemas.microsoft.com/office/2007/relationships/diagramDrawing" Target="../diagrams/drawing8.xml"/><Relationship Id="rId5" Type="http://schemas.openxmlformats.org/officeDocument/2006/relationships/diagramColors" Target="../diagrams/colors7.xml"/><Relationship Id="rId10" Type="http://schemas.openxmlformats.org/officeDocument/2006/relationships/diagramColors" Target="../diagrams/colors8.xml"/><Relationship Id="rId4" Type="http://schemas.openxmlformats.org/officeDocument/2006/relationships/diagramQuickStyle" Target="../diagrams/quickStyle7.xml"/><Relationship Id="rId9" Type="http://schemas.openxmlformats.org/officeDocument/2006/relationships/diagramQuickStyle" Target="../diagrams/quickStyle8.xml"/></Relationships>
</file>

<file path=ppt/slides/_rels/slide49.xml.rels><?xml version="1.0" encoding="UTF-8" standalone="yes"?>
<Relationships xmlns="http://schemas.openxmlformats.org/package/2006/relationships"><Relationship Id="rId8" Type="http://schemas.openxmlformats.org/officeDocument/2006/relationships/diagramData" Target="../diagrams/data10.xml"/><Relationship Id="rId3" Type="http://schemas.openxmlformats.org/officeDocument/2006/relationships/diagramData" Target="../diagrams/data9.xml"/><Relationship Id="rId7" Type="http://schemas.microsoft.com/office/2007/relationships/diagramDrawing" Target="../diagrams/drawing9.xml"/><Relationship Id="rId12" Type="http://schemas.microsoft.com/office/2007/relationships/diagramDrawing" Target="../diagrams/drawing10.xml"/><Relationship Id="rId2" Type="http://schemas.openxmlformats.org/officeDocument/2006/relationships/notesSlide" Target="../notesSlides/notesSlide25.xml"/><Relationship Id="rId1" Type="http://schemas.openxmlformats.org/officeDocument/2006/relationships/slideLayout" Target="../slideLayouts/slideLayout14.xml"/><Relationship Id="rId6" Type="http://schemas.openxmlformats.org/officeDocument/2006/relationships/diagramColors" Target="../diagrams/colors9.xml"/><Relationship Id="rId11" Type="http://schemas.openxmlformats.org/officeDocument/2006/relationships/diagramColors" Target="../diagrams/colors10.xml"/><Relationship Id="rId5" Type="http://schemas.openxmlformats.org/officeDocument/2006/relationships/diagramQuickStyle" Target="../diagrams/quickStyle9.xml"/><Relationship Id="rId10" Type="http://schemas.openxmlformats.org/officeDocument/2006/relationships/diagramQuickStyle" Target="../diagrams/quickStyle10.xml"/><Relationship Id="rId4" Type="http://schemas.openxmlformats.org/officeDocument/2006/relationships/diagramLayout" Target="../diagrams/layout9.xml"/><Relationship Id="rId9" Type="http://schemas.openxmlformats.org/officeDocument/2006/relationships/diagramLayout" Target="../diagrams/layout10.xml"/></Relationships>
</file>

<file path=ppt/slides/_rels/slide5.xml.rels><?xml version="1.0" encoding="UTF-8" standalone="yes"?>
<Relationships xmlns="http://schemas.openxmlformats.org/package/2006/relationships"><Relationship Id="rId3" Type="http://schemas.openxmlformats.org/officeDocument/2006/relationships/image" Target="../media/image36.jpeg"/><Relationship Id="rId2" Type="http://schemas.openxmlformats.org/officeDocument/2006/relationships/notesSlide" Target="../notesSlides/notesSlide3.xml"/><Relationship Id="rId1" Type="http://schemas.openxmlformats.org/officeDocument/2006/relationships/slideLayout" Target="../slideLayouts/slideLayout19.xml"/></Relationships>
</file>

<file path=ppt/slides/_rels/slide50.xml.rels><?xml version="1.0" encoding="UTF-8" standalone="yes"?>
<Relationships xmlns="http://schemas.openxmlformats.org/package/2006/relationships"><Relationship Id="rId8" Type="http://schemas.openxmlformats.org/officeDocument/2006/relationships/diagramLayout" Target="../diagrams/layout12.xml"/><Relationship Id="rId13" Type="http://schemas.openxmlformats.org/officeDocument/2006/relationships/diagramLayout" Target="../diagrams/layout13.xml"/><Relationship Id="rId3" Type="http://schemas.openxmlformats.org/officeDocument/2006/relationships/diagramLayout" Target="../diagrams/layout11.xml"/><Relationship Id="rId7" Type="http://schemas.openxmlformats.org/officeDocument/2006/relationships/diagramData" Target="../diagrams/data12.xml"/><Relationship Id="rId12" Type="http://schemas.openxmlformats.org/officeDocument/2006/relationships/diagramData" Target="../diagrams/data13.xml"/><Relationship Id="rId2" Type="http://schemas.openxmlformats.org/officeDocument/2006/relationships/diagramData" Target="../diagrams/data11.xml"/><Relationship Id="rId16" Type="http://schemas.microsoft.com/office/2007/relationships/diagramDrawing" Target="../diagrams/drawing13.xml"/><Relationship Id="rId1" Type="http://schemas.openxmlformats.org/officeDocument/2006/relationships/slideLayout" Target="../slideLayouts/slideLayout13.xml"/><Relationship Id="rId6" Type="http://schemas.microsoft.com/office/2007/relationships/diagramDrawing" Target="../diagrams/drawing11.xml"/><Relationship Id="rId11" Type="http://schemas.microsoft.com/office/2007/relationships/diagramDrawing" Target="../diagrams/drawing12.xml"/><Relationship Id="rId5" Type="http://schemas.openxmlformats.org/officeDocument/2006/relationships/diagramColors" Target="../diagrams/colors11.xml"/><Relationship Id="rId15" Type="http://schemas.openxmlformats.org/officeDocument/2006/relationships/diagramColors" Target="../diagrams/colors13.xml"/><Relationship Id="rId10" Type="http://schemas.openxmlformats.org/officeDocument/2006/relationships/diagramColors" Target="../diagrams/colors12.xml"/><Relationship Id="rId4" Type="http://schemas.openxmlformats.org/officeDocument/2006/relationships/diagramQuickStyle" Target="../diagrams/quickStyle11.xml"/><Relationship Id="rId9" Type="http://schemas.openxmlformats.org/officeDocument/2006/relationships/diagramQuickStyle" Target="../diagrams/quickStyle12.xml"/><Relationship Id="rId14" Type="http://schemas.openxmlformats.org/officeDocument/2006/relationships/diagramQuickStyle" Target="../diagrams/quickStyle13.xml"/></Relationships>
</file>

<file path=ppt/slides/_rels/slide51.xml.rels><?xml version="1.0" encoding="UTF-8" standalone="yes"?>
<Relationships xmlns="http://schemas.openxmlformats.org/package/2006/relationships"><Relationship Id="rId8" Type="http://schemas.openxmlformats.org/officeDocument/2006/relationships/image" Target="../media/image27.svg"/><Relationship Id="rId13" Type="http://schemas.openxmlformats.org/officeDocument/2006/relationships/image" Target="../media/image32.png"/><Relationship Id="rId3" Type="http://schemas.openxmlformats.org/officeDocument/2006/relationships/image" Target="../media/image5.jpeg"/><Relationship Id="rId7" Type="http://schemas.openxmlformats.org/officeDocument/2006/relationships/image" Target="../media/image26.png"/><Relationship Id="rId12" Type="http://schemas.openxmlformats.org/officeDocument/2006/relationships/image" Target="../media/image31.svg"/><Relationship Id="rId2" Type="http://schemas.openxmlformats.org/officeDocument/2006/relationships/notesSlide" Target="../notesSlides/notesSlide26.xml"/><Relationship Id="rId16" Type="http://schemas.openxmlformats.org/officeDocument/2006/relationships/image" Target="../media/image35.svg"/><Relationship Id="rId1" Type="http://schemas.openxmlformats.org/officeDocument/2006/relationships/slideLayout" Target="../slideLayouts/slideLayout19.xml"/><Relationship Id="rId6" Type="http://schemas.openxmlformats.org/officeDocument/2006/relationships/image" Target="../media/image25.png"/><Relationship Id="rId11" Type="http://schemas.openxmlformats.org/officeDocument/2006/relationships/image" Target="../media/image30.png"/><Relationship Id="rId5" Type="http://schemas.openxmlformats.org/officeDocument/2006/relationships/image" Target="../media/image24.png"/><Relationship Id="rId15" Type="http://schemas.openxmlformats.org/officeDocument/2006/relationships/image" Target="../media/image34.png"/><Relationship Id="rId10" Type="http://schemas.openxmlformats.org/officeDocument/2006/relationships/image" Target="../media/image29.png"/><Relationship Id="rId4" Type="http://schemas.openxmlformats.org/officeDocument/2006/relationships/image" Target="../media/image23.jpeg"/><Relationship Id="rId9" Type="http://schemas.openxmlformats.org/officeDocument/2006/relationships/image" Target="../media/image28.png"/><Relationship Id="rId14" Type="http://schemas.openxmlformats.org/officeDocument/2006/relationships/image" Target="../media/image33.svg"/></Relationships>
</file>

<file path=ppt/slides/_rels/slide52.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53.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7.xml"/></Relationships>
</file>

<file path=ppt/slides/_rels/slide54.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14.xml"/></Relationships>
</file>

<file path=ppt/slides/_rels/slide55.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56.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57.xml.rels><?xml version="1.0" encoding="UTF-8" standalone="yes"?>
<Relationships xmlns="http://schemas.openxmlformats.org/package/2006/relationships"><Relationship Id="rId3" Type="http://schemas.openxmlformats.org/officeDocument/2006/relationships/diagramData" Target="../diagrams/data14.xml"/><Relationship Id="rId7" Type="http://schemas.microsoft.com/office/2007/relationships/diagramDrawing" Target="../diagrams/drawing14.xml"/><Relationship Id="rId2" Type="http://schemas.openxmlformats.org/officeDocument/2006/relationships/notesSlide" Target="../notesSlides/notesSlide29.xml"/><Relationship Id="rId1" Type="http://schemas.openxmlformats.org/officeDocument/2006/relationships/slideLayout" Target="../slideLayouts/slideLayout30.xml"/><Relationship Id="rId6" Type="http://schemas.openxmlformats.org/officeDocument/2006/relationships/diagramColors" Target="../diagrams/colors14.xml"/><Relationship Id="rId5" Type="http://schemas.openxmlformats.org/officeDocument/2006/relationships/diagramQuickStyle" Target="../diagrams/quickStyle14.xml"/><Relationship Id="rId4" Type="http://schemas.openxmlformats.org/officeDocument/2006/relationships/diagramLayout" Target="../diagrams/layout14.xml"/></Relationships>
</file>

<file path=ppt/slides/_rels/slide58.xml.rels><?xml version="1.0" encoding="UTF-8" standalone="yes"?>
<Relationships xmlns="http://schemas.openxmlformats.org/package/2006/relationships"><Relationship Id="rId3" Type="http://schemas.openxmlformats.org/officeDocument/2006/relationships/image" Target="../media/image51.svg"/><Relationship Id="rId2" Type="http://schemas.openxmlformats.org/officeDocument/2006/relationships/image" Target="../media/image50.png"/><Relationship Id="rId1" Type="http://schemas.openxmlformats.org/officeDocument/2006/relationships/slideLayout" Target="../slideLayouts/slideLayout15.xml"/><Relationship Id="rId5" Type="http://schemas.openxmlformats.org/officeDocument/2006/relationships/hyperlink" Target="https://www.leadingagile.com/podcast/lean-portfolio-management-w-tina-wang/" TargetMode="External"/><Relationship Id="rId4" Type="http://schemas.openxmlformats.org/officeDocument/2006/relationships/hyperlink" Target="https://www.leadingagile.com/2017/06/cost-delay-project-management-2/" TargetMode="Externa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42.xml"/><Relationship Id="rId1" Type="http://schemas.openxmlformats.org/officeDocument/2006/relationships/customXml" Target="../../customXml/item44.xml"/><Relationship Id="rId4" Type="http://schemas.openxmlformats.org/officeDocument/2006/relationships/notesSlide" Target="../notesSlides/notesSlide5.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19.xml"/><Relationship Id="rId1" Type="http://schemas.openxmlformats.org/officeDocument/2006/relationships/customXml" Target="../../customXml/item33.xml"/><Relationship Id="rId4" Type="http://schemas.openxmlformats.org/officeDocument/2006/relationships/notesSlide" Target="../notesSlides/notesSlide6.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13.xml"/><Relationship Id="rId1" Type="http://schemas.openxmlformats.org/officeDocument/2006/relationships/customXml" Target="../../customXml/item47.xml"/><Relationship Id="rId4" Type="http://schemas.openxmlformats.org/officeDocument/2006/relationships/notesSlide" Target="../notesSlides/notesSlide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p:txBody>
          <a:bodyPr/>
          <a:lstStyle/>
          <a:p>
            <a:r>
              <a:rPr lang="en-US" sz="4000" dirty="0"/>
              <a:t>Portfolio Management In An Agile World</a:t>
            </a:r>
          </a:p>
        </p:txBody>
      </p:sp>
      <p:sp>
        <p:nvSpPr>
          <p:cNvPr id="6" name="Subtitle 5">
            <a:extLst>
              <a:ext uri="{FF2B5EF4-FFF2-40B4-BE49-F238E27FC236}">
                <a16:creationId xmlns:a16="http://schemas.microsoft.com/office/drawing/2014/main" id="{EEDC3F6A-22C1-3042-B681-2D506B038AB3}"/>
              </a:ext>
            </a:extLst>
          </p:cNvPr>
          <p:cNvSpPr>
            <a:spLocks noGrp="1"/>
          </p:cNvSpPr>
          <p:nvPr>
            <p:ph type="subTitle" idx="1"/>
          </p:nvPr>
        </p:nvSpPr>
        <p:spPr/>
        <p:txBody>
          <a:bodyPr/>
          <a:lstStyle/>
          <a:p>
            <a:r>
              <a:rPr lang="en-US" dirty="0"/>
              <a:t>Presented by: Rick Austin</a:t>
            </a:r>
          </a:p>
        </p:txBody>
      </p:sp>
    </p:spTree>
    <p:extLst>
      <p:ext uri="{BB962C8B-B14F-4D97-AF65-F5344CB8AC3E}">
        <p14:creationId xmlns:p14="http://schemas.microsoft.com/office/powerpoint/2010/main" val="37994999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4A0C223-5214-4A4B-9096-5FA9FB371A4D}"/>
              </a:ext>
            </a:extLst>
          </p:cNvPr>
          <p:cNvSpPr>
            <a:spLocks noGrp="1"/>
          </p:cNvSpPr>
          <p:nvPr>
            <p:ph type="ctrTitle"/>
          </p:nvPr>
        </p:nvSpPr>
        <p:spPr/>
        <p:txBody>
          <a:bodyPr/>
          <a:lstStyle/>
          <a:p>
            <a:r>
              <a:rPr lang="en-US" dirty="0"/>
              <a:t>EXAMPLE </a:t>
            </a:r>
            <a:br>
              <a:rPr lang="en-US" dirty="0"/>
            </a:br>
            <a:r>
              <a:rPr lang="en-US" dirty="0"/>
              <a:t>3-TIERED SYSTEM OF DELIVERY</a:t>
            </a:r>
          </a:p>
        </p:txBody>
      </p:sp>
      <p:sp>
        <p:nvSpPr>
          <p:cNvPr id="3" name="Subtitle 2">
            <a:extLst>
              <a:ext uri="{FF2B5EF4-FFF2-40B4-BE49-F238E27FC236}">
                <a16:creationId xmlns:a16="http://schemas.microsoft.com/office/drawing/2014/main" id="{38FA27A4-7F9D-7A47-B7B4-D6279FDB5FB5}"/>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26632359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9" name="Picture 38"/>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255998" y="1743432"/>
            <a:ext cx="5606552" cy="3902659"/>
          </a:xfrm>
          <a:prstGeom prst="rect">
            <a:avLst/>
          </a:prstGeom>
        </p:spPr>
      </p:pic>
      <p:grpSp>
        <p:nvGrpSpPr>
          <p:cNvPr id="40" name="Group 39"/>
          <p:cNvGrpSpPr/>
          <p:nvPr/>
        </p:nvGrpSpPr>
        <p:grpSpPr>
          <a:xfrm>
            <a:off x="8325465" y="2868675"/>
            <a:ext cx="1359063" cy="627345"/>
            <a:chOff x="213518" y="4388021"/>
            <a:chExt cx="1988992" cy="675860"/>
          </a:xfrm>
        </p:grpSpPr>
        <p:sp>
          <p:nvSpPr>
            <p:cNvPr id="41" name="Rounded Rectangle 40"/>
            <p:cNvSpPr/>
            <p:nvPr/>
          </p:nvSpPr>
          <p:spPr>
            <a:xfrm>
              <a:off x="286245" y="4388021"/>
              <a:ext cx="1916265" cy="675860"/>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200" spc="100" dirty="0">
                  <a:latin typeface="+mj-lt"/>
                </a:rPr>
                <a:t>PROGRAM TEAMS</a:t>
              </a:r>
            </a:p>
          </p:txBody>
        </p:sp>
        <p:sp>
          <p:nvSpPr>
            <p:cNvPr id="42" name="Rectangle 41"/>
            <p:cNvSpPr/>
            <p:nvPr/>
          </p:nvSpPr>
          <p:spPr>
            <a:xfrm rot="2651710">
              <a:off x="213518" y="4642603"/>
              <a:ext cx="307792" cy="226576"/>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grpSp>
      <p:grpSp>
        <p:nvGrpSpPr>
          <p:cNvPr id="43" name="Group 42"/>
          <p:cNvGrpSpPr/>
          <p:nvPr/>
        </p:nvGrpSpPr>
        <p:grpSpPr>
          <a:xfrm>
            <a:off x="3894923" y="1657239"/>
            <a:ext cx="1495830" cy="627345"/>
            <a:chOff x="286245" y="4388021"/>
            <a:chExt cx="1980979" cy="675860"/>
          </a:xfrm>
        </p:grpSpPr>
        <p:sp>
          <p:nvSpPr>
            <p:cNvPr id="44" name="Rounded Rectangle 43"/>
            <p:cNvSpPr/>
            <p:nvPr/>
          </p:nvSpPr>
          <p:spPr>
            <a:xfrm>
              <a:off x="286245" y="4388021"/>
              <a:ext cx="1916266" cy="675860"/>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200" spc="100" dirty="0">
                  <a:latin typeface="+mj-lt"/>
                </a:rPr>
                <a:t>PORTFOLIO TEAMS</a:t>
              </a:r>
            </a:p>
          </p:txBody>
        </p:sp>
        <p:sp>
          <p:nvSpPr>
            <p:cNvPr id="45" name="Rectangle 44"/>
            <p:cNvSpPr/>
            <p:nvPr/>
          </p:nvSpPr>
          <p:spPr>
            <a:xfrm rot="2651710">
              <a:off x="2060491" y="4631638"/>
              <a:ext cx="206733" cy="206733"/>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grpSp>
      <p:grpSp>
        <p:nvGrpSpPr>
          <p:cNvPr id="46" name="Group 45"/>
          <p:cNvGrpSpPr/>
          <p:nvPr/>
        </p:nvGrpSpPr>
        <p:grpSpPr>
          <a:xfrm>
            <a:off x="2295291" y="3967461"/>
            <a:ext cx="1531068" cy="566826"/>
            <a:chOff x="734999" y="4459158"/>
            <a:chExt cx="1501164" cy="610661"/>
          </a:xfrm>
        </p:grpSpPr>
        <p:sp>
          <p:nvSpPr>
            <p:cNvPr id="47" name="Rectangle 46"/>
            <p:cNvSpPr/>
            <p:nvPr/>
          </p:nvSpPr>
          <p:spPr>
            <a:xfrm rot="2651710">
              <a:off x="2029430" y="4661122"/>
              <a:ext cx="206733" cy="206733"/>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48" name="Rounded Rectangle 47"/>
            <p:cNvSpPr/>
            <p:nvPr/>
          </p:nvSpPr>
          <p:spPr>
            <a:xfrm>
              <a:off x="734999" y="4459158"/>
              <a:ext cx="1460506" cy="610661"/>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200" spc="100" dirty="0">
                  <a:latin typeface="+mj-lt"/>
                </a:rPr>
                <a:t>DELIVERY TEAMS</a:t>
              </a:r>
            </a:p>
          </p:txBody>
        </p:sp>
      </p:grpSp>
      <p:sp>
        <p:nvSpPr>
          <p:cNvPr id="2" name="Title 1">
            <a:extLst>
              <a:ext uri="{FF2B5EF4-FFF2-40B4-BE49-F238E27FC236}">
                <a16:creationId xmlns:a16="http://schemas.microsoft.com/office/drawing/2014/main" id="{353F7E03-B04B-A446-8BC0-9B43F5B0B191}"/>
              </a:ext>
            </a:extLst>
          </p:cNvPr>
          <p:cNvSpPr>
            <a:spLocks noGrp="1"/>
          </p:cNvSpPr>
          <p:nvPr>
            <p:ph type="title"/>
          </p:nvPr>
        </p:nvSpPr>
        <p:spPr/>
        <p:txBody>
          <a:bodyPr/>
          <a:lstStyle/>
          <a:p>
            <a:r>
              <a:rPr lang="en-US" dirty="0"/>
              <a:t>STRUCTURE</a:t>
            </a:r>
          </a:p>
        </p:txBody>
      </p:sp>
      <p:sp>
        <p:nvSpPr>
          <p:cNvPr id="3" name="Slide Number Placeholder 2">
            <a:extLst>
              <a:ext uri="{FF2B5EF4-FFF2-40B4-BE49-F238E27FC236}">
                <a16:creationId xmlns:a16="http://schemas.microsoft.com/office/drawing/2014/main" id="{ED57E459-FD94-144A-A6D0-87D08F875B1D}"/>
              </a:ext>
            </a:extLst>
          </p:cNvPr>
          <p:cNvSpPr>
            <a:spLocks noGrp="1"/>
          </p:cNvSpPr>
          <p:nvPr>
            <p:ph type="sldNum" sz="quarter" idx="4"/>
          </p:nvPr>
        </p:nvSpPr>
        <p:spPr/>
        <p:txBody>
          <a:bodyPr/>
          <a:lstStyle/>
          <a:p>
            <a:fld id="{742ED878-647B-DB4D-84DF-0BCCAF9DD0BF}" type="slidenum">
              <a:rPr lang="en-US" smtClean="0"/>
              <a:pPr/>
              <a:t>11</a:t>
            </a:fld>
            <a:endParaRPr lang="en-US" dirty="0"/>
          </a:p>
        </p:txBody>
      </p:sp>
    </p:spTree>
    <p:extLst>
      <p:ext uri="{BB962C8B-B14F-4D97-AF65-F5344CB8AC3E}">
        <p14:creationId xmlns:p14="http://schemas.microsoft.com/office/powerpoint/2010/main" val="1862189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46" name="Group 45"/>
          <p:cNvGrpSpPr/>
          <p:nvPr/>
        </p:nvGrpSpPr>
        <p:grpSpPr>
          <a:xfrm>
            <a:off x="8325465" y="2868675"/>
            <a:ext cx="1359063" cy="627345"/>
            <a:chOff x="213518" y="4388021"/>
            <a:chExt cx="1988992" cy="675860"/>
          </a:xfrm>
        </p:grpSpPr>
        <p:sp>
          <p:nvSpPr>
            <p:cNvPr id="47" name="Rounded Rectangle 46"/>
            <p:cNvSpPr/>
            <p:nvPr/>
          </p:nvSpPr>
          <p:spPr>
            <a:xfrm>
              <a:off x="286245" y="4388021"/>
              <a:ext cx="1916265" cy="675860"/>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200" spc="100">
                  <a:latin typeface="+mj-lt"/>
                </a:rPr>
                <a:t>PROGRAM TEAMS</a:t>
              </a:r>
            </a:p>
          </p:txBody>
        </p:sp>
        <p:sp>
          <p:nvSpPr>
            <p:cNvPr id="48" name="Rectangle 47"/>
            <p:cNvSpPr/>
            <p:nvPr/>
          </p:nvSpPr>
          <p:spPr>
            <a:xfrm rot="2651710">
              <a:off x="213518" y="4642603"/>
              <a:ext cx="307792" cy="226576"/>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grpSp>
      <p:grpSp>
        <p:nvGrpSpPr>
          <p:cNvPr id="49" name="Group 48"/>
          <p:cNvGrpSpPr/>
          <p:nvPr/>
        </p:nvGrpSpPr>
        <p:grpSpPr>
          <a:xfrm>
            <a:off x="3894923" y="1657239"/>
            <a:ext cx="1495830" cy="627345"/>
            <a:chOff x="286245" y="4388021"/>
            <a:chExt cx="1980979" cy="675860"/>
          </a:xfrm>
        </p:grpSpPr>
        <p:sp>
          <p:nvSpPr>
            <p:cNvPr id="51" name="Rounded Rectangle 50"/>
            <p:cNvSpPr/>
            <p:nvPr/>
          </p:nvSpPr>
          <p:spPr>
            <a:xfrm>
              <a:off x="286245" y="4388021"/>
              <a:ext cx="1916266" cy="675860"/>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200" spc="100">
                  <a:latin typeface="+mj-lt"/>
                </a:rPr>
                <a:t>PORTFOLIO TEAMS</a:t>
              </a:r>
            </a:p>
          </p:txBody>
        </p:sp>
        <p:sp>
          <p:nvSpPr>
            <p:cNvPr id="53" name="Rectangle 52"/>
            <p:cNvSpPr/>
            <p:nvPr/>
          </p:nvSpPr>
          <p:spPr>
            <a:xfrm rot="2651710">
              <a:off x="2060491" y="4631638"/>
              <a:ext cx="206733" cy="206733"/>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grpSp>
      <p:grpSp>
        <p:nvGrpSpPr>
          <p:cNvPr id="55" name="Group 54"/>
          <p:cNvGrpSpPr/>
          <p:nvPr/>
        </p:nvGrpSpPr>
        <p:grpSpPr>
          <a:xfrm>
            <a:off x="2295291" y="3967461"/>
            <a:ext cx="1531068" cy="566826"/>
            <a:chOff x="734999" y="4459158"/>
            <a:chExt cx="1501164" cy="610661"/>
          </a:xfrm>
        </p:grpSpPr>
        <p:sp>
          <p:nvSpPr>
            <p:cNvPr id="61" name="Rectangle 60"/>
            <p:cNvSpPr/>
            <p:nvPr/>
          </p:nvSpPr>
          <p:spPr>
            <a:xfrm rot="2651710">
              <a:off x="2029430" y="4661122"/>
              <a:ext cx="206733" cy="206733"/>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63" name="Rounded Rectangle 62"/>
            <p:cNvSpPr/>
            <p:nvPr/>
          </p:nvSpPr>
          <p:spPr>
            <a:xfrm>
              <a:off x="734999" y="4459158"/>
              <a:ext cx="1460506" cy="610661"/>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200" spc="100" dirty="0">
                  <a:latin typeface="+mj-lt"/>
                </a:rPr>
                <a:t>DELIVERY TEAMS</a:t>
              </a:r>
            </a:p>
          </p:txBody>
        </p:sp>
      </p:grpSp>
      <p:pic>
        <p:nvPicPr>
          <p:cNvPr id="64" name="Picture 63"/>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255998" y="1743432"/>
            <a:ext cx="5606552" cy="3902659"/>
          </a:xfrm>
          <a:prstGeom prst="rect">
            <a:avLst/>
          </a:prstGeom>
        </p:spPr>
      </p:pic>
      <p:sp>
        <p:nvSpPr>
          <p:cNvPr id="65" name="TextBox 64"/>
          <p:cNvSpPr txBox="1"/>
          <p:nvPr/>
        </p:nvSpPr>
        <p:spPr>
          <a:xfrm>
            <a:off x="2276766" y="4536919"/>
            <a:ext cx="1526650" cy="276999"/>
          </a:xfrm>
          <a:prstGeom prst="rect">
            <a:avLst/>
          </a:prstGeom>
          <a:noFill/>
        </p:spPr>
        <p:txBody>
          <a:bodyPr wrap="square" rtlCol="0">
            <a:spAutoFit/>
          </a:bodyPr>
          <a:lstStyle/>
          <a:p>
            <a:pPr algn="ctr"/>
            <a:r>
              <a:rPr lang="en-US" sz="1200" i="1" spc="100" dirty="0">
                <a:solidFill>
                  <a:schemeClr val="accent4">
                    <a:lumMod val="75000"/>
                  </a:schemeClr>
                </a:solidFill>
              </a:rPr>
              <a:t>Scrum</a:t>
            </a:r>
            <a:endParaRPr lang="en-US" sz="1200" i="1" dirty="0">
              <a:solidFill>
                <a:schemeClr val="accent4">
                  <a:lumMod val="75000"/>
                </a:schemeClr>
              </a:solidFill>
            </a:endParaRPr>
          </a:p>
        </p:txBody>
      </p:sp>
      <p:sp>
        <p:nvSpPr>
          <p:cNvPr id="66" name="TextBox 65"/>
          <p:cNvSpPr txBox="1"/>
          <p:nvPr/>
        </p:nvSpPr>
        <p:spPr>
          <a:xfrm>
            <a:off x="8266515" y="3496020"/>
            <a:ext cx="1526650" cy="276999"/>
          </a:xfrm>
          <a:prstGeom prst="rect">
            <a:avLst/>
          </a:prstGeom>
          <a:noFill/>
        </p:spPr>
        <p:txBody>
          <a:bodyPr wrap="square" rtlCol="0">
            <a:spAutoFit/>
          </a:bodyPr>
          <a:lstStyle/>
          <a:p>
            <a:pPr algn="ctr"/>
            <a:r>
              <a:rPr lang="en-US" sz="1200" i="1" spc="100">
                <a:solidFill>
                  <a:schemeClr val="accent4">
                    <a:lumMod val="75000"/>
                  </a:schemeClr>
                </a:solidFill>
              </a:rPr>
              <a:t>Kanban</a:t>
            </a:r>
            <a:endParaRPr lang="en-US" sz="1200" i="1">
              <a:solidFill>
                <a:schemeClr val="accent4">
                  <a:lumMod val="75000"/>
                </a:schemeClr>
              </a:solidFill>
            </a:endParaRPr>
          </a:p>
        </p:txBody>
      </p:sp>
      <p:sp>
        <p:nvSpPr>
          <p:cNvPr id="67" name="TextBox 66"/>
          <p:cNvSpPr txBox="1"/>
          <p:nvPr/>
        </p:nvSpPr>
        <p:spPr>
          <a:xfrm>
            <a:off x="3849251" y="2287213"/>
            <a:ext cx="1526650" cy="276999"/>
          </a:xfrm>
          <a:prstGeom prst="rect">
            <a:avLst/>
          </a:prstGeom>
          <a:noFill/>
        </p:spPr>
        <p:txBody>
          <a:bodyPr wrap="square" rtlCol="0">
            <a:spAutoFit/>
          </a:bodyPr>
          <a:lstStyle/>
          <a:p>
            <a:pPr algn="ctr"/>
            <a:r>
              <a:rPr lang="en-US" sz="1200" i="1" spc="100">
                <a:solidFill>
                  <a:schemeClr val="accent4">
                    <a:lumMod val="75000"/>
                  </a:schemeClr>
                </a:solidFill>
              </a:rPr>
              <a:t>Kanban</a:t>
            </a:r>
            <a:endParaRPr lang="en-US" sz="1200" i="1">
              <a:solidFill>
                <a:schemeClr val="accent4">
                  <a:lumMod val="75000"/>
                </a:schemeClr>
              </a:solidFill>
            </a:endParaRPr>
          </a:p>
        </p:txBody>
      </p:sp>
      <p:sp>
        <p:nvSpPr>
          <p:cNvPr id="2" name="Title 1">
            <a:extLst>
              <a:ext uri="{FF2B5EF4-FFF2-40B4-BE49-F238E27FC236}">
                <a16:creationId xmlns:a16="http://schemas.microsoft.com/office/drawing/2014/main" id="{2A0A325B-EA19-484A-8643-3171B5A754A3}"/>
              </a:ext>
            </a:extLst>
          </p:cNvPr>
          <p:cNvSpPr>
            <a:spLocks noGrp="1"/>
          </p:cNvSpPr>
          <p:nvPr>
            <p:ph type="title"/>
          </p:nvPr>
        </p:nvSpPr>
        <p:spPr/>
        <p:txBody>
          <a:bodyPr/>
          <a:lstStyle/>
          <a:p>
            <a:r>
              <a:rPr lang="en-US" dirty="0"/>
              <a:t>GOVERNANCE</a:t>
            </a:r>
          </a:p>
        </p:txBody>
      </p:sp>
      <p:sp>
        <p:nvSpPr>
          <p:cNvPr id="3" name="Slide Number Placeholder 2">
            <a:extLst>
              <a:ext uri="{FF2B5EF4-FFF2-40B4-BE49-F238E27FC236}">
                <a16:creationId xmlns:a16="http://schemas.microsoft.com/office/drawing/2014/main" id="{024486DD-EC6E-C64A-BFFF-462985D0E53D}"/>
              </a:ext>
            </a:extLst>
          </p:cNvPr>
          <p:cNvSpPr>
            <a:spLocks noGrp="1"/>
          </p:cNvSpPr>
          <p:nvPr>
            <p:ph type="sldNum" sz="quarter" idx="4"/>
          </p:nvPr>
        </p:nvSpPr>
        <p:spPr/>
        <p:txBody>
          <a:bodyPr/>
          <a:lstStyle/>
          <a:p>
            <a:fld id="{742ED878-647B-DB4D-84DF-0BCCAF9DD0BF}" type="slidenum">
              <a:rPr lang="en-US" smtClean="0"/>
              <a:pPr/>
              <a:t>12</a:t>
            </a:fld>
            <a:endParaRPr lang="en-US" dirty="0"/>
          </a:p>
        </p:txBody>
      </p:sp>
    </p:spTree>
    <p:extLst>
      <p:ext uri="{BB962C8B-B14F-4D97-AF65-F5344CB8AC3E}">
        <p14:creationId xmlns:p14="http://schemas.microsoft.com/office/powerpoint/2010/main" val="13639475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26" name="Straight Connector 25"/>
          <p:cNvCxnSpPr/>
          <p:nvPr/>
        </p:nvCxnSpPr>
        <p:spPr>
          <a:xfrm>
            <a:off x="3145021" y="4949876"/>
            <a:ext cx="0" cy="1545130"/>
          </a:xfrm>
          <a:prstGeom prst="line">
            <a:avLst/>
          </a:prstGeom>
          <a:ln w="12700">
            <a:solidFill>
              <a:schemeClr val="accent4">
                <a:lumMod val="60000"/>
                <a:lumOff val="40000"/>
              </a:schemeClr>
            </a:solidFill>
            <a:headEnd type="none"/>
            <a:tailEnd type="none"/>
          </a:ln>
          <a:effectLst/>
        </p:spPr>
        <p:style>
          <a:lnRef idx="2">
            <a:schemeClr val="accent1"/>
          </a:lnRef>
          <a:fillRef idx="0">
            <a:schemeClr val="accent1"/>
          </a:fillRef>
          <a:effectRef idx="1">
            <a:schemeClr val="accent1"/>
          </a:effectRef>
          <a:fontRef idx="minor">
            <a:schemeClr val="tx1"/>
          </a:fontRef>
        </p:style>
      </p:cxnSp>
      <p:sp>
        <p:nvSpPr>
          <p:cNvPr id="27" name="TextBox 26"/>
          <p:cNvSpPr txBox="1"/>
          <p:nvPr/>
        </p:nvSpPr>
        <p:spPr>
          <a:xfrm>
            <a:off x="1129987" y="4904635"/>
            <a:ext cx="1986458" cy="1585049"/>
          </a:xfrm>
          <a:prstGeom prst="rect">
            <a:avLst/>
          </a:prstGeom>
          <a:noFill/>
        </p:spPr>
        <p:txBody>
          <a:bodyPr wrap="square" rtlCol="0">
            <a:spAutoFit/>
          </a:bodyPr>
          <a:lstStyle/>
          <a:p>
            <a:pPr algn="r">
              <a:spcAft>
                <a:spcPts val="400"/>
              </a:spcAft>
            </a:pPr>
            <a:r>
              <a:rPr lang="en-US" sz="1100" i="1" dirty="0">
                <a:solidFill>
                  <a:schemeClr val="accent4">
                    <a:lumMod val="75000"/>
                  </a:schemeClr>
                </a:solidFill>
                <a:ea typeface="Aleo" charset="0"/>
                <a:cs typeface="Aleo" charset="0"/>
              </a:rPr>
              <a:t>Backlog Size</a:t>
            </a:r>
          </a:p>
          <a:p>
            <a:pPr algn="r">
              <a:spcAft>
                <a:spcPts val="400"/>
              </a:spcAft>
            </a:pPr>
            <a:r>
              <a:rPr lang="en-US" sz="1100" i="1" dirty="0">
                <a:solidFill>
                  <a:schemeClr val="accent4">
                    <a:lumMod val="75000"/>
                  </a:schemeClr>
                </a:solidFill>
                <a:ea typeface="Aleo" charset="0"/>
                <a:cs typeface="Aleo" charset="0"/>
              </a:rPr>
              <a:t>Velocity</a:t>
            </a:r>
          </a:p>
          <a:p>
            <a:pPr algn="r">
              <a:spcAft>
                <a:spcPts val="400"/>
              </a:spcAft>
            </a:pPr>
            <a:r>
              <a:rPr lang="en-US" sz="1100" i="1" dirty="0">
                <a:solidFill>
                  <a:schemeClr val="accent4">
                    <a:lumMod val="75000"/>
                  </a:schemeClr>
                </a:solidFill>
                <a:ea typeface="Aleo" charset="0"/>
                <a:cs typeface="Aleo" charset="0"/>
              </a:rPr>
              <a:t>Burndown</a:t>
            </a:r>
          </a:p>
          <a:p>
            <a:pPr algn="r">
              <a:spcAft>
                <a:spcPts val="400"/>
              </a:spcAft>
            </a:pPr>
            <a:r>
              <a:rPr lang="en-US" sz="1100" i="1" dirty="0">
                <a:solidFill>
                  <a:schemeClr val="accent4">
                    <a:lumMod val="75000"/>
                  </a:schemeClr>
                </a:solidFill>
                <a:ea typeface="Aleo" charset="0"/>
                <a:cs typeface="Aleo" charset="0"/>
              </a:rPr>
              <a:t>Escaped Defects</a:t>
            </a:r>
          </a:p>
          <a:p>
            <a:pPr algn="r">
              <a:spcAft>
                <a:spcPts val="400"/>
              </a:spcAft>
            </a:pPr>
            <a:r>
              <a:rPr lang="en-US" sz="1100" i="1" dirty="0">
                <a:solidFill>
                  <a:schemeClr val="accent4">
                    <a:lumMod val="75000"/>
                  </a:schemeClr>
                </a:solidFill>
                <a:ea typeface="Aleo" charset="0"/>
                <a:cs typeface="Aleo" charset="0"/>
              </a:rPr>
              <a:t>Commit %</a:t>
            </a:r>
          </a:p>
          <a:p>
            <a:pPr algn="r">
              <a:spcAft>
                <a:spcPts val="400"/>
              </a:spcAft>
            </a:pPr>
            <a:r>
              <a:rPr lang="en-US" sz="1100" i="1" dirty="0">
                <a:solidFill>
                  <a:schemeClr val="accent4">
                    <a:lumMod val="75000"/>
                  </a:schemeClr>
                </a:solidFill>
                <a:ea typeface="Aleo" charset="0"/>
                <a:cs typeface="Aleo" charset="0"/>
              </a:rPr>
              <a:t>Acceptance % Ratio</a:t>
            </a:r>
          </a:p>
          <a:p>
            <a:pPr algn="r">
              <a:spcAft>
                <a:spcPts val="400"/>
              </a:spcAft>
            </a:pPr>
            <a:r>
              <a:rPr lang="en-US" sz="1100" i="1" dirty="0">
                <a:solidFill>
                  <a:schemeClr val="accent4">
                    <a:lumMod val="75000"/>
                  </a:schemeClr>
                </a:solidFill>
                <a:ea typeface="Aleo" charset="0"/>
                <a:cs typeface="Aleo" charset="0"/>
              </a:rPr>
              <a:t>Scope Change</a:t>
            </a:r>
          </a:p>
        </p:txBody>
      </p:sp>
      <p:grpSp>
        <p:nvGrpSpPr>
          <p:cNvPr id="10" name="Group 9"/>
          <p:cNvGrpSpPr/>
          <p:nvPr/>
        </p:nvGrpSpPr>
        <p:grpSpPr>
          <a:xfrm>
            <a:off x="8325465" y="2868675"/>
            <a:ext cx="1359063" cy="627345"/>
            <a:chOff x="213518" y="4388021"/>
            <a:chExt cx="1988992" cy="675860"/>
          </a:xfrm>
        </p:grpSpPr>
        <p:sp>
          <p:nvSpPr>
            <p:cNvPr id="11" name="Rounded Rectangle 10"/>
            <p:cNvSpPr/>
            <p:nvPr/>
          </p:nvSpPr>
          <p:spPr>
            <a:xfrm>
              <a:off x="286245" y="4388021"/>
              <a:ext cx="1916265" cy="675860"/>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200" spc="100">
                  <a:latin typeface="+mj-lt"/>
                </a:rPr>
                <a:t>PROGRAM TEAMS</a:t>
              </a:r>
            </a:p>
          </p:txBody>
        </p:sp>
        <p:sp>
          <p:nvSpPr>
            <p:cNvPr id="12" name="Rectangle 11"/>
            <p:cNvSpPr/>
            <p:nvPr/>
          </p:nvSpPr>
          <p:spPr>
            <a:xfrm rot="2651710">
              <a:off x="213518" y="4642603"/>
              <a:ext cx="307792" cy="226576"/>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grpSp>
      <p:grpSp>
        <p:nvGrpSpPr>
          <p:cNvPr id="13" name="Group 12"/>
          <p:cNvGrpSpPr/>
          <p:nvPr/>
        </p:nvGrpSpPr>
        <p:grpSpPr>
          <a:xfrm>
            <a:off x="3894923" y="1657239"/>
            <a:ext cx="1495830" cy="627345"/>
            <a:chOff x="286245" y="4388021"/>
            <a:chExt cx="1980979" cy="675860"/>
          </a:xfrm>
        </p:grpSpPr>
        <p:sp>
          <p:nvSpPr>
            <p:cNvPr id="14" name="Rounded Rectangle 13"/>
            <p:cNvSpPr/>
            <p:nvPr/>
          </p:nvSpPr>
          <p:spPr>
            <a:xfrm>
              <a:off x="286245" y="4388021"/>
              <a:ext cx="1916266" cy="675860"/>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200" spc="100">
                  <a:latin typeface="+mj-lt"/>
                </a:rPr>
                <a:t>PORTFOLIO TEAMS</a:t>
              </a:r>
            </a:p>
          </p:txBody>
        </p:sp>
        <p:sp>
          <p:nvSpPr>
            <p:cNvPr id="15" name="Rectangle 14"/>
            <p:cNvSpPr/>
            <p:nvPr/>
          </p:nvSpPr>
          <p:spPr>
            <a:xfrm rot="2651710">
              <a:off x="2060491" y="4631638"/>
              <a:ext cx="206733" cy="206733"/>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grpSp>
      <p:grpSp>
        <p:nvGrpSpPr>
          <p:cNvPr id="16" name="Group 15"/>
          <p:cNvGrpSpPr/>
          <p:nvPr/>
        </p:nvGrpSpPr>
        <p:grpSpPr>
          <a:xfrm>
            <a:off x="2295291" y="3967461"/>
            <a:ext cx="1531068" cy="566826"/>
            <a:chOff x="734999" y="4459158"/>
            <a:chExt cx="1501164" cy="610661"/>
          </a:xfrm>
        </p:grpSpPr>
        <p:sp>
          <p:nvSpPr>
            <p:cNvPr id="17" name="Rectangle 16"/>
            <p:cNvSpPr/>
            <p:nvPr/>
          </p:nvSpPr>
          <p:spPr>
            <a:xfrm rot="2651710">
              <a:off x="2029430" y="4661122"/>
              <a:ext cx="206733" cy="206733"/>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18" name="Rounded Rectangle 17"/>
            <p:cNvSpPr/>
            <p:nvPr/>
          </p:nvSpPr>
          <p:spPr>
            <a:xfrm>
              <a:off x="734999" y="4459158"/>
              <a:ext cx="1460506" cy="610661"/>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200" spc="100">
                  <a:latin typeface="+mj-lt"/>
                </a:rPr>
                <a:t>DELIVERY TEAMS</a:t>
              </a:r>
            </a:p>
          </p:txBody>
        </p:sp>
      </p:grpSp>
      <p:pic>
        <p:nvPicPr>
          <p:cNvPr id="19" name="Picture 18"/>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3255998" y="1743432"/>
            <a:ext cx="5606552" cy="3902659"/>
          </a:xfrm>
          <a:prstGeom prst="rect">
            <a:avLst/>
          </a:prstGeom>
        </p:spPr>
      </p:pic>
      <p:sp>
        <p:nvSpPr>
          <p:cNvPr id="24" name="TextBox 23"/>
          <p:cNvSpPr txBox="1"/>
          <p:nvPr/>
        </p:nvSpPr>
        <p:spPr>
          <a:xfrm>
            <a:off x="2276766" y="4536919"/>
            <a:ext cx="1526650" cy="276999"/>
          </a:xfrm>
          <a:prstGeom prst="rect">
            <a:avLst/>
          </a:prstGeom>
          <a:noFill/>
        </p:spPr>
        <p:txBody>
          <a:bodyPr wrap="square" rtlCol="0">
            <a:spAutoFit/>
          </a:bodyPr>
          <a:lstStyle/>
          <a:p>
            <a:pPr algn="ctr"/>
            <a:r>
              <a:rPr lang="en-US" sz="1200" i="1" spc="100">
                <a:solidFill>
                  <a:schemeClr val="accent4">
                    <a:lumMod val="75000"/>
                  </a:schemeClr>
                </a:solidFill>
              </a:rPr>
              <a:t>Scrum</a:t>
            </a:r>
            <a:endParaRPr lang="en-US" sz="1200" i="1">
              <a:solidFill>
                <a:schemeClr val="accent4">
                  <a:lumMod val="75000"/>
                </a:schemeClr>
              </a:solidFill>
            </a:endParaRPr>
          </a:p>
        </p:txBody>
      </p:sp>
      <p:sp>
        <p:nvSpPr>
          <p:cNvPr id="25" name="TextBox 24"/>
          <p:cNvSpPr txBox="1"/>
          <p:nvPr/>
        </p:nvSpPr>
        <p:spPr>
          <a:xfrm>
            <a:off x="8266515" y="3496020"/>
            <a:ext cx="1526650" cy="276999"/>
          </a:xfrm>
          <a:prstGeom prst="rect">
            <a:avLst/>
          </a:prstGeom>
          <a:noFill/>
        </p:spPr>
        <p:txBody>
          <a:bodyPr wrap="square" rtlCol="0">
            <a:spAutoFit/>
          </a:bodyPr>
          <a:lstStyle/>
          <a:p>
            <a:pPr algn="ctr"/>
            <a:r>
              <a:rPr lang="en-US" sz="1200" i="1" spc="100">
                <a:solidFill>
                  <a:schemeClr val="accent4">
                    <a:lumMod val="75000"/>
                  </a:schemeClr>
                </a:solidFill>
              </a:rPr>
              <a:t>Kanban</a:t>
            </a:r>
            <a:endParaRPr lang="en-US" sz="1200" i="1">
              <a:solidFill>
                <a:schemeClr val="accent4">
                  <a:lumMod val="75000"/>
                </a:schemeClr>
              </a:solidFill>
            </a:endParaRPr>
          </a:p>
        </p:txBody>
      </p:sp>
      <p:sp>
        <p:nvSpPr>
          <p:cNvPr id="29" name="TextBox 28"/>
          <p:cNvSpPr txBox="1"/>
          <p:nvPr/>
        </p:nvSpPr>
        <p:spPr>
          <a:xfrm>
            <a:off x="3849251" y="2287213"/>
            <a:ext cx="1526650" cy="276999"/>
          </a:xfrm>
          <a:prstGeom prst="rect">
            <a:avLst/>
          </a:prstGeom>
          <a:noFill/>
        </p:spPr>
        <p:txBody>
          <a:bodyPr wrap="square" rtlCol="0">
            <a:spAutoFit/>
          </a:bodyPr>
          <a:lstStyle/>
          <a:p>
            <a:pPr algn="ctr"/>
            <a:r>
              <a:rPr lang="en-US" sz="1200" i="1" spc="100">
                <a:solidFill>
                  <a:schemeClr val="accent4">
                    <a:lumMod val="75000"/>
                  </a:schemeClr>
                </a:solidFill>
              </a:rPr>
              <a:t>Kanban</a:t>
            </a:r>
            <a:endParaRPr lang="en-US" sz="1200" i="1">
              <a:solidFill>
                <a:schemeClr val="accent4">
                  <a:lumMod val="75000"/>
                </a:schemeClr>
              </a:solidFill>
            </a:endParaRPr>
          </a:p>
        </p:txBody>
      </p:sp>
      <p:cxnSp>
        <p:nvCxnSpPr>
          <p:cNvPr id="20" name="Straight Connector 19"/>
          <p:cNvCxnSpPr/>
          <p:nvPr/>
        </p:nvCxnSpPr>
        <p:spPr>
          <a:xfrm>
            <a:off x="8791574" y="3841718"/>
            <a:ext cx="0" cy="611527"/>
          </a:xfrm>
          <a:prstGeom prst="line">
            <a:avLst/>
          </a:prstGeom>
          <a:ln w="12700">
            <a:solidFill>
              <a:schemeClr val="accent4">
                <a:lumMod val="60000"/>
                <a:lumOff val="40000"/>
              </a:schemeClr>
            </a:solidFill>
            <a:headEnd type="none"/>
            <a:tailEnd type="none"/>
          </a:ln>
          <a:effectLst/>
        </p:spPr>
        <p:style>
          <a:lnRef idx="2">
            <a:schemeClr val="accent1"/>
          </a:lnRef>
          <a:fillRef idx="0">
            <a:schemeClr val="accent1"/>
          </a:fillRef>
          <a:effectRef idx="1">
            <a:schemeClr val="accent1"/>
          </a:effectRef>
          <a:fontRef idx="minor">
            <a:schemeClr val="tx1"/>
          </a:fontRef>
        </p:style>
      </p:cxnSp>
      <p:sp>
        <p:nvSpPr>
          <p:cNvPr id="21" name="TextBox 20"/>
          <p:cNvSpPr txBox="1"/>
          <p:nvPr/>
        </p:nvSpPr>
        <p:spPr>
          <a:xfrm>
            <a:off x="8836195" y="3773016"/>
            <a:ext cx="1986458" cy="702756"/>
          </a:xfrm>
          <a:prstGeom prst="rect">
            <a:avLst/>
          </a:prstGeom>
          <a:noFill/>
        </p:spPr>
        <p:txBody>
          <a:bodyPr wrap="square" rtlCol="0">
            <a:spAutoFit/>
          </a:bodyPr>
          <a:lstStyle/>
          <a:p>
            <a:pPr>
              <a:spcAft>
                <a:spcPts val="400"/>
              </a:spcAft>
            </a:pPr>
            <a:r>
              <a:rPr lang="en-US" sz="1100" i="1" dirty="0">
                <a:solidFill>
                  <a:schemeClr val="accent4">
                    <a:lumMod val="75000"/>
                  </a:schemeClr>
                </a:solidFill>
                <a:ea typeface="Aleo" charset="0"/>
                <a:cs typeface="Aleo" charset="0"/>
              </a:rPr>
              <a:t>Cycle Time</a:t>
            </a:r>
          </a:p>
          <a:p>
            <a:pPr>
              <a:spcAft>
                <a:spcPts val="400"/>
              </a:spcAft>
            </a:pPr>
            <a:r>
              <a:rPr lang="en-US" sz="1100" i="1" dirty="0">
                <a:solidFill>
                  <a:schemeClr val="accent4">
                    <a:lumMod val="75000"/>
                  </a:schemeClr>
                </a:solidFill>
                <a:ea typeface="Aleo" charset="0"/>
                <a:cs typeface="Aleo" charset="0"/>
              </a:rPr>
              <a:t>Features Blocked</a:t>
            </a:r>
          </a:p>
          <a:p>
            <a:pPr>
              <a:spcAft>
                <a:spcPts val="400"/>
              </a:spcAft>
            </a:pPr>
            <a:r>
              <a:rPr lang="en-US" sz="1100" i="1" dirty="0">
                <a:solidFill>
                  <a:schemeClr val="accent4">
                    <a:lumMod val="75000"/>
                  </a:schemeClr>
                </a:solidFill>
                <a:ea typeface="Aleo" charset="0"/>
                <a:cs typeface="Aleo" charset="0"/>
              </a:rPr>
              <a:t>Rework/Defects</a:t>
            </a:r>
          </a:p>
        </p:txBody>
      </p:sp>
      <p:cxnSp>
        <p:nvCxnSpPr>
          <p:cNvPr id="22" name="Straight Connector 21"/>
          <p:cNvCxnSpPr/>
          <p:nvPr/>
        </p:nvCxnSpPr>
        <p:spPr>
          <a:xfrm>
            <a:off x="3757013" y="1595031"/>
            <a:ext cx="0" cy="668988"/>
          </a:xfrm>
          <a:prstGeom prst="line">
            <a:avLst/>
          </a:prstGeom>
          <a:ln w="12700">
            <a:solidFill>
              <a:schemeClr val="accent4">
                <a:lumMod val="60000"/>
                <a:lumOff val="40000"/>
              </a:schemeClr>
            </a:solidFill>
            <a:headEnd type="none"/>
            <a:tailEnd type="none"/>
          </a:ln>
          <a:effectLst/>
        </p:spPr>
        <p:style>
          <a:lnRef idx="2">
            <a:schemeClr val="accent1"/>
          </a:lnRef>
          <a:fillRef idx="0">
            <a:schemeClr val="accent1"/>
          </a:fillRef>
          <a:effectRef idx="1">
            <a:schemeClr val="accent1"/>
          </a:effectRef>
          <a:fontRef idx="minor">
            <a:schemeClr val="tx1"/>
          </a:fontRef>
        </p:style>
      </p:cxnSp>
      <p:sp>
        <p:nvSpPr>
          <p:cNvPr id="23" name="TextBox 22"/>
          <p:cNvSpPr txBox="1"/>
          <p:nvPr/>
        </p:nvSpPr>
        <p:spPr>
          <a:xfrm>
            <a:off x="1740551" y="1557960"/>
            <a:ext cx="1986458" cy="702756"/>
          </a:xfrm>
          <a:prstGeom prst="rect">
            <a:avLst/>
          </a:prstGeom>
          <a:noFill/>
        </p:spPr>
        <p:txBody>
          <a:bodyPr wrap="square" rtlCol="0">
            <a:spAutoFit/>
          </a:bodyPr>
          <a:lstStyle/>
          <a:p>
            <a:pPr algn="r">
              <a:spcAft>
                <a:spcPts val="400"/>
              </a:spcAft>
            </a:pPr>
            <a:r>
              <a:rPr lang="en-US" sz="1100" i="1" dirty="0">
                <a:solidFill>
                  <a:schemeClr val="accent4">
                    <a:lumMod val="75000"/>
                  </a:schemeClr>
                </a:solidFill>
                <a:ea typeface="Aleo" charset="0"/>
                <a:cs typeface="Aleo" charset="0"/>
              </a:rPr>
              <a:t>Cycle Time</a:t>
            </a:r>
          </a:p>
          <a:p>
            <a:pPr algn="r">
              <a:spcAft>
                <a:spcPts val="400"/>
              </a:spcAft>
            </a:pPr>
            <a:r>
              <a:rPr lang="en-US" sz="1100" i="1" dirty="0">
                <a:solidFill>
                  <a:schemeClr val="accent4">
                    <a:lumMod val="75000"/>
                  </a:schemeClr>
                </a:solidFill>
                <a:ea typeface="Aleo" charset="0"/>
                <a:cs typeface="Aleo" charset="0"/>
              </a:rPr>
              <a:t>Time/Cost/Scope/Value</a:t>
            </a:r>
          </a:p>
          <a:p>
            <a:pPr algn="r">
              <a:spcAft>
                <a:spcPts val="400"/>
              </a:spcAft>
            </a:pPr>
            <a:r>
              <a:rPr lang="en-US" sz="1100" i="1" dirty="0">
                <a:solidFill>
                  <a:schemeClr val="accent4">
                    <a:lumMod val="75000"/>
                  </a:schemeClr>
                </a:solidFill>
                <a:ea typeface="Aleo" charset="0"/>
                <a:cs typeface="Aleo" charset="0"/>
              </a:rPr>
              <a:t>ROI/Capitalization</a:t>
            </a:r>
          </a:p>
        </p:txBody>
      </p:sp>
      <p:sp>
        <p:nvSpPr>
          <p:cNvPr id="2" name="Title 1">
            <a:extLst>
              <a:ext uri="{FF2B5EF4-FFF2-40B4-BE49-F238E27FC236}">
                <a16:creationId xmlns:a16="http://schemas.microsoft.com/office/drawing/2014/main" id="{4DA45890-6294-C64E-9D8D-21BE3ECF98BD}"/>
              </a:ext>
            </a:extLst>
          </p:cNvPr>
          <p:cNvSpPr>
            <a:spLocks noGrp="1"/>
          </p:cNvSpPr>
          <p:nvPr>
            <p:ph type="title"/>
          </p:nvPr>
        </p:nvSpPr>
        <p:spPr/>
        <p:txBody>
          <a:bodyPr/>
          <a:lstStyle/>
          <a:p>
            <a:r>
              <a:rPr lang="en-US" dirty="0"/>
              <a:t>METRICS</a:t>
            </a:r>
          </a:p>
        </p:txBody>
      </p:sp>
      <p:sp>
        <p:nvSpPr>
          <p:cNvPr id="3" name="Slide Number Placeholder 2">
            <a:extLst>
              <a:ext uri="{FF2B5EF4-FFF2-40B4-BE49-F238E27FC236}">
                <a16:creationId xmlns:a16="http://schemas.microsoft.com/office/drawing/2014/main" id="{4052377F-367A-7642-AA49-92C1B7B5A04E}"/>
              </a:ext>
            </a:extLst>
          </p:cNvPr>
          <p:cNvSpPr>
            <a:spLocks noGrp="1"/>
          </p:cNvSpPr>
          <p:nvPr>
            <p:ph type="sldNum" sz="quarter" idx="4"/>
          </p:nvPr>
        </p:nvSpPr>
        <p:spPr/>
        <p:txBody>
          <a:bodyPr/>
          <a:lstStyle/>
          <a:p>
            <a:fld id="{742ED878-647B-DB4D-84DF-0BCCAF9DD0BF}" type="slidenum">
              <a:rPr lang="en-US" smtClean="0"/>
              <a:pPr/>
              <a:t>13</a:t>
            </a:fld>
            <a:endParaRPr lang="en-US" dirty="0"/>
          </a:p>
        </p:txBody>
      </p:sp>
    </p:spTree>
    <p:extLst>
      <p:ext uri="{BB962C8B-B14F-4D97-AF65-F5344CB8AC3E}">
        <p14:creationId xmlns:p14="http://schemas.microsoft.com/office/powerpoint/2010/main" val="882488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525E27-3821-0147-ABF8-8C1D51C276E8}"/>
              </a:ext>
            </a:extLst>
          </p:cNvPr>
          <p:cNvSpPr>
            <a:spLocks noGrp="1"/>
          </p:cNvSpPr>
          <p:nvPr>
            <p:ph type="ctrTitle"/>
          </p:nvPr>
        </p:nvSpPr>
        <p:spPr>
          <a:xfrm>
            <a:off x="3575304" y="1636776"/>
            <a:ext cx="5038344" cy="1792224"/>
          </a:xfrm>
        </p:spPr>
        <p:txBody>
          <a:bodyPr/>
          <a:lstStyle/>
          <a:p>
            <a:r>
              <a:rPr lang="en-US" dirty="0"/>
              <a:t>GOVERNANCE FLOW</a:t>
            </a:r>
          </a:p>
        </p:txBody>
      </p:sp>
      <p:sp>
        <p:nvSpPr>
          <p:cNvPr id="3" name="Subtitle 2">
            <a:extLst>
              <a:ext uri="{FF2B5EF4-FFF2-40B4-BE49-F238E27FC236}">
                <a16:creationId xmlns:a16="http://schemas.microsoft.com/office/drawing/2014/main" id="{6795589A-AA53-A242-B0DB-5C8ADC177C67}"/>
              </a:ext>
            </a:extLst>
          </p:cNvPr>
          <p:cNvSpPr>
            <a:spLocks noGrp="1"/>
          </p:cNvSpPr>
          <p:nvPr>
            <p:ph type="subTitle" idx="1"/>
          </p:nvPr>
        </p:nvSpPr>
        <p:spPr>
          <a:xfrm>
            <a:off x="4105656" y="4078224"/>
            <a:ext cx="3986784" cy="475488"/>
          </a:xfrm>
        </p:spPr>
        <p:txBody>
          <a:bodyPr/>
          <a:lstStyle/>
          <a:p>
            <a:r>
              <a:rPr lang="en-US" dirty="0"/>
              <a:t>Moving work through the system of delivery</a:t>
            </a:r>
          </a:p>
        </p:txBody>
      </p:sp>
    </p:spTree>
    <p:extLst>
      <p:ext uri="{BB962C8B-B14F-4D97-AF65-F5344CB8AC3E}">
        <p14:creationId xmlns:p14="http://schemas.microsoft.com/office/powerpoint/2010/main" val="41155440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 name="Rectangle 26">
            <a:extLst>
              <a:ext uri="{FF2B5EF4-FFF2-40B4-BE49-F238E27FC236}">
                <a16:creationId xmlns:a16="http://schemas.microsoft.com/office/drawing/2014/main" id="{12CB215C-C4AD-C744-BCC3-A38288416E06}"/>
              </a:ext>
            </a:extLst>
          </p:cNvPr>
          <p:cNvSpPr/>
          <p:nvPr/>
        </p:nvSpPr>
        <p:spPr>
          <a:xfrm>
            <a:off x="8043952" y="4215834"/>
            <a:ext cx="2103120" cy="2545203"/>
          </a:xfrm>
          <a:prstGeom prst="rect">
            <a:avLst/>
          </a:prstGeom>
          <a:solidFill>
            <a:schemeClr val="accent6"/>
          </a:solidFill>
          <a:ln>
            <a:noFill/>
          </a:ln>
          <a:effectLst>
            <a:outerShdw blurRad="50800" dist="38100" algn="l" rotWithShape="0">
              <a:prstClr val="black">
                <a:alpha val="40000"/>
              </a:prstClr>
            </a:outerShdw>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24" name="Rectangle 23">
            <a:extLst>
              <a:ext uri="{FF2B5EF4-FFF2-40B4-BE49-F238E27FC236}">
                <a16:creationId xmlns:a16="http://schemas.microsoft.com/office/drawing/2014/main" id="{47D1FCAF-A5B6-C445-8FF6-B7888DAF48E0}"/>
              </a:ext>
            </a:extLst>
          </p:cNvPr>
          <p:cNvSpPr/>
          <p:nvPr/>
        </p:nvSpPr>
        <p:spPr>
          <a:xfrm>
            <a:off x="5976816" y="3790829"/>
            <a:ext cx="2103120" cy="2970208"/>
          </a:xfrm>
          <a:prstGeom prst="rect">
            <a:avLst/>
          </a:prstGeom>
          <a:solidFill>
            <a:schemeClr val="accent4">
              <a:lumMod val="50000"/>
            </a:schemeClr>
          </a:solidFill>
          <a:ln>
            <a:noFill/>
          </a:ln>
          <a:effectLst>
            <a:outerShdw blurRad="50800" dist="38100" algn="l" rotWithShape="0">
              <a:prstClr val="black">
                <a:alpha val="40000"/>
              </a:prstClr>
            </a:outerShdw>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21" name="Rectangle 20">
            <a:extLst>
              <a:ext uri="{FF2B5EF4-FFF2-40B4-BE49-F238E27FC236}">
                <a16:creationId xmlns:a16="http://schemas.microsoft.com/office/drawing/2014/main" id="{FF454C77-839E-0640-81CE-1B60008017BF}"/>
              </a:ext>
            </a:extLst>
          </p:cNvPr>
          <p:cNvSpPr/>
          <p:nvPr/>
        </p:nvSpPr>
        <p:spPr>
          <a:xfrm>
            <a:off x="3888568" y="3379325"/>
            <a:ext cx="2103120" cy="3381712"/>
          </a:xfrm>
          <a:prstGeom prst="rect">
            <a:avLst/>
          </a:prstGeom>
          <a:solidFill>
            <a:schemeClr val="accent1">
              <a:lumMod val="75000"/>
            </a:schemeClr>
          </a:solidFill>
          <a:ln>
            <a:noFill/>
          </a:ln>
          <a:effectLst>
            <a:outerShdw blurRad="50800" dist="38100" algn="l" rotWithShape="0">
              <a:prstClr val="black">
                <a:alpha val="40000"/>
              </a:prstClr>
            </a:outerShdw>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8" name="Rectangle 7">
            <a:extLst>
              <a:ext uri="{FF2B5EF4-FFF2-40B4-BE49-F238E27FC236}">
                <a16:creationId xmlns:a16="http://schemas.microsoft.com/office/drawing/2014/main" id="{D82AD7E3-D38A-8F40-A9D2-A6149209334A}"/>
              </a:ext>
            </a:extLst>
          </p:cNvPr>
          <p:cNvSpPr/>
          <p:nvPr/>
        </p:nvSpPr>
        <p:spPr>
          <a:xfrm>
            <a:off x="1821432" y="2955478"/>
            <a:ext cx="2103120" cy="3805559"/>
          </a:xfrm>
          <a:prstGeom prst="rect">
            <a:avLst/>
          </a:prstGeom>
          <a:solidFill>
            <a:schemeClr val="accent1"/>
          </a:solidFill>
          <a:ln>
            <a:noFill/>
          </a:ln>
          <a:effectLst>
            <a:outerShdw blurRad="50800" dist="38100" algn="l" rotWithShape="0">
              <a:prstClr val="black">
                <a:alpha val="40000"/>
              </a:prstClr>
            </a:outerShdw>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3" name="Content Placeholder 2"/>
          <p:cNvSpPr>
            <a:spLocks noGrp="1"/>
          </p:cNvSpPr>
          <p:nvPr>
            <p:ph idx="1"/>
          </p:nvPr>
        </p:nvSpPr>
        <p:spPr>
          <a:xfrm>
            <a:off x="1703350" y="1599111"/>
            <a:ext cx="9468234" cy="1126746"/>
          </a:xfrm>
        </p:spPr>
        <p:txBody>
          <a:bodyPr/>
          <a:lstStyle/>
          <a:p>
            <a:r>
              <a:rPr lang="en-US" sz="1800" dirty="0">
                <a:solidFill>
                  <a:schemeClr val="accent4">
                    <a:lumMod val="50000"/>
                  </a:schemeClr>
                </a:solidFill>
              </a:rPr>
              <a:t>Governance is the method for planning, coordinating and tracking requirements to manage the flow of work. Agile requirements are progressively elaborated from Initiatives to Epics to Features and finally Stories.</a:t>
            </a:r>
          </a:p>
        </p:txBody>
      </p:sp>
      <p:sp>
        <p:nvSpPr>
          <p:cNvPr id="2" name="Title 1"/>
          <p:cNvSpPr>
            <a:spLocks noGrp="1"/>
          </p:cNvSpPr>
          <p:nvPr>
            <p:ph type="title"/>
          </p:nvPr>
        </p:nvSpPr>
        <p:spPr/>
        <p:txBody>
          <a:bodyPr/>
          <a:lstStyle/>
          <a:p>
            <a:r>
              <a:rPr lang="en-US" dirty="0"/>
              <a:t>Governance</a:t>
            </a:r>
          </a:p>
        </p:txBody>
      </p:sp>
      <p:sp>
        <p:nvSpPr>
          <p:cNvPr id="12" name="TextBox 11"/>
          <p:cNvSpPr txBox="1"/>
          <p:nvPr/>
        </p:nvSpPr>
        <p:spPr>
          <a:xfrm>
            <a:off x="1925339" y="3630580"/>
            <a:ext cx="1990860" cy="1277273"/>
          </a:xfrm>
          <a:prstGeom prst="rect">
            <a:avLst/>
          </a:prstGeom>
          <a:noFill/>
        </p:spPr>
        <p:txBody>
          <a:bodyPr wrap="square" rtlCol="0">
            <a:spAutoFit/>
          </a:bodyPr>
          <a:lstStyle/>
          <a:p>
            <a:pPr marL="0" marR="0" lvl="0" indent="0" algn="l"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chemeClr val="bg1"/>
                </a:solidFill>
                <a:effectLst/>
                <a:uLnTx/>
                <a:uFillTx/>
                <a:ea typeface="Calibri" charset="0"/>
                <a:cs typeface="Calibri" charset="0"/>
              </a:rPr>
              <a:t>An initiative represents an actionable investment on the </a:t>
            </a:r>
            <a:r>
              <a:rPr kumimoji="0" lang="en-US" sz="1100" b="1" i="0" u="none" strike="noStrike" kern="1200" cap="none" spc="0" normalizeH="0" baseline="0" noProof="0" dirty="0">
                <a:ln>
                  <a:noFill/>
                </a:ln>
                <a:solidFill>
                  <a:schemeClr val="bg1"/>
                </a:solidFill>
                <a:effectLst/>
                <a:uLnTx/>
                <a:uFillTx/>
                <a:ea typeface="Calibri" charset="0"/>
                <a:cs typeface="Calibri" charset="0"/>
              </a:rPr>
              <a:t>Investment Team </a:t>
            </a:r>
            <a:r>
              <a:rPr kumimoji="0" lang="en-US" sz="1100" b="0" i="0" u="none" strike="noStrike" kern="1200" cap="none" spc="0" normalizeH="0" baseline="0" noProof="0" dirty="0">
                <a:ln>
                  <a:noFill/>
                </a:ln>
                <a:solidFill>
                  <a:schemeClr val="bg1"/>
                </a:solidFill>
                <a:effectLst/>
                <a:uLnTx/>
                <a:uFillTx/>
                <a:ea typeface="Calibri" charset="0"/>
                <a:cs typeface="Calibri" charset="0"/>
              </a:rPr>
              <a:t>to achieve a key result aligned to a strategic outcome. An initiative can span multiple portfolios and longer time horizons</a:t>
            </a:r>
            <a:endParaRPr kumimoji="0" lang="en-US" sz="1100" b="0" i="0" u="none" strike="noStrike" kern="1200" cap="none" spc="0" normalizeH="0" baseline="0" noProof="0" dirty="0">
              <a:ln>
                <a:noFill/>
              </a:ln>
              <a:solidFill>
                <a:schemeClr val="bg1"/>
              </a:solidFill>
              <a:effectLst/>
              <a:uLnTx/>
              <a:uFillTx/>
              <a:ea typeface="+mn-ea"/>
              <a:cs typeface="+mn-cs"/>
            </a:endParaRPr>
          </a:p>
        </p:txBody>
      </p:sp>
      <p:sp>
        <p:nvSpPr>
          <p:cNvPr id="15" name="TextBox 14"/>
          <p:cNvSpPr txBox="1"/>
          <p:nvPr/>
        </p:nvSpPr>
        <p:spPr>
          <a:xfrm>
            <a:off x="4016754" y="4005290"/>
            <a:ext cx="1892315" cy="2292935"/>
          </a:xfrm>
          <a:prstGeom prst="rect">
            <a:avLst/>
          </a:prstGeom>
          <a:noFill/>
        </p:spPr>
        <p:txBody>
          <a:bodyPr wrap="square" rtlCol="0">
            <a:spAutoFit/>
          </a:bodyPr>
          <a:lstStyle/>
          <a:p>
            <a:pPr lvl="0"/>
            <a:r>
              <a:rPr lang="en-US" sz="1100" dirty="0">
                <a:solidFill>
                  <a:schemeClr val="bg1"/>
                </a:solidFill>
              </a:rPr>
              <a:t>An epic represents an investment decision on the </a:t>
            </a:r>
            <a:r>
              <a:rPr lang="en-US" sz="1100" b="1" dirty="0">
                <a:solidFill>
                  <a:schemeClr val="bg1"/>
                </a:solidFill>
              </a:rPr>
              <a:t>Portfolio Team, </a:t>
            </a:r>
            <a:r>
              <a:rPr lang="en-US" sz="1100" dirty="0">
                <a:solidFill>
                  <a:schemeClr val="bg1"/>
                </a:solidFill>
              </a:rPr>
              <a:t>aligned with strategic intent to pursue a specific business outcome through a selected solution approach</a:t>
            </a:r>
          </a:p>
          <a:p>
            <a:endParaRPr lang="en-US" sz="1100" dirty="0">
              <a:solidFill>
                <a:schemeClr val="bg1"/>
              </a:solidFill>
            </a:endParaRPr>
          </a:p>
          <a:p>
            <a:r>
              <a:rPr lang="en-US" sz="1100" b="1" dirty="0">
                <a:solidFill>
                  <a:schemeClr val="bg1"/>
                </a:solidFill>
              </a:rPr>
              <a:t>Define the desired outcome (problem)</a:t>
            </a:r>
          </a:p>
          <a:p>
            <a:r>
              <a:rPr lang="en-US" sz="1100" dirty="0">
                <a:solidFill>
                  <a:schemeClr val="bg1"/>
                </a:solidFill>
              </a:rPr>
              <a:t>1-3 months</a:t>
            </a:r>
          </a:p>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dirty="0">
              <a:ln>
                <a:noFill/>
              </a:ln>
              <a:solidFill>
                <a:schemeClr val="bg1"/>
              </a:solidFill>
              <a:effectLst/>
              <a:uLnTx/>
              <a:uFillTx/>
              <a:ea typeface="Calibri" charset="0"/>
              <a:cs typeface="Calibri" charset="0"/>
            </a:endParaRPr>
          </a:p>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dirty="0">
              <a:ln>
                <a:noFill/>
              </a:ln>
              <a:solidFill>
                <a:schemeClr val="bg1"/>
              </a:solidFill>
              <a:effectLst/>
              <a:uLnTx/>
              <a:uFillTx/>
              <a:ea typeface="+mn-ea"/>
              <a:cs typeface="Calibri" charset="0"/>
            </a:endParaRPr>
          </a:p>
        </p:txBody>
      </p:sp>
      <p:sp>
        <p:nvSpPr>
          <p:cNvPr id="16" name="TextBox 15"/>
          <p:cNvSpPr txBox="1"/>
          <p:nvPr/>
        </p:nvSpPr>
        <p:spPr>
          <a:xfrm>
            <a:off x="6120006" y="4373806"/>
            <a:ext cx="1903340" cy="2123658"/>
          </a:xfrm>
          <a:prstGeom prst="rect">
            <a:avLst/>
          </a:prstGeom>
          <a:noFill/>
        </p:spPr>
        <p:txBody>
          <a:bodyPr wrap="square" rtlCol="0">
            <a:spAutoFit/>
          </a:bodyPr>
          <a:lstStyle/>
          <a:p>
            <a:pPr lvl="0"/>
            <a:r>
              <a:rPr lang="en-US" sz="1100" dirty="0">
                <a:solidFill>
                  <a:schemeClr val="bg1"/>
                </a:solidFill>
              </a:rPr>
              <a:t>A feature is an improvement to, or creation of a capability developed by the </a:t>
            </a:r>
            <a:r>
              <a:rPr lang="en-US" sz="1100" b="1" dirty="0">
                <a:solidFill>
                  <a:schemeClr val="bg1"/>
                </a:solidFill>
              </a:rPr>
              <a:t>Product Team,  </a:t>
            </a:r>
            <a:r>
              <a:rPr lang="en-US" sz="1100" dirty="0">
                <a:solidFill>
                  <a:schemeClr val="bg1"/>
                </a:solidFill>
              </a:rPr>
              <a:t>which allows or causes a user to change their behavior, contributing to a business outcome</a:t>
            </a:r>
          </a:p>
          <a:p>
            <a:endParaRPr lang="en-US" sz="1100" dirty="0">
              <a:solidFill>
                <a:schemeClr val="bg1"/>
              </a:solidFill>
              <a:cs typeface="Calibri" charset="0"/>
            </a:endParaRPr>
          </a:p>
          <a:p>
            <a:r>
              <a:rPr lang="en-US" sz="1100" b="1" dirty="0">
                <a:solidFill>
                  <a:schemeClr val="bg1"/>
                </a:solidFill>
                <a:cs typeface="Calibri" charset="0"/>
              </a:rPr>
              <a:t>Define what we will build (solution)</a:t>
            </a:r>
            <a:endParaRPr lang="en-US" sz="1100" dirty="0">
              <a:solidFill>
                <a:schemeClr val="bg1"/>
              </a:solidFill>
              <a:cs typeface="Calibri" charset="0"/>
            </a:endParaRPr>
          </a:p>
          <a:p>
            <a:r>
              <a:rPr lang="en-US" sz="1100" dirty="0">
                <a:solidFill>
                  <a:schemeClr val="bg1"/>
                </a:solidFill>
                <a:cs typeface="Calibri" charset="0"/>
              </a:rPr>
              <a:t>1-3 sprints</a:t>
            </a:r>
          </a:p>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dirty="0">
              <a:ln>
                <a:noFill/>
              </a:ln>
              <a:solidFill>
                <a:schemeClr val="bg1"/>
              </a:solidFill>
              <a:effectLst/>
              <a:uLnTx/>
              <a:uFillTx/>
              <a:ea typeface="+mn-ea"/>
              <a:cs typeface="+mn-cs"/>
            </a:endParaRPr>
          </a:p>
        </p:txBody>
      </p:sp>
      <p:sp>
        <p:nvSpPr>
          <p:cNvPr id="17" name="TextBox 16"/>
          <p:cNvSpPr txBox="1"/>
          <p:nvPr/>
        </p:nvSpPr>
        <p:spPr>
          <a:xfrm>
            <a:off x="8217205" y="4633767"/>
            <a:ext cx="1756614" cy="1785104"/>
          </a:xfrm>
          <a:prstGeom prst="rect">
            <a:avLst/>
          </a:prstGeom>
          <a:noFill/>
        </p:spPr>
        <p:txBody>
          <a:bodyPr wrap="square" rtlCol="0">
            <a:spAutoFit/>
          </a:bodyPr>
          <a:lstStyle/>
          <a:p>
            <a:pPr lvl="0">
              <a:defRPr/>
            </a:pPr>
            <a:r>
              <a:rPr lang="en-US" sz="1100" dirty="0">
                <a:solidFill>
                  <a:schemeClr val="bg1"/>
                </a:solidFill>
              </a:rPr>
              <a:t>A user story is developed by the </a:t>
            </a:r>
            <a:r>
              <a:rPr lang="en-US" sz="1100" b="1" dirty="0">
                <a:solidFill>
                  <a:schemeClr val="bg1"/>
                </a:solidFill>
              </a:rPr>
              <a:t>Delivery Team</a:t>
            </a:r>
            <a:r>
              <a:rPr lang="en-US" sz="1100" dirty="0">
                <a:solidFill>
                  <a:schemeClr val="bg1"/>
                </a:solidFill>
              </a:rPr>
              <a:t>, it  is a description of the user’s goal, within the context of how they interact with the features or services we create. (and 3 C’s)</a:t>
            </a:r>
          </a:p>
          <a:p>
            <a:endParaRPr lang="en-US" sz="1100" b="1" dirty="0">
              <a:solidFill>
                <a:schemeClr val="bg1"/>
              </a:solidFill>
              <a:ea typeface="Calibri" charset="0"/>
              <a:cs typeface="Calibri" charset="0"/>
            </a:endParaRPr>
          </a:p>
          <a:p>
            <a:r>
              <a:rPr lang="en-US" sz="1100" b="1" dirty="0">
                <a:solidFill>
                  <a:schemeClr val="bg1"/>
                </a:solidFill>
                <a:ea typeface="Calibri" charset="0"/>
                <a:cs typeface="Calibri" charset="0"/>
              </a:rPr>
              <a:t>Describe the user’s goals</a:t>
            </a:r>
          </a:p>
          <a:p>
            <a:r>
              <a:rPr lang="en-US" sz="1100" dirty="0">
                <a:solidFill>
                  <a:schemeClr val="bg1"/>
                </a:solidFill>
                <a:ea typeface="Calibri" charset="0"/>
                <a:cs typeface="Calibri" charset="0"/>
              </a:rPr>
              <a:t>1-3 days</a:t>
            </a:r>
          </a:p>
        </p:txBody>
      </p:sp>
      <p:sp>
        <p:nvSpPr>
          <p:cNvPr id="9" name="TextBox 8">
            <a:extLst>
              <a:ext uri="{FF2B5EF4-FFF2-40B4-BE49-F238E27FC236}">
                <a16:creationId xmlns:a16="http://schemas.microsoft.com/office/drawing/2014/main" id="{02B74F75-FB19-2C4E-A2E0-8D2AEF0E2668}"/>
              </a:ext>
            </a:extLst>
          </p:cNvPr>
          <p:cNvSpPr txBox="1"/>
          <p:nvPr/>
        </p:nvSpPr>
        <p:spPr>
          <a:xfrm>
            <a:off x="1925339" y="3345084"/>
            <a:ext cx="1632030" cy="307777"/>
          </a:xfrm>
          <a:prstGeom prst="rect">
            <a:avLst/>
          </a:prstGeom>
          <a:noFill/>
        </p:spPr>
        <p:txBody>
          <a:bodyPr wrap="square" rtlCol="0">
            <a:spAutoFit/>
          </a:bodyPr>
          <a:lstStyle/>
          <a:p>
            <a:r>
              <a:rPr lang="en-US" sz="1400" b="1" spc="120" dirty="0">
                <a:solidFill>
                  <a:schemeClr val="bg1"/>
                </a:solidFill>
              </a:rPr>
              <a:t>INITIATIVE</a:t>
            </a:r>
          </a:p>
        </p:txBody>
      </p:sp>
      <p:sp>
        <p:nvSpPr>
          <p:cNvPr id="30" name="TextBox 29">
            <a:extLst>
              <a:ext uri="{FF2B5EF4-FFF2-40B4-BE49-F238E27FC236}">
                <a16:creationId xmlns:a16="http://schemas.microsoft.com/office/drawing/2014/main" id="{4DB51585-9A1A-1343-B0B4-F1D3BA00A6E5}"/>
              </a:ext>
            </a:extLst>
          </p:cNvPr>
          <p:cNvSpPr txBox="1"/>
          <p:nvPr/>
        </p:nvSpPr>
        <p:spPr>
          <a:xfrm>
            <a:off x="4028459" y="3696029"/>
            <a:ext cx="1632030" cy="307777"/>
          </a:xfrm>
          <a:prstGeom prst="rect">
            <a:avLst/>
          </a:prstGeom>
          <a:noFill/>
        </p:spPr>
        <p:txBody>
          <a:bodyPr wrap="square" rtlCol="0">
            <a:spAutoFit/>
          </a:bodyPr>
          <a:lstStyle/>
          <a:p>
            <a:r>
              <a:rPr lang="en-US" sz="1400" b="1" spc="120" dirty="0">
                <a:solidFill>
                  <a:schemeClr val="bg1"/>
                </a:solidFill>
              </a:rPr>
              <a:t>EPIC</a:t>
            </a:r>
          </a:p>
        </p:txBody>
      </p:sp>
      <p:sp>
        <p:nvSpPr>
          <p:cNvPr id="31" name="TextBox 30">
            <a:extLst>
              <a:ext uri="{FF2B5EF4-FFF2-40B4-BE49-F238E27FC236}">
                <a16:creationId xmlns:a16="http://schemas.microsoft.com/office/drawing/2014/main" id="{2C818DEB-AFD7-474E-9AD2-C94670E69E00}"/>
              </a:ext>
            </a:extLst>
          </p:cNvPr>
          <p:cNvSpPr txBox="1"/>
          <p:nvPr/>
        </p:nvSpPr>
        <p:spPr>
          <a:xfrm>
            <a:off x="6126622" y="4022162"/>
            <a:ext cx="1632030" cy="307777"/>
          </a:xfrm>
          <a:prstGeom prst="rect">
            <a:avLst/>
          </a:prstGeom>
          <a:noFill/>
        </p:spPr>
        <p:txBody>
          <a:bodyPr wrap="square" rtlCol="0">
            <a:spAutoFit/>
          </a:bodyPr>
          <a:lstStyle/>
          <a:p>
            <a:r>
              <a:rPr lang="en-US" sz="1400" b="1" spc="120" dirty="0">
                <a:solidFill>
                  <a:schemeClr val="bg1"/>
                </a:solidFill>
              </a:rPr>
              <a:t>FEATURE</a:t>
            </a:r>
          </a:p>
        </p:txBody>
      </p:sp>
      <p:sp>
        <p:nvSpPr>
          <p:cNvPr id="32" name="TextBox 31">
            <a:extLst>
              <a:ext uri="{FF2B5EF4-FFF2-40B4-BE49-F238E27FC236}">
                <a16:creationId xmlns:a16="http://schemas.microsoft.com/office/drawing/2014/main" id="{D581EF14-F2E5-3C45-9A34-84CB02D3E5C9}"/>
              </a:ext>
            </a:extLst>
          </p:cNvPr>
          <p:cNvSpPr txBox="1"/>
          <p:nvPr/>
        </p:nvSpPr>
        <p:spPr>
          <a:xfrm>
            <a:off x="8218995" y="4327255"/>
            <a:ext cx="1632030" cy="307777"/>
          </a:xfrm>
          <a:prstGeom prst="rect">
            <a:avLst/>
          </a:prstGeom>
          <a:noFill/>
        </p:spPr>
        <p:txBody>
          <a:bodyPr wrap="square" rtlCol="0">
            <a:spAutoFit/>
          </a:bodyPr>
          <a:lstStyle/>
          <a:p>
            <a:r>
              <a:rPr lang="en-US" sz="1400" b="1" spc="120" dirty="0">
                <a:solidFill>
                  <a:schemeClr val="bg1"/>
                </a:solidFill>
              </a:rPr>
              <a:t>USER STORY</a:t>
            </a:r>
          </a:p>
        </p:txBody>
      </p:sp>
      <p:sp>
        <p:nvSpPr>
          <p:cNvPr id="4" name="Slide Number Placeholder 3">
            <a:extLst>
              <a:ext uri="{FF2B5EF4-FFF2-40B4-BE49-F238E27FC236}">
                <a16:creationId xmlns:a16="http://schemas.microsoft.com/office/drawing/2014/main" id="{8DFD93E6-0E99-4441-BC3B-EA5F5303F764}"/>
              </a:ext>
            </a:extLst>
          </p:cNvPr>
          <p:cNvSpPr>
            <a:spLocks noGrp="1"/>
          </p:cNvSpPr>
          <p:nvPr>
            <p:ph type="sldNum" sz="quarter" idx="4"/>
          </p:nvPr>
        </p:nvSpPr>
        <p:spPr/>
        <p:txBody>
          <a:bodyPr/>
          <a:lstStyle/>
          <a:p>
            <a:fld id="{742ED878-647B-DB4D-84DF-0BCCAF9DD0BF}" type="slidenum">
              <a:rPr lang="en-US" smtClean="0"/>
              <a:pPr/>
              <a:t>15</a:t>
            </a:fld>
            <a:endParaRPr lang="en-US" dirty="0"/>
          </a:p>
        </p:txBody>
      </p:sp>
    </p:spTree>
    <p:custDataLst>
      <p:custData r:id="rId1"/>
      <p:custData r:id="rId2"/>
    </p:custDataLst>
    <p:extLst>
      <p:ext uri="{BB962C8B-B14F-4D97-AF65-F5344CB8AC3E}">
        <p14:creationId xmlns:p14="http://schemas.microsoft.com/office/powerpoint/2010/main" val="14762584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04D5B07-7CB9-EA40-9F38-2C459FAC7E9A}"/>
              </a:ext>
            </a:extLst>
          </p:cNvPr>
          <p:cNvSpPr>
            <a:spLocks noGrp="1"/>
          </p:cNvSpPr>
          <p:nvPr>
            <p:ph type="title"/>
          </p:nvPr>
        </p:nvSpPr>
        <p:spPr>
          <a:xfrm>
            <a:off x="1700784" y="356616"/>
            <a:ext cx="9468234" cy="868680"/>
          </a:xfrm>
        </p:spPr>
        <p:txBody>
          <a:bodyPr vert="horz" lIns="91440" tIns="0" rIns="91440" bIns="0" rtlCol="0" anchor="b" anchorCtr="0">
            <a:normAutofit/>
          </a:bodyPr>
          <a:lstStyle/>
          <a:p>
            <a:r>
              <a:rPr lang="en-US" dirty="0"/>
              <a:t>Governance</a:t>
            </a:r>
          </a:p>
        </p:txBody>
      </p:sp>
      <p:sp>
        <p:nvSpPr>
          <p:cNvPr id="5" name="Text Placeholder 4">
            <a:extLst>
              <a:ext uri="{FF2B5EF4-FFF2-40B4-BE49-F238E27FC236}">
                <a16:creationId xmlns:a16="http://schemas.microsoft.com/office/drawing/2014/main" id="{E2866FAE-A1C0-4C47-87DB-20553C285F56}"/>
              </a:ext>
            </a:extLst>
          </p:cNvPr>
          <p:cNvSpPr>
            <a:spLocks noGrp="1"/>
          </p:cNvSpPr>
          <p:nvPr>
            <p:ph type="body" sz="quarter" idx="10"/>
          </p:nvPr>
        </p:nvSpPr>
        <p:spPr>
          <a:xfrm>
            <a:off x="1700784" y="1245885"/>
            <a:ext cx="9468234" cy="273050"/>
          </a:xfrm>
        </p:spPr>
        <p:txBody>
          <a:bodyPr/>
          <a:lstStyle/>
          <a:p>
            <a:r>
              <a:rPr lang="en-US" dirty="0">
                <a:latin typeface="+mn-lt"/>
              </a:rPr>
              <a:t>Organizing teams to orchestrate the delivery of business value  </a:t>
            </a:r>
          </a:p>
        </p:txBody>
      </p:sp>
      <p:sp>
        <p:nvSpPr>
          <p:cNvPr id="82" name="TextBox 81">
            <a:extLst>
              <a:ext uri="{FF2B5EF4-FFF2-40B4-BE49-F238E27FC236}">
                <a16:creationId xmlns:a16="http://schemas.microsoft.com/office/drawing/2014/main" id="{F13D32D9-B792-7145-8F9C-816A61DC0D77}"/>
              </a:ext>
            </a:extLst>
          </p:cNvPr>
          <p:cNvSpPr txBox="1"/>
          <p:nvPr/>
        </p:nvSpPr>
        <p:spPr>
          <a:xfrm>
            <a:off x="2331417" y="2299371"/>
            <a:ext cx="4192063" cy="769441"/>
          </a:xfrm>
          <a:prstGeom prst="rect">
            <a:avLst/>
          </a:prstGeom>
          <a:noFill/>
        </p:spPr>
        <p:txBody>
          <a:bodyPr wrap="square" rtlCol="0">
            <a:spAutoFit/>
          </a:bodyPr>
          <a:lstStyle/>
          <a:p>
            <a:r>
              <a:rPr lang="en-US" sz="1100" b="1" dirty="0">
                <a:solidFill>
                  <a:schemeClr val="accent4">
                    <a:lumMod val="75000"/>
                  </a:schemeClr>
                </a:solidFill>
              </a:rPr>
              <a:t>Portfolio Teams </a:t>
            </a:r>
            <a:r>
              <a:rPr lang="en-US" sz="1100" dirty="0">
                <a:solidFill>
                  <a:schemeClr val="accent4">
                    <a:lumMod val="75000"/>
                  </a:schemeClr>
                </a:solidFill>
              </a:rPr>
              <a:t>– The Portfolio Team exists to maximize the flow of value through the organization by managing the throughput and value density and ensuring a focus on achieving business outcomes. </a:t>
            </a:r>
          </a:p>
        </p:txBody>
      </p:sp>
      <p:sp>
        <p:nvSpPr>
          <p:cNvPr id="83" name="TextBox 82">
            <a:extLst>
              <a:ext uri="{FF2B5EF4-FFF2-40B4-BE49-F238E27FC236}">
                <a16:creationId xmlns:a16="http://schemas.microsoft.com/office/drawing/2014/main" id="{7E16CC1C-9FB9-DF42-ACB9-B22B0E79CD6B}"/>
              </a:ext>
            </a:extLst>
          </p:cNvPr>
          <p:cNvSpPr txBox="1"/>
          <p:nvPr/>
        </p:nvSpPr>
        <p:spPr>
          <a:xfrm>
            <a:off x="2331416" y="3510748"/>
            <a:ext cx="4070075" cy="938719"/>
          </a:xfrm>
          <a:prstGeom prst="rect">
            <a:avLst/>
          </a:prstGeom>
          <a:noFill/>
        </p:spPr>
        <p:txBody>
          <a:bodyPr wrap="square" rtlCol="0" anchor="t">
            <a:spAutoFit/>
          </a:bodyPr>
          <a:lstStyle/>
          <a:p>
            <a:r>
              <a:rPr lang="en-US" sz="1100" b="1" dirty="0">
                <a:solidFill>
                  <a:schemeClr val="accent4">
                    <a:lumMod val="75000"/>
                  </a:schemeClr>
                </a:solidFill>
              </a:rPr>
              <a:t>Product Teams </a:t>
            </a:r>
            <a:r>
              <a:rPr lang="en-US" sz="1100" dirty="0">
                <a:solidFill>
                  <a:schemeClr val="accent4">
                    <a:lumMod val="75000"/>
                  </a:schemeClr>
                </a:solidFill>
              </a:rPr>
              <a:t>– Product Teams' purpose is to balance demand with capacity and select and adapt approaches as assumptions are evaluated. They also serve as the conduit between strategy alignment (Portfolio Team) and strategy performance (Delivery Team). </a:t>
            </a:r>
          </a:p>
        </p:txBody>
      </p:sp>
      <p:sp>
        <p:nvSpPr>
          <p:cNvPr id="84" name="TextBox 83">
            <a:extLst>
              <a:ext uri="{FF2B5EF4-FFF2-40B4-BE49-F238E27FC236}">
                <a16:creationId xmlns:a16="http://schemas.microsoft.com/office/drawing/2014/main" id="{95B98574-D680-6B46-9A39-3ABD415D5D94}"/>
              </a:ext>
            </a:extLst>
          </p:cNvPr>
          <p:cNvSpPr txBox="1"/>
          <p:nvPr/>
        </p:nvSpPr>
        <p:spPr>
          <a:xfrm>
            <a:off x="2331417" y="4830183"/>
            <a:ext cx="4012578" cy="769441"/>
          </a:xfrm>
          <a:prstGeom prst="rect">
            <a:avLst/>
          </a:prstGeom>
          <a:noFill/>
        </p:spPr>
        <p:txBody>
          <a:bodyPr wrap="square" rtlCol="0" anchor="t">
            <a:spAutoFit/>
          </a:bodyPr>
          <a:lstStyle/>
          <a:p>
            <a:r>
              <a:rPr lang="en-US" sz="1100" b="1" dirty="0">
                <a:solidFill>
                  <a:schemeClr val="accent4">
                    <a:lumMod val="75000"/>
                  </a:schemeClr>
                </a:solidFill>
              </a:rPr>
              <a:t>Delivery Teams </a:t>
            </a:r>
            <a:r>
              <a:rPr lang="en-US" sz="1100" dirty="0">
                <a:solidFill>
                  <a:schemeClr val="accent4">
                    <a:lumMod val="75000"/>
                  </a:schemeClr>
                </a:solidFill>
              </a:rPr>
              <a:t>– The Delivery Team establishes the foundation for predictably implementing solutions aligned to strategic value, and they allow us to leverage fast feedback cycles to evaluate assumptions and optimize learning. </a:t>
            </a:r>
          </a:p>
        </p:txBody>
      </p:sp>
      <p:grpSp>
        <p:nvGrpSpPr>
          <p:cNvPr id="109" name="Group 108">
            <a:extLst>
              <a:ext uri="{FF2B5EF4-FFF2-40B4-BE49-F238E27FC236}">
                <a16:creationId xmlns:a16="http://schemas.microsoft.com/office/drawing/2014/main" id="{F4600A0B-703B-394B-BBAB-7BDB3073E58A}"/>
              </a:ext>
            </a:extLst>
          </p:cNvPr>
          <p:cNvGrpSpPr/>
          <p:nvPr/>
        </p:nvGrpSpPr>
        <p:grpSpPr>
          <a:xfrm>
            <a:off x="1653292" y="3576671"/>
            <a:ext cx="615841" cy="623004"/>
            <a:chOff x="5262125" y="2197059"/>
            <a:chExt cx="1732831" cy="1752985"/>
          </a:xfrm>
        </p:grpSpPr>
        <p:sp>
          <p:nvSpPr>
            <p:cNvPr id="110" name="Graphic 8">
              <a:extLst>
                <a:ext uri="{FF2B5EF4-FFF2-40B4-BE49-F238E27FC236}">
                  <a16:creationId xmlns:a16="http://schemas.microsoft.com/office/drawing/2014/main" id="{C601BAF5-511A-8B4E-BA58-78A39B6A2D09}"/>
                </a:ext>
              </a:extLst>
            </p:cNvPr>
            <p:cNvSpPr/>
            <p:nvPr/>
          </p:nvSpPr>
          <p:spPr>
            <a:xfrm>
              <a:off x="6071480" y="2197059"/>
              <a:ext cx="113013" cy="113013"/>
            </a:xfrm>
            <a:custGeom>
              <a:avLst/>
              <a:gdLst>
                <a:gd name="connsiteX0" fmla="*/ 113014 w 113013"/>
                <a:gd name="connsiteY0" fmla="*/ 56507 h 113013"/>
                <a:gd name="connsiteX1" fmla="*/ 56507 w 113013"/>
                <a:gd name="connsiteY1" fmla="*/ 113014 h 113013"/>
                <a:gd name="connsiteX2" fmla="*/ 0 w 113013"/>
                <a:gd name="connsiteY2" fmla="*/ 56507 h 113013"/>
                <a:gd name="connsiteX3" fmla="*/ 56507 w 113013"/>
                <a:gd name="connsiteY3" fmla="*/ 0 h 113013"/>
                <a:gd name="connsiteX4" fmla="*/ 113014 w 113013"/>
                <a:gd name="connsiteY4" fmla="*/ 56507 h 1130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13" h="113013">
                  <a:moveTo>
                    <a:pt x="113014" y="56507"/>
                  </a:moveTo>
                  <a:cubicBezTo>
                    <a:pt x="113014" y="87715"/>
                    <a:pt x="87715" y="113014"/>
                    <a:pt x="56507" y="113014"/>
                  </a:cubicBezTo>
                  <a:cubicBezTo>
                    <a:pt x="25299" y="113014"/>
                    <a:pt x="0" y="87715"/>
                    <a:pt x="0" y="56507"/>
                  </a:cubicBezTo>
                  <a:cubicBezTo>
                    <a:pt x="0" y="25299"/>
                    <a:pt x="25299" y="0"/>
                    <a:pt x="56507" y="0"/>
                  </a:cubicBezTo>
                  <a:cubicBezTo>
                    <a:pt x="87715" y="0"/>
                    <a:pt x="113014" y="25299"/>
                    <a:pt x="113014" y="56507"/>
                  </a:cubicBezTo>
                  <a:close/>
                </a:path>
              </a:pathLst>
            </a:custGeom>
            <a:solidFill>
              <a:schemeClr val="accent1"/>
            </a:solidFill>
            <a:ln w="6317" cap="flat">
              <a:noFill/>
              <a:prstDash val="solid"/>
              <a:miter/>
            </a:ln>
          </p:spPr>
          <p:txBody>
            <a:bodyPr rtlCol="0" anchor="ctr"/>
            <a:lstStyle/>
            <a:p>
              <a:endParaRPr lang="en-US"/>
            </a:p>
          </p:txBody>
        </p:sp>
        <p:sp>
          <p:nvSpPr>
            <p:cNvPr id="111" name="Graphic 8">
              <a:extLst>
                <a:ext uri="{FF2B5EF4-FFF2-40B4-BE49-F238E27FC236}">
                  <a16:creationId xmlns:a16="http://schemas.microsoft.com/office/drawing/2014/main" id="{01E000B1-5F82-2045-B3B1-613A7C2BF190}"/>
                </a:ext>
              </a:extLst>
            </p:cNvPr>
            <p:cNvSpPr/>
            <p:nvPr/>
          </p:nvSpPr>
          <p:spPr>
            <a:xfrm>
              <a:off x="5262125" y="2229414"/>
              <a:ext cx="1732831" cy="1720630"/>
            </a:xfrm>
            <a:custGeom>
              <a:avLst/>
              <a:gdLst>
                <a:gd name="connsiteX0" fmla="*/ 1013796 w 1732831"/>
                <a:gd name="connsiteY0" fmla="*/ 660 h 1720630"/>
                <a:gd name="connsiteX1" fmla="*/ 1012209 w 1732831"/>
                <a:gd name="connsiteY1" fmla="*/ 660 h 1720630"/>
                <a:gd name="connsiteX2" fmla="*/ 1008399 w 1732831"/>
                <a:gd name="connsiteY2" fmla="*/ 25 h 1720630"/>
                <a:gd name="connsiteX3" fmla="*/ 979803 w 1732831"/>
                <a:gd name="connsiteY3" fmla="*/ 28825 h 1720630"/>
                <a:gd name="connsiteX4" fmla="*/ 1001415 w 1732831"/>
                <a:gd name="connsiteY4" fmla="*/ 56532 h 1720630"/>
                <a:gd name="connsiteX5" fmla="*/ 1002050 w 1732831"/>
                <a:gd name="connsiteY5" fmla="*/ 56532 h 1720630"/>
                <a:gd name="connsiteX6" fmla="*/ 1004590 w 1732831"/>
                <a:gd name="connsiteY6" fmla="*/ 57167 h 1720630"/>
                <a:gd name="connsiteX7" fmla="*/ 1014114 w 1732831"/>
                <a:gd name="connsiteY7" fmla="*/ 58436 h 1720630"/>
                <a:gd name="connsiteX8" fmla="*/ 1661779 w 1732831"/>
                <a:gd name="connsiteY8" fmla="*/ 1002223 h 1720630"/>
                <a:gd name="connsiteX9" fmla="*/ 717992 w 1732831"/>
                <a:gd name="connsiteY9" fmla="*/ 1649888 h 1720630"/>
                <a:gd name="connsiteX10" fmla="*/ 56670 w 1732831"/>
                <a:gd name="connsiteY10" fmla="*/ 853978 h 1720630"/>
                <a:gd name="connsiteX11" fmla="*/ 718881 w 1732831"/>
                <a:gd name="connsiteY11" fmla="*/ 58436 h 1720630"/>
                <a:gd name="connsiteX12" fmla="*/ 728404 w 1732831"/>
                <a:gd name="connsiteY12" fmla="*/ 57167 h 1720630"/>
                <a:gd name="connsiteX13" fmla="*/ 732849 w 1732831"/>
                <a:gd name="connsiteY13" fmla="*/ 56532 h 1720630"/>
                <a:gd name="connsiteX14" fmla="*/ 733483 w 1732831"/>
                <a:gd name="connsiteY14" fmla="*/ 56532 h 1720630"/>
                <a:gd name="connsiteX15" fmla="*/ 754435 w 1732831"/>
                <a:gd name="connsiteY15" fmla="*/ 28596 h 1720630"/>
                <a:gd name="connsiteX16" fmla="*/ 726118 w 1732831"/>
                <a:gd name="connsiteY16" fmla="*/ 25 h 1720630"/>
                <a:gd name="connsiteX17" fmla="*/ 725865 w 1732831"/>
                <a:gd name="connsiteY17" fmla="*/ 25 h 1720630"/>
                <a:gd name="connsiteX18" fmla="*/ 721420 w 1732831"/>
                <a:gd name="connsiteY18" fmla="*/ 660 h 1720630"/>
                <a:gd name="connsiteX19" fmla="*/ 12328 w 1732831"/>
                <a:gd name="connsiteY19" fmla="*/ 999347 h 1720630"/>
                <a:gd name="connsiteX20" fmla="*/ 866814 w 1732831"/>
                <a:gd name="connsiteY20" fmla="*/ 1720630 h 1720630"/>
                <a:gd name="connsiteX21" fmla="*/ 1732831 w 1732831"/>
                <a:gd name="connsiteY21" fmla="*/ 853978 h 1720630"/>
                <a:gd name="connsiteX22" fmla="*/ 1013796 w 1732831"/>
                <a:gd name="connsiteY22" fmla="*/ 660 h 1720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732831" h="1720630">
                  <a:moveTo>
                    <a:pt x="1013796" y="660"/>
                  </a:moveTo>
                  <a:lnTo>
                    <a:pt x="1012209" y="660"/>
                  </a:lnTo>
                  <a:cubicBezTo>
                    <a:pt x="1010939" y="660"/>
                    <a:pt x="1009669" y="25"/>
                    <a:pt x="1008399" y="25"/>
                  </a:cubicBezTo>
                  <a:cubicBezTo>
                    <a:pt x="992552" y="81"/>
                    <a:pt x="979746" y="12976"/>
                    <a:pt x="979803" y="28825"/>
                  </a:cubicBezTo>
                  <a:cubicBezTo>
                    <a:pt x="979854" y="41906"/>
                    <a:pt x="988736" y="53301"/>
                    <a:pt x="1001415" y="56532"/>
                  </a:cubicBezTo>
                  <a:lnTo>
                    <a:pt x="1002050" y="56532"/>
                  </a:lnTo>
                  <a:cubicBezTo>
                    <a:pt x="1002685" y="56532"/>
                    <a:pt x="1003955" y="57167"/>
                    <a:pt x="1004590" y="57167"/>
                  </a:cubicBezTo>
                  <a:lnTo>
                    <a:pt x="1014114" y="58436"/>
                  </a:lnTo>
                  <a:cubicBezTo>
                    <a:pt x="1453579" y="140208"/>
                    <a:pt x="1743549" y="562756"/>
                    <a:pt x="1661779" y="1002223"/>
                  </a:cubicBezTo>
                  <a:cubicBezTo>
                    <a:pt x="1580009" y="1441689"/>
                    <a:pt x="1157457" y="1731658"/>
                    <a:pt x="717992" y="1649888"/>
                  </a:cubicBezTo>
                  <a:cubicBezTo>
                    <a:pt x="334594" y="1578550"/>
                    <a:pt x="56581" y="1243959"/>
                    <a:pt x="56670" y="853978"/>
                  </a:cubicBezTo>
                  <a:cubicBezTo>
                    <a:pt x="56670" y="457795"/>
                    <a:pt x="342379" y="128276"/>
                    <a:pt x="718881" y="58436"/>
                  </a:cubicBezTo>
                  <a:lnTo>
                    <a:pt x="728404" y="57167"/>
                  </a:lnTo>
                  <a:cubicBezTo>
                    <a:pt x="729674" y="57167"/>
                    <a:pt x="730944" y="56532"/>
                    <a:pt x="732849" y="56532"/>
                  </a:cubicBezTo>
                  <a:lnTo>
                    <a:pt x="733483" y="56532"/>
                  </a:lnTo>
                  <a:cubicBezTo>
                    <a:pt x="745966" y="53010"/>
                    <a:pt x="754550" y="41567"/>
                    <a:pt x="754435" y="28596"/>
                  </a:cubicBezTo>
                  <a:cubicBezTo>
                    <a:pt x="754505" y="12887"/>
                    <a:pt x="741826" y="95"/>
                    <a:pt x="726118" y="25"/>
                  </a:cubicBezTo>
                  <a:cubicBezTo>
                    <a:pt x="726036" y="24"/>
                    <a:pt x="725947" y="24"/>
                    <a:pt x="725865" y="25"/>
                  </a:cubicBezTo>
                  <a:cubicBezTo>
                    <a:pt x="724353" y="-78"/>
                    <a:pt x="722842" y="139"/>
                    <a:pt x="721420" y="660"/>
                  </a:cubicBezTo>
                  <a:cubicBezTo>
                    <a:pt x="249829" y="80630"/>
                    <a:pt x="-67642" y="527758"/>
                    <a:pt x="12328" y="999347"/>
                  </a:cubicBezTo>
                  <a:cubicBezTo>
                    <a:pt x="82994" y="1416070"/>
                    <a:pt x="444141" y="1720922"/>
                    <a:pt x="866814" y="1720630"/>
                  </a:cubicBezTo>
                  <a:cubicBezTo>
                    <a:pt x="1344901" y="1720630"/>
                    <a:pt x="1732831" y="1331430"/>
                    <a:pt x="1732831" y="853978"/>
                  </a:cubicBezTo>
                  <a:cubicBezTo>
                    <a:pt x="1732349" y="432605"/>
                    <a:pt x="1428983" y="72585"/>
                    <a:pt x="1013796" y="660"/>
                  </a:cubicBezTo>
                  <a:close/>
                </a:path>
              </a:pathLst>
            </a:custGeom>
            <a:solidFill>
              <a:schemeClr val="accent2"/>
            </a:solidFill>
            <a:ln w="6317" cap="flat">
              <a:noFill/>
              <a:prstDash val="solid"/>
              <a:miter/>
            </a:ln>
          </p:spPr>
          <p:txBody>
            <a:bodyPr rtlCol="0" anchor="ctr"/>
            <a:lstStyle/>
            <a:p>
              <a:endParaRPr lang="en-US"/>
            </a:p>
          </p:txBody>
        </p:sp>
        <p:sp>
          <p:nvSpPr>
            <p:cNvPr id="112" name="Graphic 8">
              <a:extLst>
                <a:ext uri="{FF2B5EF4-FFF2-40B4-BE49-F238E27FC236}">
                  <a16:creationId xmlns:a16="http://schemas.microsoft.com/office/drawing/2014/main" id="{AC6590B3-89A8-924A-AEF7-9273DDC4F683}"/>
                </a:ext>
              </a:extLst>
            </p:cNvPr>
            <p:cNvSpPr/>
            <p:nvPr/>
          </p:nvSpPr>
          <p:spPr>
            <a:xfrm>
              <a:off x="5503871" y="2466578"/>
              <a:ext cx="1246962" cy="1246861"/>
            </a:xfrm>
            <a:custGeom>
              <a:avLst/>
              <a:gdLst>
                <a:gd name="connsiteX0" fmla="*/ 0 w 1246962"/>
                <a:gd name="connsiteY0" fmla="*/ 623164 h 1246861"/>
                <a:gd name="connsiteX1" fmla="*/ 623266 w 1246962"/>
                <a:gd name="connsiteY1" fmla="*/ 1246861 h 1246861"/>
                <a:gd name="connsiteX2" fmla="*/ 1246963 w 1246962"/>
                <a:gd name="connsiteY2" fmla="*/ 623589 h 1246861"/>
                <a:gd name="connsiteX3" fmla="*/ 988745 w 1246962"/>
                <a:gd name="connsiteY3" fmla="*/ 118093 h 1246861"/>
                <a:gd name="connsiteX4" fmla="*/ 1030776 w 1246962"/>
                <a:gd name="connsiteY4" fmla="*/ 61269 h 1246861"/>
                <a:gd name="connsiteX5" fmla="*/ 883159 w 1246962"/>
                <a:gd name="connsiteY5" fmla="*/ 79999 h 1246861"/>
                <a:gd name="connsiteX6" fmla="*/ 908556 w 1246962"/>
                <a:gd name="connsiteY6" fmla="*/ 227298 h 1246861"/>
                <a:gd name="connsiteX7" fmla="*/ 963158 w 1246962"/>
                <a:gd name="connsiteY7" fmla="*/ 153077 h 1246861"/>
                <a:gd name="connsiteX8" fmla="*/ 954904 w 1246962"/>
                <a:gd name="connsiteY8" fmla="*/ 164442 h 1246861"/>
                <a:gd name="connsiteX9" fmla="*/ 1081016 w 1246962"/>
                <a:gd name="connsiteY9" fmla="*/ 954377 h 1246861"/>
                <a:gd name="connsiteX10" fmla="*/ 291080 w 1246962"/>
                <a:gd name="connsiteY10" fmla="*/ 1080483 h 1246861"/>
                <a:gd name="connsiteX11" fmla="*/ 164970 w 1246962"/>
                <a:gd name="connsiteY11" fmla="*/ 290552 h 1246861"/>
                <a:gd name="connsiteX12" fmla="*/ 624434 w 1246962"/>
                <a:gd name="connsiteY12" fmla="*/ 56824 h 1246861"/>
                <a:gd name="connsiteX13" fmla="*/ 639037 w 1246962"/>
                <a:gd name="connsiteY13" fmla="*/ 57459 h 1246861"/>
                <a:gd name="connsiteX14" fmla="*/ 668877 w 1246962"/>
                <a:gd name="connsiteY14" fmla="*/ 29206 h 1246861"/>
                <a:gd name="connsiteX15" fmla="*/ 640941 w 1246962"/>
                <a:gd name="connsiteY15" fmla="*/ 635 h 1246861"/>
                <a:gd name="connsiteX16" fmla="*/ 638402 w 1246962"/>
                <a:gd name="connsiteY16" fmla="*/ 635 h 1246861"/>
                <a:gd name="connsiteX17" fmla="*/ 623799 w 1246962"/>
                <a:gd name="connsiteY17" fmla="*/ 0 h 1246861"/>
                <a:gd name="connsiteX18" fmla="*/ 0 w 1246962"/>
                <a:gd name="connsiteY18" fmla="*/ 623164 h 1246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46962" h="1246861">
                  <a:moveTo>
                    <a:pt x="0" y="623164"/>
                  </a:moveTo>
                  <a:cubicBezTo>
                    <a:pt x="-117" y="967501"/>
                    <a:pt x="278929" y="1246741"/>
                    <a:pt x="623266" y="1246861"/>
                  </a:cubicBezTo>
                  <a:cubicBezTo>
                    <a:pt x="967609" y="1246975"/>
                    <a:pt x="1246842" y="967926"/>
                    <a:pt x="1246963" y="623589"/>
                  </a:cubicBezTo>
                  <a:cubicBezTo>
                    <a:pt x="1247033" y="423409"/>
                    <a:pt x="1150977" y="235369"/>
                    <a:pt x="988745" y="118093"/>
                  </a:cubicBezTo>
                  <a:lnTo>
                    <a:pt x="1030776" y="61269"/>
                  </a:lnTo>
                  <a:lnTo>
                    <a:pt x="883159" y="79999"/>
                  </a:lnTo>
                  <a:lnTo>
                    <a:pt x="908556" y="227298"/>
                  </a:lnTo>
                  <a:lnTo>
                    <a:pt x="963158" y="153077"/>
                  </a:lnTo>
                  <a:lnTo>
                    <a:pt x="954904" y="164442"/>
                  </a:lnTo>
                  <a:cubicBezTo>
                    <a:pt x="1207865" y="347753"/>
                    <a:pt x="1264321" y="701417"/>
                    <a:pt x="1081016" y="954377"/>
                  </a:cubicBezTo>
                  <a:cubicBezTo>
                    <a:pt x="897705" y="1207332"/>
                    <a:pt x="544041" y="1263794"/>
                    <a:pt x="291080" y="1080483"/>
                  </a:cubicBezTo>
                  <a:cubicBezTo>
                    <a:pt x="38121" y="897178"/>
                    <a:pt x="-18340" y="543508"/>
                    <a:pt x="164970" y="290552"/>
                  </a:cubicBezTo>
                  <a:cubicBezTo>
                    <a:pt x="271659" y="143326"/>
                    <a:pt x="442615" y="56361"/>
                    <a:pt x="624434" y="56824"/>
                  </a:cubicBezTo>
                  <a:cubicBezTo>
                    <a:pt x="629310" y="56706"/>
                    <a:pt x="634186" y="56918"/>
                    <a:pt x="639037" y="57459"/>
                  </a:cubicBezTo>
                  <a:cubicBezTo>
                    <a:pt x="655062" y="57851"/>
                    <a:pt x="668395" y="45228"/>
                    <a:pt x="668877" y="29206"/>
                  </a:cubicBezTo>
                  <a:cubicBezTo>
                    <a:pt x="668344" y="13895"/>
                    <a:pt x="656236" y="1511"/>
                    <a:pt x="640941" y="635"/>
                  </a:cubicBezTo>
                  <a:lnTo>
                    <a:pt x="638402" y="635"/>
                  </a:lnTo>
                  <a:cubicBezTo>
                    <a:pt x="633322" y="635"/>
                    <a:pt x="628878" y="0"/>
                    <a:pt x="623799" y="0"/>
                  </a:cubicBezTo>
                  <a:cubicBezTo>
                    <a:pt x="279619" y="210"/>
                    <a:pt x="560" y="278984"/>
                    <a:pt x="0" y="623164"/>
                  </a:cubicBezTo>
                  <a:close/>
                </a:path>
              </a:pathLst>
            </a:custGeom>
            <a:solidFill>
              <a:schemeClr val="accent2"/>
            </a:solidFill>
            <a:ln w="6317" cap="flat">
              <a:noFill/>
              <a:prstDash val="solid"/>
              <a:miter/>
            </a:ln>
          </p:spPr>
          <p:txBody>
            <a:bodyPr rtlCol="0" anchor="ctr"/>
            <a:lstStyle/>
            <a:p>
              <a:endParaRPr lang="en-US"/>
            </a:p>
          </p:txBody>
        </p:sp>
        <p:sp>
          <p:nvSpPr>
            <p:cNvPr id="113" name="Graphic 8">
              <a:extLst>
                <a:ext uri="{FF2B5EF4-FFF2-40B4-BE49-F238E27FC236}">
                  <a16:creationId xmlns:a16="http://schemas.microsoft.com/office/drawing/2014/main" id="{9FE59D8E-D92B-9444-A28D-73145513AE60}"/>
                </a:ext>
              </a:extLst>
            </p:cNvPr>
            <p:cNvSpPr/>
            <p:nvPr/>
          </p:nvSpPr>
          <p:spPr>
            <a:xfrm>
              <a:off x="5724502" y="2747525"/>
              <a:ext cx="746018" cy="684432"/>
            </a:xfrm>
            <a:custGeom>
              <a:avLst/>
              <a:gdLst>
                <a:gd name="connsiteX0" fmla="*/ 403803 w 746018"/>
                <a:gd name="connsiteY0" fmla="*/ 684433 h 684432"/>
                <a:gd name="connsiteX1" fmla="*/ 746019 w 746018"/>
                <a:gd name="connsiteY1" fmla="*/ 342217 h 684432"/>
                <a:gd name="connsiteX2" fmla="*/ 403803 w 746018"/>
                <a:gd name="connsiteY2" fmla="*/ 0 h 684432"/>
                <a:gd name="connsiteX3" fmla="*/ 216504 w 746018"/>
                <a:gd name="connsiteY3" fmla="*/ 56507 h 684432"/>
                <a:gd name="connsiteX4" fmla="*/ 203171 w 746018"/>
                <a:gd name="connsiteY4" fmla="*/ 80634 h 684432"/>
                <a:gd name="connsiteX5" fmla="*/ 231488 w 746018"/>
                <a:gd name="connsiteY5" fmla="*/ 109205 h 684432"/>
                <a:gd name="connsiteX6" fmla="*/ 231742 w 746018"/>
                <a:gd name="connsiteY6" fmla="*/ 109205 h 684432"/>
                <a:gd name="connsiteX7" fmla="*/ 247615 w 746018"/>
                <a:gd name="connsiteY7" fmla="*/ 104125 h 684432"/>
                <a:gd name="connsiteX8" fmla="*/ 403803 w 746018"/>
                <a:gd name="connsiteY8" fmla="*/ 57142 h 684432"/>
                <a:gd name="connsiteX9" fmla="*/ 688585 w 746018"/>
                <a:gd name="connsiteY9" fmla="*/ 342509 h 684432"/>
                <a:gd name="connsiteX10" fmla="*/ 403225 w 746018"/>
                <a:gd name="connsiteY10" fmla="*/ 627291 h 684432"/>
                <a:gd name="connsiteX11" fmla="*/ 124823 w 746018"/>
                <a:gd name="connsiteY11" fmla="*/ 402216 h 684432"/>
                <a:gd name="connsiteX12" fmla="*/ 201012 w 746018"/>
                <a:gd name="connsiteY12" fmla="*/ 386597 h 684432"/>
                <a:gd name="connsiteX13" fmla="*/ 79999 w 746018"/>
                <a:gd name="connsiteY13" fmla="*/ 301582 h 684432"/>
                <a:gd name="connsiteX14" fmla="*/ 0 w 746018"/>
                <a:gd name="connsiteY14" fmla="*/ 427929 h 684432"/>
                <a:gd name="connsiteX15" fmla="*/ 89649 w 746018"/>
                <a:gd name="connsiteY15" fmla="*/ 409517 h 684432"/>
                <a:gd name="connsiteX16" fmla="*/ 69205 w 746018"/>
                <a:gd name="connsiteY16" fmla="*/ 413961 h 684432"/>
                <a:gd name="connsiteX17" fmla="*/ 403803 w 746018"/>
                <a:gd name="connsiteY17" fmla="*/ 684433 h 684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46018" h="684432">
                  <a:moveTo>
                    <a:pt x="403803" y="684433"/>
                  </a:moveTo>
                  <a:cubicBezTo>
                    <a:pt x="592803" y="684433"/>
                    <a:pt x="746019" y="531216"/>
                    <a:pt x="746019" y="342217"/>
                  </a:cubicBezTo>
                  <a:cubicBezTo>
                    <a:pt x="746019" y="153217"/>
                    <a:pt x="592803" y="0"/>
                    <a:pt x="403803" y="0"/>
                  </a:cubicBezTo>
                  <a:cubicBezTo>
                    <a:pt x="337162" y="-72"/>
                    <a:pt x="271989" y="19590"/>
                    <a:pt x="216504" y="56507"/>
                  </a:cubicBezTo>
                  <a:cubicBezTo>
                    <a:pt x="208339" y="61847"/>
                    <a:pt x="203349" y="70882"/>
                    <a:pt x="203171" y="80634"/>
                  </a:cubicBezTo>
                  <a:cubicBezTo>
                    <a:pt x="203101" y="96341"/>
                    <a:pt x="215780" y="109135"/>
                    <a:pt x="231488" y="109205"/>
                  </a:cubicBezTo>
                  <a:cubicBezTo>
                    <a:pt x="231571" y="109205"/>
                    <a:pt x="231660" y="109205"/>
                    <a:pt x="231742" y="109205"/>
                  </a:cubicBezTo>
                  <a:cubicBezTo>
                    <a:pt x="237431" y="109173"/>
                    <a:pt x="242967" y="107402"/>
                    <a:pt x="247615" y="104125"/>
                  </a:cubicBezTo>
                  <a:cubicBezTo>
                    <a:pt x="293887" y="73370"/>
                    <a:pt x="348242" y="57021"/>
                    <a:pt x="403803" y="57142"/>
                  </a:cubicBezTo>
                  <a:cubicBezTo>
                    <a:pt x="561248" y="57301"/>
                    <a:pt x="688750" y="185064"/>
                    <a:pt x="688585" y="342509"/>
                  </a:cubicBezTo>
                  <a:cubicBezTo>
                    <a:pt x="688426" y="499947"/>
                    <a:pt x="560663" y="627450"/>
                    <a:pt x="403225" y="627291"/>
                  </a:cubicBezTo>
                  <a:cubicBezTo>
                    <a:pt x="269011" y="627151"/>
                    <a:pt x="153070" y="533420"/>
                    <a:pt x="124823" y="402216"/>
                  </a:cubicBezTo>
                  <a:lnTo>
                    <a:pt x="201012" y="386597"/>
                  </a:lnTo>
                  <a:lnTo>
                    <a:pt x="79999" y="301582"/>
                  </a:lnTo>
                  <a:lnTo>
                    <a:pt x="0" y="427929"/>
                  </a:lnTo>
                  <a:lnTo>
                    <a:pt x="89649" y="409517"/>
                  </a:lnTo>
                  <a:lnTo>
                    <a:pt x="69205" y="413961"/>
                  </a:lnTo>
                  <a:cubicBezTo>
                    <a:pt x="103249" y="571590"/>
                    <a:pt x="242542" y="684185"/>
                    <a:pt x="403803" y="684433"/>
                  </a:cubicBezTo>
                  <a:close/>
                </a:path>
              </a:pathLst>
            </a:custGeom>
            <a:solidFill>
              <a:schemeClr val="accent2"/>
            </a:solidFill>
            <a:ln w="6317" cap="flat">
              <a:noFill/>
              <a:prstDash val="solid"/>
              <a:miter/>
            </a:ln>
          </p:spPr>
          <p:txBody>
            <a:bodyPr rtlCol="0" anchor="ctr"/>
            <a:lstStyle/>
            <a:p>
              <a:endParaRPr lang="en-US"/>
            </a:p>
          </p:txBody>
        </p:sp>
      </p:grpSp>
      <p:grpSp>
        <p:nvGrpSpPr>
          <p:cNvPr id="114" name="Group 113">
            <a:extLst>
              <a:ext uri="{FF2B5EF4-FFF2-40B4-BE49-F238E27FC236}">
                <a16:creationId xmlns:a16="http://schemas.microsoft.com/office/drawing/2014/main" id="{BEBF07D3-D7AF-664F-8783-6DE321EA4133}"/>
              </a:ext>
            </a:extLst>
          </p:cNvPr>
          <p:cNvGrpSpPr/>
          <p:nvPr/>
        </p:nvGrpSpPr>
        <p:grpSpPr>
          <a:xfrm>
            <a:off x="1653292" y="2333529"/>
            <a:ext cx="615841" cy="623004"/>
            <a:chOff x="5262125" y="2197059"/>
            <a:chExt cx="1732831" cy="1752985"/>
          </a:xfrm>
        </p:grpSpPr>
        <p:sp>
          <p:nvSpPr>
            <p:cNvPr id="115" name="Graphic 8">
              <a:extLst>
                <a:ext uri="{FF2B5EF4-FFF2-40B4-BE49-F238E27FC236}">
                  <a16:creationId xmlns:a16="http://schemas.microsoft.com/office/drawing/2014/main" id="{0D163337-192B-9E44-82CA-40F5D0D8604F}"/>
                </a:ext>
              </a:extLst>
            </p:cNvPr>
            <p:cNvSpPr/>
            <p:nvPr/>
          </p:nvSpPr>
          <p:spPr>
            <a:xfrm>
              <a:off x="6071480" y="2197059"/>
              <a:ext cx="113013" cy="113013"/>
            </a:xfrm>
            <a:custGeom>
              <a:avLst/>
              <a:gdLst>
                <a:gd name="connsiteX0" fmla="*/ 113014 w 113013"/>
                <a:gd name="connsiteY0" fmla="*/ 56507 h 113013"/>
                <a:gd name="connsiteX1" fmla="*/ 56507 w 113013"/>
                <a:gd name="connsiteY1" fmla="*/ 113014 h 113013"/>
                <a:gd name="connsiteX2" fmla="*/ 0 w 113013"/>
                <a:gd name="connsiteY2" fmla="*/ 56507 h 113013"/>
                <a:gd name="connsiteX3" fmla="*/ 56507 w 113013"/>
                <a:gd name="connsiteY3" fmla="*/ 0 h 113013"/>
                <a:gd name="connsiteX4" fmla="*/ 113014 w 113013"/>
                <a:gd name="connsiteY4" fmla="*/ 56507 h 1130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13" h="113013">
                  <a:moveTo>
                    <a:pt x="113014" y="56507"/>
                  </a:moveTo>
                  <a:cubicBezTo>
                    <a:pt x="113014" y="87715"/>
                    <a:pt x="87715" y="113014"/>
                    <a:pt x="56507" y="113014"/>
                  </a:cubicBezTo>
                  <a:cubicBezTo>
                    <a:pt x="25299" y="113014"/>
                    <a:pt x="0" y="87715"/>
                    <a:pt x="0" y="56507"/>
                  </a:cubicBezTo>
                  <a:cubicBezTo>
                    <a:pt x="0" y="25299"/>
                    <a:pt x="25299" y="0"/>
                    <a:pt x="56507" y="0"/>
                  </a:cubicBezTo>
                  <a:cubicBezTo>
                    <a:pt x="87715" y="0"/>
                    <a:pt x="113014" y="25299"/>
                    <a:pt x="113014" y="56507"/>
                  </a:cubicBezTo>
                  <a:close/>
                </a:path>
              </a:pathLst>
            </a:custGeom>
            <a:solidFill>
              <a:schemeClr val="accent1"/>
            </a:solidFill>
            <a:ln w="6317" cap="flat">
              <a:noFill/>
              <a:prstDash val="solid"/>
              <a:miter/>
            </a:ln>
          </p:spPr>
          <p:txBody>
            <a:bodyPr rtlCol="0" anchor="ctr"/>
            <a:lstStyle/>
            <a:p>
              <a:endParaRPr lang="en-US"/>
            </a:p>
          </p:txBody>
        </p:sp>
        <p:sp>
          <p:nvSpPr>
            <p:cNvPr id="116" name="Graphic 8">
              <a:extLst>
                <a:ext uri="{FF2B5EF4-FFF2-40B4-BE49-F238E27FC236}">
                  <a16:creationId xmlns:a16="http://schemas.microsoft.com/office/drawing/2014/main" id="{9C57215E-0892-514E-9AAA-E85A94FC0A1C}"/>
                </a:ext>
              </a:extLst>
            </p:cNvPr>
            <p:cNvSpPr/>
            <p:nvPr/>
          </p:nvSpPr>
          <p:spPr>
            <a:xfrm>
              <a:off x="5262125" y="2229414"/>
              <a:ext cx="1732831" cy="1720630"/>
            </a:xfrm>
            <a:custGeom>
              <a:avLst/>
              <a:gdLst>
                <a:gd name="connsiteX0" fmla="*/ 1013796 w 1732831"/>
                <a:gd name="connsiteY0" fmla="*/ 660 h 1720630"/>
                <a:gd name="connsiteX1" fmla="*/ 1012209 w 1732831"/>
                <a:gd name="connsiteY1" fmla="*/ 660 h 1720630"/>
                <a:gd name="connsiteX2" fmla="*/ 1008399 w 1732831"/>
                <a:gd name="connsiteY2" fmla="*/ 25 h 1720630"/>
                <a:gd name="connsiteX3" fmla="*/ 979803 w 1732831"/>
                <a:gd name="connsiteY3" fmla="*/ 28825 h 1720630"/>
                <a:gd name="connsiteX4" fmla="*/ 1001415 w 1732831"/>
                <a:gd name="connsiteY4" fmla="*/ 56532 h 1720630"/>
                <a:gd name="connsiteX5" fmla="*/ 1002050 w 1732831"/>
                <a:gd name="connsiteY5" fmla="*/ 56532 h 1720630"/>
                <a:gd name="connsiteX6" fmla="*/ 1004590 w 1732831"/>
                <a:gd name="connsiteY6" fmla="*/ 57167 h 1720630"/>
                <a:gd name="connsiteX7" fmla="*/ 1014114 w 1732831"/>
                <a:gd name="connsiteY7" fmla="*/ 58436 h 1720630"/>
                <a:gd name="connsiteX8" fmla="*/ 1661779 w 1732831"/>
                <a:gd name="connsiteY8" fmla="*/ 1002223 h 1720630"/>
                <a:gd name="connsiteX9" fmla="*/ 717992 w 1732831"/>
                <a:gd name="connsiteY9" fmla="*/ 1649888 h 1720630"/>
                <a:gd name="connsiteX10" fmla="*/ 56670 w 1732831"/>
                <a:gd name="connsiteY10" fmla="*/ 853978 h 1720630"/>
                <a:gd name="connsiteX11" fmla="*/ 718881 w 1732831"/>
                <a:gd name="connsiteY11" fmla="*/ 58436 h 1720630"/>
                <a:gd name="connsiteX12" fmla="*/ 728404 w 1732831"/>
                <a:gd name="connsiteY12" fmla="*/ 57167 h 1720630"/>
                <a:gd name="connsiteX13" fmla="*/ 732849 w 1732831"/>
                <a:gd name="connsiteY13" fmla="*/ 56532 h 1720630"/>
                <a:gd name="connsiteX14" fmla="*/ 733483 w 1732831"/>
                <a:gd name="connsiteY14" fmla="*/ 56532 h 1720630"/>
                <a:gd name="connsiteX15" fmla="*/ 754435 w 1732831"/>
                <a:gd name="connsiteY15" fmla="*/ 28596 h 1720630"/>
                <a:gd name="connsiteX16" fmla="*/ 726118 w 1732831"/>
                <a:gd name="connsiteY16" fmla="*/ 25 h 1720630"/>
                <a:gd name="connsiteX17" fmla="*/ 725865 w 1732831"/>
                <a:gd name="connsiteY17" fmla="*/ 25 h 1720630"/>
                <a:gd name="connsiteX18" fmla="*/ 721420 w 1732831"/>
                <a:gd name="connsiteY18" fmla="*/ 660 h 1720630"/>
                <a:gd name="connsiteX19" fmla="*/ 12328 w 1732831"/>
                <a:gd name="connsiteY19" fmla="*/ 999347 h 1720630"/>
                <a:gd name="connsiteX20" fmla="*/ 866814 w 1732831"/>
                <a:gd name="connsiteY20" fmla="*/ 1720630 h 1720630"/>
                <a:gd name="connsiteX21" fmla="*/ 1732831 w 1732831"/>
                <a:gd name="connsiteY21" fmla="*/ 853978 h 1720630"/>
                <a:gd name="connsiteX22" fmla="*/ 1013796 w 1732831"/>
                <a:gd name="connsiteY22" fmla="*/ 660 h 1720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732831" h="1720630">
                  <a:moveTo>
                    <a:pt x="1013796" y="660"/>
                  </a:moveTo>
                  <a:lnTo>
                    <a:pt x="1012209" y="660"/>
                  </a:lnTo>
                  <a:cubicBezTo>
                    <a:pt x="1010939" y="660"/>
                    <a:pt x="1009669" y="25"/>
                    <a:pt x="1008399" y="25"/>
                  </a:cubicBezTo>
                  <a:cubicBezTo>
                    <a:pt x="992552" y="81"/>
                    <a:pt x="979746" y="12976"/>
                    <a:pt x="979803" y="28825"/>
                  </a:cubicBezTo>
                  <a:cubicBezTo>
                    <a:pt x="979854" y="41906"/>
                    <a:pt x="988736" y="53301"/>
                    <a:pt x="1001415" y="56532"/>
                  </a:cubicBezTo>
                  <a:lnTo>
                    <a:pt x="1002050" y="56532"/>
                  </a:lnTo>
                  <a:cubicBezTo>
                    <a:pt x="1002685" y="56532"/>
                    <a:pt x="1003955" y="57167"/>
                    <a:pt x="1004590" y="57167"/>
                  </a:cubicBezTo>
                  <a:lnTo>
                    <a:pt x="1014114" y="58436"/>
                  </a:lnTo>
                  <a:cubicBezTo>
                    <a:pt x="1453579" y="140208"/>
                    <a:pt x="1743549" y="562756"/>
                    <a:pt x="1661779" y="1002223"/>
                  </a:cubicBezTo>
                  <a:cubicBezTo>
                    <a:pt x="1580009" y="1441689"/>
                    <a:pt x="1157457" y="1731658"/>
                    <a:pt x="717992" y="1649888"/>
                  </a:cubicBezTo>
                  <a:cubicBezTo>
                    <a:pt x="334594" y="1578550"/>
                    <a:pt x="56581" y="1243959"/>
                    <a:pt x="56670" y="853978"/>
                  </a:cubicBezTo>
                  <a:cubicBezTo>
                    <a:pt x="56670" y="457795"/>
                    <a:pt x="342379" y="128276"/>
                    <a:pt x="718881" y="58436"/>
                  </a:cubicBezTo>
                  <a:lnTo>
                    <a:pt x="728404" y="57167"/>
                  </a:lnTo>
                  <a:cubicBezTo>
                    <a:pt x="729674" y="57167"/>
                    <a:pt x="730944" y="56532"/>
                    <a:pt x="732849" y="56532"/>
                  </a:cubicBezTo>
                  <a:lnTo>
                    <a:pt x="733483" y="56532"/>
                  </a:lnTo>
                  <a:cubicBezTo>
                    <a:pt x="745966" y="53010"/>
                    <a:pt x="754550" y="41567"/>
                    <a:pt x="754435" y="28596"/>
                  </a:cubicBezTo>
                  <a:cubicBezTo>
                    <a:pt x="754505" y="12887"/>
                    <a:pt x="741826" y="95"/>
                    <a:pt x="726118" y="25"/>
                  </a:cubicBezTo>
                  <a:cubicBezTo>
                    <a:pt x="726036" y="24"/>
                    <a:pt x="725947" y="24"/>
                    <a:pt x="725865" y="25"/>
                  </a:cubicBezTo>
                  <a:cubicBezTo>
                    <a:pt x="724353" y="-78"/>
                    <a:pt x="722842" y="139"/>
                    <a:pt x="721420" y="660"/>
                  </a:cubicBezTo>
                  <a:cubicBezTo>
                    <a:pt x="249829" y="80630"/>
                    <a:pt x="-67642" y="527758"/>
                    <a:pt x="12328" y="999347"/>
                  </a:cubicBezTo>
                  <a:cubicBezTo>
                    <a:pt x="82994" y="1416070"/>
                    <a:pt x="444141" y="1720922"/>
                    <a:pt x="866814" y="1720630"/>
                  </a:cubicBezTo>
                  <a:cubicBezTo>
                    <a:pt x="1344901" y="1720630"/>
                    <a:pt x="1732831" y="1331430"/>
                    <a:pt x="1732831" y="853978"/>
                  </a:cubicBezTo>
                  <a:cubicBezTo>
                    <a:pt x="1732349" y="432605"/>
                    <a:pt x="1428983" y="72585"/>
                    <a:pt x="1013796" y="660"/>
                  </a:cubicBezTo>
                  <a:close/>
                </a:path>
              </a:pathLst>
            </a:custGeom>
            <a:solidFill>
              <a:schemeClr val="accent2"/>
            </a:solidFill>
            <a:ln w="6317" cap="flat">
              <a:noFill/>
              <a:prstDash val="solid"/>
              <a:miter/>
            </a:ln>
          </p:spPr>
          <p:txBody>
            <a:bodyPr rtlCol="0" anchor="ctr"/>
            <a:lstStyle/>
            <a:p>
              <a:endParaRPr lang="en-US"/>
            </a:p>
          </p:txBody>
        </p:sp>
        <p:sp>
          <p:nvSpPr>
            <p:cNvPr id="117" name="Graphic 8">
              <a:extLst>
                <a:ext uri="{FF2B5EF4-FFF2-40B4-BE49-F238E27FC236}">
                  <a16:creationId xmlns:a16="http://schemas.microsoft.com/office/drawing/2014/main" id="{47ABFC88-4455-F847-A69A-45E80A39DBF6}"/>
                </a:ext>
              </a:extLst>
            </p:cNvPr>
            <p:cNvSpPr/>
            <p:nvPr/>
          </p:nvSpPr>
          <p:spPr>
            <a:xfrm>
              <a:off x="5503871" y="2466578"/>
              <a:ext cx="1246962" cy="1246861"/>
            </a:xfrm>
            <a:custGeom>
              <a:avLst/>
              <a:gdLst>
                <a:gd name="connsiteX0" fmla="*/ 0 w 1246962"/>
                <a:gd name="connsiteY0" fmla="*/ 623164 h 1246861"/>
                <a:gd name="connsiteX1" fmla="*/ 623266 w 1246962"/>
                <a:gd name="connsiteY1" fmla="*/ 1246861 h 1246861"/>
                <a:gd name="connsiteX2" fmla="*/ 1246963 w 1246962"/>
                <a:gd name="connsiteY2" fmla="*/ 623589 h 1246861"/>
                <a:gd name="connsiteX3" fmla="*/ 988745 w 1246962"/>
                <a:gd name="connsiteY3" fmla="*/ 118093 h 1246861"/>
                <a:gd name="connsiteX4" fmla="*/ 1030776 w 1246962"/>
                <a:gd name="connsiteY4" fmla="*/ 61269 h 1246861"/>
                <a:gd name="connsiteX5" fmla="*/ 883159 w 1246962"/>
                <a:gd name="connsiteY5" fmla="*/ 79999 h 1246861"/>
                <a:gd name="connsiteX6" fmla="*/ 908556 w 1246962"/>
                <a:gd name="connsiteY6" fmla="*/ 227298 h 1246861"/>
                <a:gd name="connsiteX7" fmla="*/ 963158 w 1246962"/>
                <a:gd name="connsiteY7" fmla="*/ 153077 h 1246861"/>
                <a:gd name="connsiteX8" fmla="*/ 954904 w 1246962"/>
                <a:gd name="connsiteY8" fmla="*/ 164442 h 1246861"/>
                <a:gd name="connsiteX9" fmla="*/ 1081016 w 1246962"/>
                <a:gd name="connsiteY9" fmla="*/ 954377 h 1246861"/>
                <a:gd name="connsiteX10" fmla="*/ 291080 w 1246962"/>
                <a:gd name="connsiteY10" fmla="*/ 1080483 h 1246861"/>
                <a:gd name="connsiteX11" fmla="*/ 164970 w 1246962"/>
                <a:gd name="connsiteY11" fmla="*/ 290552 h 1246861"/>
                <a:gd name="connsiteX12" fmla="*/ 624434 w 1246962"/>
                <a:gd name="connsiteY12" fmla="*/ 56824 h 1246861"/>
                <a:gd name="connsiteX13" fmla="*/ 639037 w 1246962"/>
                <a:gd name="connsiteY13" fmla="*/ 57459 h 1246861"/>
                <a:gd name="connsiteX14" fmla="*/ 668877 w 1246962"/>
                <a:gd name="connsiteY14" fmla="*/ 29206 h 1246861"/>
                <a:gd name="connsiteX15" fmla="*/ 640941 w 1246962"/>
                <a:gd name="connsiteY15" fmla="*/ 635 h 1246861"/>
                <a:gd name="connsiteX16" fmla="*/ 638402 w 1246962"/>
                <a:gd name="connsiteY16" fmla="*/ 635 h 1246861"/>
                <a:gd name="connsiteX17" fmla="*/ 623799 w 1246962"/>
                <a:gd name="connsiteY17" fmla="*/ 0 h 1246861"/>
                <a:gd name="connsiteX18" fmla="*/ 0 w 1246962"/>
                <a:gd name="connsiteY18" fmla="*/ 623164 h 1246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46962" h="1246861">
                  <a:moveTo>
                    <a:pt x="0" y="623164"/>
                  </a:moveTo>
                  <a:cubicBezTo>
                    <a:pt x="-117" y="967501"/>
                    <a:pt x="278929" y="1246741"/>
                    <a:pt x="623266" y="1246861"/>
                  </a:cubicBezTo>
                  <a:cubicBezTo>
                    <a:pt x="967609" y="1246975"/>
                    <a:pt x="1246842" y="967926"/>
                    <a:pt x="1246963" y="623589"/>
                  </a:cubicBezTo>
                  <a:cubicBezTo>
                    <a:pt x="1247033" y="423409"/>
                    <a:pt x="1150977" y="235369"/>
                    <a:pt x="988745" y="118093"/>
                  </a:cubicBezTo>
                  <a:lnTo>
                    <a:pt x="1030776" y="61269"/>
                  </a:lnTo>
                  <a:lnTo>
                    <a:pt x="883159" y="79999"/>
                  </a:lnTo>
                  <a:lnTo>
                    <a:pt x="908556" y="227298"/>
                  </a:lnTo>
                  <a:lnTo>
                    <a:pt x="963158" y="153077"/>
                  </a:lnTo>
                  <a:lnTo>
                    <a:pt x="954904" y="164442"/>
                  </a:lnTo>
                  <a:cubicBezTo>
                    <a:pt x="1207865" y="347753"/>
                    <a:pt x="1264321" y="701417"/>
                    <a:pt x="1081016" y="954377"/>
                  </a:cubicBezTo>
                  <a:cubicBezTo>
                    <a:pt x="897705" y="1207332"/>
                    <a:pt x="544041" y="1263794"/>
                    <a:pt x="291080" y="1080483"/>
                  </a:cubicBezTo>
                  <a:cubicBezTo>
                    <a:pt x="38121" y="897178"/>
                    <a:pt x="-18340" y="543508"/>
                    <a:pt x="164970" y="290552"/>
                  </a:cubicBezTo>
                  <a:cubicBezTo>
                    <a:pt x="271659" y="143326"/>
                    <a:pt x="442615" y="56361"/>
                    <a:pt x="624434" y="56824"/>
                  </a:cubicBezTo>
                  <a:cubicBezTo>
                    <a:pt x="629310" y="56706"/>
                    <a:pt x="634186" y="56918"/>
                    <a:pt x="639037" y="57459"/>
                  </a:cubicBezTo>
                  <a:cubicBezTo>
                    <a:pt x="655062" y="57851"/>
                    <a:pt x="668395" y="45228"/>
                    <a:pt x="668877" y="29206"/>
                  </a:cubicBezTo>
                  <a:cubicBezTo>
                    <a:pt x="668344" y="13895"/>
                    <a:pt x="656236" y="1511"/>
                    <a:pt x="640941" y="635"/>
                  </a:cubicBezTo>
                  <a:lnTo>
                    <a:pt x="638402" y="635"/>
                  </a:lnTo>
                  <a:cubicBezTo>
                    <a:pt x="633322" y="635"/>
                    <a:pt x="628878" y="0"/>
                    <a:pt x="623799" y="0"/>
                  </a:cubicBezTo>
                  <a:cubicBezTo>
                    <a:pt x="279619" y="210"/>
                    <a:pt x="560" y="278984"/>
                    <a:pt x="0" y="623164"/>
                  </a:cubicBezTo>
                  <a:close/>
                </a:path>
              </a:pathLst>
            </a:custGeom>
            <a:solidFill>
              <a:schemeClr val="accent2"/>
            </a:solidFill>
            <a:ln w="6317" cap="flat">
              <a:noFill/>
              <a:prstDash val="solid"/>
              <a:miter/>
            </a:ln>
          </p:spPr>
          <p:txBody>
            <a:bodyPr rtlCol="0" anchor="ctr"/>
            <a:lstStyle/>
            <a:p>
              <a:endParaRPr lang="en-US"/>
            </a:p>
          </p:txBody>
        </p:sp>
        <p:sp>
          <p:nvSpPr>
            <p:cNvPr id="118" name="Graphic 8">
              <a:extLst>
                <a:ext uri="{FF2B5EF4-FFF2-40B4-BE49-F238E27FC236}">
                  <a16:creationId xmlns:a16="http://schemas.microsoft.com/office/drawing/2014/main" id="{011E56B0-E0CB-A045-A0B1-F713CC5F9898}"/>
                </a:ext>
              </a:extLst>
            </p:cNvPr>
            <p:cNvSpPr/>
            <p:nvPr/>
          </p:nvSpPr>
          <p:spPr>
            <a:xfrm>
              <a:off x="5724502" y="2747525"/>
              <a:ext cx="746018" cy="684432"/>
            </a:xfrm>
            <a:custGeom>
              <a:avLst/>
              <a:gdLst>
                <a:gd name="connsiteX0" fmla="*/ 403803 w 746018"/>
                <a:gd name="connsiteY0" fmla="*/ 684433 h 684432"/>
                <a:gd name="connsiteX1" fmla="*/ 746019 w 746018"/>
                <a:gd name="connsiteY1" fmla="*/ 342217 h 684432"/>
                <a:gd name="connsiteX2" fmla="*/ 403803 w 746018"/>
                <a:gd name="connsiteY2" fmla="*/ 0 h 684432"/>
                <a:gd name="connsiteX3" fmla="*/ 216504 w 746018"/>
                <a:gd name="connsiteY3" fmla="*/ 56507 h 684432"/>
                <a:gd name="connsiteX4" fmla="*/ 203171 w 746018"/>
                <a:gd name="connsiteY4" fmla="*/ 80634 h 684432"/>
                <a:gd name="connsiteX5" fmla="*/ 231488 w 746018"/>
                <a:gd name="connsiteY5" fmla="*/ 109205 h 684432"/>
                <a:gd name="connsiteX6" fmla="*/ 231742 w 746018"/>
                <a:gd name="connsiteY6" fmla="*/ 109205 h 684432"/>
                <a:gd name="connsiteX7" fmla="*/ 247615 w 746018"/>
                <a:gd name="connsiteY7" fmla="*/ 104125 h 684432"/>
                <a:gd name="connsiteX8" fmla="*/ 403803 w 746018"/>
                <a:gd name="connsiteY8" fmla="*/ 57142 h 684432"/>
                <a:gd name="connsiteX9" fmla="*/ 688585 w 746018"/>
                <a:gd name="connsiteY9" fmla="*/ 342509 h 684432"/>
                <a:gd name="connsiteX10" fmla="*/ 403225 w 746018"/>
                <a:gd name="connsiteY10" fmla="*/ 627291 h 684432"/>
                <a:gd name="connsiteX11" fmla="*/ 124823 w 746018"/>
                <a:gd name="connsiteY11" fmla="*/ 402216 h 684432"/>
                <a:gd name="connsiteX12" fmla="*/ 201012 w 746018"/>
                <a:gd name="connsiteY12" fmla="*/ 386597 h 684432"/>
                <a:gd name="connsiteX13" fmla="*/ 79999 w 746018"/>
                <a:gd name="connsiteY13" fmla="*/ 301582 h 684432"/>
                <a:gd name="connsiteX14" fmla="*/ 0 w 746018"/>
                <a:gd name="connsiteY14" fmla="*/ 427929 h 684432"/>
                <a:gd name="connsiteX15" fmla="*/ 89649 w 746018"/>
                <a:gd name="connsiteY15" fmla="*/ 409517 h 684432"/>
                <a:gd name="connsiteX16" fmla="*/ 69205 w 746018"/>
                <a:gd name="connsiteY16" fmla="*/ 413961 h 684432"/>
                <a:gd name="connsiteX17" fmla="*/ 403803 w 746018"/>
                <a:gd name="connsiteY17" fmla="*/ 684433 h 684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46018" h="684432">
                  <a:moveTo>
                    <a:pt x="403803" y="684433"/>
                  </a:moveTo>
                  <a:cubicBezTo>
                    <a:pt x="592803" y="684433"/>
                    <a:pt x="746019" y="531216"/>
                    <a:pt x="746019" y="342217"/>
                  </a:cubicBezTo>
                  <a:cubicBezTo>
                    <a:pt x="746019" y="153217"/>
                    <a:pt x="592803" y="0"/>
                    <a:pt x="403803" y="0"/>
                  </a:cubicBezTo>
                  <a:cubicBezTo>
                    <a:pt x="337162" y="-72"/>
                    <a:pt x="271989" y="19590"/>
                    <a:pt x="216504" y="56507"/>
                  </a:cubicBezTo>
                  <a:cubicBezTo>
                    <a:pt x="208339" y="61847"/>
                    <a:pt x="203349" y="70882"/>
                    <a:pt x="203171" y="80634"/>
                  </a:cubicBezTo>
                  <a:cubicBezTo>
                    <a:pt x="203101" y="96341"/>
                    <a:pt x="215780" y="109135"/>
                    <a:pt x="231488" y="109205"/>
                  </a:cubicBezTo>
                  <a:cubicBezTo>
                    <a:pt x="231571" y="109205"/>
                    <a:pt x="231660" y="109205"/>
                    <a:pt x="231742" y="109205"/>
                  </a:cubicBezTo>
                  <a:cubicBezTo>
                    <a:pt x="237431" y="109173"/>
                    <a:pt x="242967" y="107402"/>
                    <a:pt x="247615" y="104125"/>
                  </a:cubicBezTo>
                  <a:cubicBezTo>
                    <a:pt x="293887" y="73370"/>
                    <a:pt x="348242" y="57021"/>
                    <a:pt x="403803" y="57142"/>
                  </a:cubicBezTo>
                  <a:cubicBezTo>
                    <a:pt x="561248" y="57301"/>
                    <a:pt x="688750" y="185064"/>
                    <a:pt x="688585" y="342509"/>
                  </a:cubicBezTo>
                  <a:cubicBezTo>
                    <a:pt x="688426" y="499947"/>
                    <a:pt x="560663" y="627450"/>
                    <a:pt x="403225" y="627291"/>
                  </a:cubicBezTo>
                  <a:cubicBezTo>
                    <a:pt x="269011" y="627151"/>
                    <a:pt x="153070" y="533420"/>
                    <a:pt x="124823" y="402216"/>
                  </a:cubicBezTo>
                  <a:lnTo>
                    <a:pt x="201012" y="386597"/>
                  </a:lnTo>
                  <a:lnTo>
                    <a:pt x="79999" y="301582"/>
                  </a:lnTo>
                  <a:lnTo>
                    <a:pt x="0" y="427929"/>
                  </a:lnTo>
                  <a:lnTo>
                    <a:pt x="89649" y="409517"/>
                  </a:lnTo>
                  <a:lnTo>
                    <a:pt x="69205" y="413961"/>
                  </a:lnTo>
                  <a:cubicBezTo>
                    <a:pt x="103249" y="571590"/>
                    <a:pt x="242542" y="684185"/>
                    <a:pt x="403803" y="684433"/>
                  </a:cubicBezTo>
                  <a:close/>
                </a:path>
              </a:pathLst>
            </a:custGeom>
            <a:solidFill>
              <a:schemeClr val="accent2"/>
            </a:solidFill>
            <a:ln w="6317" cap="flat">
              <a:noFill/>
              <a:prstDash val="solid"/>
              <a:miter/>
            </a:ln>
          </p:spPr>
          <p:txBody>
            <a:bodyPr rtlCol="0" anchor="ctr"/>
            <a:lstStyle/>
            <a:p>
              <a:endParaRPr lang="en-US"/>
            </a:p>
          </p:txBody>
        </p:sp>
      </p:grpSp>
      <p:grpSp>
        <p:nvGrpSpPr>
          <p:cNvPr id="119" name="Group 118">
            <a:extLst>
              <a:ext uri="{FF2B5EF4-FFF2-40B4-BE49-F238E27FC236}">
                <a16:creationId xmlns:a16="http://schemas.microsoft.com/office/drawing/2014/main" id="{9547D843-0114-2747-859F-F80B33FB65B0}"/>
              </a:ext>
            </a:extLst>
          </p:cNvPr>
          <p:cNvGrpSpPr/>
          <p:nvPr/>
        </p:nvGrpSpPr>
        <p:grpSpPr>
          <a:xfrm>
            <a:off x="1653292" y="4850851"/>
            <a:ext cx="615841" cy="623004"/>
            <a:chOff x="5262125" y="2197059"/>
            <a:chExt cx="1732831" cy="1752985"/>
          </a:xfrm>
        </p:grpSpPr>
        <p:sp>
          <p:nvSpPr>
            <p:cNvPr id="120" name="Graphic 8">
              <a:extLst>
                <a:ext uri="{FF2B5EF4-FFF2-40B4-BE49-F238E27FC236}">
                  <a16:creationId xmlns:a16="http://schemas.microsoft.com/office/drawing/2014/main" id="{810CEC63-B160-454F-AAFD-25B186AB9A97}"/>
                </a:ext>
              </a:extLst>
            </p:cNvPr>
            <p:cNvSpPr/>
            <p:nvPr/>
          </p:nvSpPr>
          <p:spPr>
            <a:xfrm>
              <a:off x="6071480" y="2197059"/>
              <a:ext cx="113013" cy="113013"/>
            </a:xfrm>
            <a:custGeom>
              <a:avLst/>
              <a:gdLst>
                <a:gd name="connsiteX0" fmla="*/ 113014 w 113013"/>
                <a:gd name="connsiteY0" fmla="*/ 56507 h 113013"/>
                <a:gd name="connsiteX1" fmla="*/ 56507 w 113013"/>
                <a:gd name="connsiteY1" fmla="*/ 113014 h 113013"/>
                <a:gd name="connsiteX2" fmla="*/ 0 w 113013"/>
                <a:gd name="connsiteY2" fmla="*/ 56507 h 113013"/>
                <a:gd name="connsiteX3" fmla="*/ 56507 w 113013"/>
                <a:gd name="connsiteY3" fmla="*/ 0 h 113013"/>
                <a:gd name="connsiteX4" fmla="*/ 113014 w 113013"/>
                <a:gd name="connsiteY4" fmla="*/ 56507 h 1130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13" h="113013">
                  <a:moveTo>
                    <a:pt x="113014" y="56507"/>
                  </a:moveTo>
                  <a:cubicBezTo>
                    <a:pt x="113014" y="87715"/>
                    <a:pt x="87715" y="113014"/>
                    <a:pt x="56507" y="113014"/>
                  </a:cubicBezTo>
                  <a:cubicBezTo>
                    <a:pt x="25299" y="113014"/>
                    <a:pt x="0" y="87715"/>
                    <a:pt x="0" y="56507"/>
                  </a:cubicBezTo>
                  <a:cubicBezTo>
                    <a:pt x="0" y="25299"/>
                    <a:pt x="25299" y="0"/>
                    <a:pt x="56507" y="0"/>
                  </a:cubicBezTo>
                  <a:cubicBezTo>
                    <a:pt x="87715" y="0"/>
                    <a:pt x="113014" y="25299"/>
                    <a:pt x="113014" y="56507"/>
                  </a:cubicBezTo>
                  <a:close/>
                </a:path>
              </a:pathLst>
            </a:custGeom>
            <a:solidFill>
              <a:schemeClr val="accent1"/>
            </a:solidFill>
            <a:ln w="6317" cap="flat">
              <a:noFill/>
              <a:prstDash val="solid"/>
              <a:miter/>
            </a:ln>
          </p:spPr>
          <p:txBody>
            <a:bodyPr rtlCol="0" anchor="ctr"/>
            <a:lstStyle/>
            <a:p>
              <a:endParaRPr lang="en-US"/>
            </a:p>
          </p:txBody>
        </p:sp>
        <p:sp>
          <p:nvSpPr>
            <p:cNvPr id="121" name="Graphic 8">
              <a:extLst>
                <a:ext uri="{FF2B5EF4-FFF2-40B4-BE49-F238E27FC236}">
                  <a16:creationId xmlns:a16="http://schemas.microsoft.com/office/drawing/2014/main" id="{890E9872-4659-3E48-8B4D-F3AAB10CCEBC}"/>
                </a:ext>
              </a:extLst>
            </p:cNvPr>
            <p:cNvSpPr/>
            <p:nvPr/>
          </p:nvSpPr>
          <p:spPr>
            <a:xfrm>
              <a:off x="5262125" y="2229414"/>
              <a:ext cx="1732831" cy="1720630"/>
            </a:xfrm>
            <a:custGeom>
              <a:avLst/>
              <a:gdLst>
                <a:gd name="connsiteX0" fmla="*/ 1013796 w 1732831"/>
                <a:gd name="connsiteY0" fmla="*/ 660 h 1720630"/>
                <a:gd name="connsiteX1" fmla="*/ 1012209 w 1732831"/>
                <a:gd name="connsiteY1" fmla="*/ 660 h 1720630"/>
                <a:gd name="connsiteX2" fmla="*/ 1008399 w 1732831"/>
                <a:gd name="connsiteY2" fmla="*/ 25 h 1720630"/>
                <a:gd name="connsiteX3" fmla="*/ 979803 w 1732831"/>
                <a:gd name="connsiteY3" fmla="*/ 28825 h 1720630"/>
                <a:gd name="connsiteX4" fmla="*/ 1001415 w 1732831"/>
                <a:gd name="connsiteY4" fmla="*/ 56532 h 1720630"/>
                <a:gd name="connsiteX5" fmla="*/ 1002050 w 1732831"/>
                <a:gd name="connsiteY5" fmla="*/ 56532 h 1720630"/>
                <a:gd name="connsiteX6" fmla="*/ 1004590 w 1732831"/>
                <a:gd name="connsiteY6" fmla="*/ 57167 h 1720630"/>
                <a:gd name="connsiteX7" fmla="*/ 1014114 w 1732831"/>
                <a:gd name="connsiteY7" fmla="*/ 58436 h 1720630"/>
                <a:gd name="connsiteX8" fmla="*/ 1661779 w 1732831"/>
                <a:gd name="connsiteY8" fmla="*/ 1002223 h 1720630"/>
                <a:gd name="connsiteX9" fmla="*/ 717992 w 1732831"/>
                <a:gd name="connsiteY9" fmla="*/ 1649888 h 1720630"/>
                <a:gd name="connsiteX10" fmla="*/ 56670 w 1732831"/>
                <a:gd name="connsiteY10" fmla="*/ 853978 h 1720630"/>
                <a:gd name="connsiteX11" fmla="*/ 718881 w 1732831"/>
                <a:gd name="connsiteY11" fmla="*/ 58436 h 1720630"/>
                <a:gd name="connsiteX12" fmla="*/ 728404 w 1732831"/>
                <a:gd name="connsiteY12" fmla="*/ 57167 h 1720630"/>
                <a:gd name="connsiteX13" fmla="*/ 732849 w 1732831"/>
                <a:gd name="connsiteY13" fmla="*/ 56532 h 1720630"/>
                <a:gd name="connsiteX14" fmla="*/ 733483 w 1732831"/>
                <a:gd name="connsiteY14" fmla="*/ 56532 h 1720630"/>
                <a:gd name="connsiteX15" fmla="*/ 754435 w 1732831"/>
                <a:gd name="connsiteY15" fmla="*/ 28596 h 1720630"/>
                <a:gd name="connsiteX16" fmla="*/ 726118 w 1732831"/>
                <a:gd name="connsiteY16" fmla="*/ 25 h 1720630"/>
                <a:gd name="connsiteX17" fmla="*/ 725865 w 1732831"/>
                <a:gd name="connsiteY17" fmla="*/ 25 h 1720630"/>
                <a:gd name="connsiteX18" fmla="*/ 721420 w 1732831"/>
                <a:gd name="connsiteY18" fmla="*/ 660 h 1720630"/>
                <a:gd name="connsiteX19" fmla="*/ 12328 w 1732831"/>
                <a:gd name="connsiteY19" fmla="*/ 999347 h 1720630"/>
                <a:gd name="connsiteX20" fmla="*/ 866814 w 1732831"/>
                <a:gd name="connsiteY20" fmla="*/ 1720630 h 1720630"/>
                <a:gd name="connsiteX21" fmla="*/ 1732831 w 1732831"/>
                <a:gd name="connsiteY21" fmla="*/ 853978 h 1720630"/>
                <a:gd name="connsiteX22" fmla="*/ 1013796 w 1732831"/>
                <a:gd name="connsiteY22" fmla="*/ 660 h 1720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732831" h="1720630">
                  <a:moveTo>
                    <a:pt x="1013796" y="660"/>
                  </a:moveTo>
                  <a:lnTo>
                    <a:pt x="1012209" y="660"/>
                  </a:lnTo>
                  <a:cubicBezTo>
                    <a:pt x="1010939" y="660"/>
                    <a:pt x="1009669" y="25"/>
                    <a:pt x="1008399" y="25"/>
                  </a:cubicBezTo>
                  <a:cubicBezTo>
                    <a:pt x="992552" y="81"/>
                    <a:pt x="979746" y="12976"/>
                    <a:pt x="979803" y="28825"/>
                  </a:cubicBezTo>
                  <a:cubicBezTo>
                    <a:pt x="979854" y="41906"/>
                    <a:pt x="988736" y="53301"/>
                    <a:pt x="1001415" y="56532"/>
                  </a:cubicBezTo>
                  <a:lnTo>
                    <a:pt x="1002050" y="56532"/>
                  </a:lnTo>
                  <a:cubicBezTo>
                    <a:pt x="1002685" y="56532"/>
                    <a:pt x="1003955" y="57167"/>
                    <a:pt x="1004590" y="57167"/>
                  </a:cubicBezTo>
                  <a:lnTo>
                    <a:pt x="1014114" y="58436"/>
                  </a:lnTo>
                  <a:cubicBezTo>
                    <a:pt x="1453579" y="140208"/>
                    <a:pt x="1743549" y="562756"/>
                    <a:pt x="1661779" y="1002223"/>
                  </a:cubicBezTo>
                  <a:cubicBezTo>
                    <a:pt x="1580009" y="1441689"/>
                    <a:pt x="1157457" y="1731658"/>
                    <a:pt x="717992" y="1649888"/>
                  </a:cubicBezTo>
                  <a:cubicBezTo>
                    <a:pt x="334594" y="1578550"/>
                    <a:pt x="56581" y="1243959"/>
                    <a:pt x="56670" y="853978"/>
                  </a:cubicBezTo>
                  <a:cubicBezTo>
                    <a:pt x="56670" y="457795"/>
                    <a:pt x="342379" y="128276"/>
                    <a:pt x="718881" y="58436"/>
                  </a:cubicBezTo>
                  <a:lnTo>
                    <a:pt x="728404" y="57167"/>
                  </a:lnTo>
                  <a:cubicBezTo>
                    <a:pt x="729674" y="57167"/>
                    <a:pt x="730944" y="56532"/>
                    <a:pt x="732849" y="56532"/>
                  </a:cubicBezTo>
                  <a:lnTo>
                    <a:pt x="733483" y="56532"/>
                  </a:lnTo>
                  <a:cubicBezTo>
                    <a:pt x="745966" y="53010"/>
                    <a:pt x="754550" y="41567"/>
                    <a:pt x="754435" y="28596"/>
                  </a:cubicBezTo>
                  <a:cubicBezTo>
                    <a:pt x="754505" y="12887"/>
                    <a:pt x="741826" y="95"/>
                    <a:pt x="726118" y="25"/>
                  </a:cubicBezTo>
                  <a:cubicBezTo>
                    <a:pt x="726036" y="24"/>
                    <a:pt x="725947" y="24"/>
                    <a:pt x="725865" y="25"/>
                  </a:cubicBezTo>
                  <a:cubicBezTo>
                    <a:pt x="724353" y="-78"/>
                    <a:pt x="722842" y="139"/>
                    <a:pt x="721420" y="660"/>
                  </a:cubicBezTo>
                  <a:cubicBezTo>
                    <a:pt x="249829" y="80630"/>
                    <a:pt x="-67642" y="527758"/>
                    <a:pt x="12328" y="999347"/>
                  </a:cubicBezTo>
                  <a:cubicBezTo>
                    <a:pt x="82994" y="1416070"/>
                    <a:pt x="444141" y="1720922"/>
                    <a:pt x="866814" y="1720630"/>
                  </a:cubicBezTo>
                  <a:cubicBezTo>
                    <a:pt x="1344901" y="1720630"/>
                    <a:pt x="1732831" y="1331430"/>
                    <a:pt x="1732831" y="853978"/>
                  </a:cubicBezTo>
                  <a:cubicBezTo>
                    <a:pt x="1732349" y="432605"/>
                    <a:pt x="1428983" y="72585"/>
                    <a:pt x="1013796" y="660"/>
                  </a:cubicBezTo>
                  <a:close/>
                </a:path>
              </a:pathLst>
            </a:custGeom>
            <a:solidFill>
              <a:schemeClr val="accent2"/>
            </a:solidFill>
            <a:ln w="6317" cap="flat">
              <a:noFill/>
              <a:prstDash val="solid"/>
              <a:miter/>
            </a:ln>
          </p:spPr>
          <p:txBody>
            <a:bodyPr rtlCol="0" anchor="ctr"/>
            <a:lstStyle/>
            <a:p>
              <a:endParaRPr lang="en-US"/>
            </a:p>
          </p:txBody>
        </p:sp>
        <p:sp>
          <p:nvSpPr>
            <p:cNvPr id="122" name="Graphic 8">
              <a:extLst>
                <a:ext uri="{FF2B5EF4-FFF2-40B4-BE49-F238E27FC236}">
                  <a16:creationId xmlns:a16="http://schemas.microsoft.com/office/drawing/2014/main" id="{66F2E1B7-AE5B-5740-A6C6-E4057990BC49}"/>
                </a:ext>
              </a:extLst>
            </p:cNvPr>
            <p:cNvSpPr/>
            <p:nvPr/>
          </p:nvSpPr>
          <p:spPr>
            <a:xfrm>
              <a:off x="5503871" y="2466578"/>
              <a:ext cx="1246962" cy="1246861"/>
            </a:xfrm>
            <a:custGeom>
              <a:avLst/>
              <a:gdLst>
                <a:gd name="connsiteX0" fmla="*/ 0 w 1246962"/>
                <a:gd name="connsiteY0" fmla="*/ 623164 h 1246861"/>
                <a:gd name="connsiteX1" fmla="*/ 623266 w 1246962"/>
                <a:gd name="connsiteY1" fmla="*/ 1246861 h 1246861"/>
                <a:gd name="connsiteX2" fmla="*/ 1246963 w 1246962"/>
                <a:gd name="connsiteY2" fmla="*/ 623589 h 1246861"/>
                <a:gd name="connsiteX3" fmla="*/ 988745 w 1246962"/>
                <a:gd name="connsiteY3" fmla="*/ 118093 h 1246861"/>
                <a:gd name="connsiteX4" fmla="*/ 1030776 w 1246962"/>
                <a:gd name="connsiteY4" fmla="*/ 61269 h 1246861"/>
                <a:gd name="connsiteX5" fmla="*/ 883159 w 1246962"/>
                <a:gd name="connsiteY5" fmla="*/ 79999 h 1246861"/>
                <a:gd name="connsiteX6" fmla="*/ 908556 w 1246962"/>
                <a:gd name="connsiteY6" fmla="*/ 227298 h 1246861"/>
                <a:gd name="connsiteX7" fmla="*/ 963158 w 1246962"/>
                <a:gd name="connsiteY7" fmla="*/ 153077 h 1246861"/>
                <a:gd name="connsiteX8" fmla="*/ 954904 w 1246962"/>
                <a:gd name="connsiteY8" fmla="*/ 164442 h 1246861"/>
                <a:gd name="connsiteX9" fmla="*/ 1081016 w 1246962"/>
                <a:gd name="connsiteY9" fmla="*/ 954377 h 1246861"/>
                <a:gd name="connsiteX10" fmla="*/ 291080 w 1246962"/>
                <a:gd name="connsiteY10" fmla="*/ 1080483 h 1246861"/>
                <a:gd name="connsiteX11" fmla="*/ 164970 w 1246962"/>
                <a:gd name="connsiteY11" fmla="*/ 290552 h 1246861"/>
                <a:gd name="connsiteX12" fmla="*/ 624434 w 1246962"/>
                <a:gd name="connsiteY12" fmla="*/ 56824 h 1246861"/>
                <a:gd name="connsiteX13" fmla="*/ 639037 w 1246962"/>
                <a:gd name="connsiteY13" fmla="*/ 57459 h 1246861"/>
                <a:gd name="connsiteX14" fmla="*/ 668877 w 1246962"/>
                <a:gd name="connsiteY14" fmla="*/ 29206 h 1246861"/>
                <a:gd name="connsiteX15" fmla="*/ 640941 w 1246962"/>
                <a:gd name="connsiteY15" fmla="*/ 635 h 1246861"/>
                <a:gd name="connsiteX16" fmla="*/ 638402 w 1246962"/>
                <a:gd name="connsiteY16" fmla="*/ 635 h 1246861"/>
                <a:gd name="connsiteX17" fmla="*/ 623799 w 1246962"/>
                <a:gd name="connsiteY17" fmla="*/ 0 h 1246861"/>
                <a:gd name="connsiteX18" fmla="*/ 0 w 1246962"/>
                <a:gd name="connsiteY18" fmla="*/ 623164 h 1246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46962" h="1246861">
                  <a:moveTo>
                    <a:pt x="0" y="623164"/>
                  </a:moveTo>
                  <a:cubicBezTo>
                    <a:pt x="-117" y="967501"/>
                    <a:pt x="278929" y="1246741"/>
                    <a:pt x="623266" y="1246861"/>
                  </a:cubicBezTo>
                  <a:cubicBezTo>
                    <a:pt x="967609" y="1246975"/>
                    <a:pt x="1246842" y="967926"/>
                    <a:pt x="1246963" y="623589"/>
                  </a:cubicBezTo>
                  <a:cubicBezTo>
                    <a:pt x="1247033" y="423409"/>
                    <a:pt x="1150977" y="235369"/>
                    <a:pt x="988745" y="118093"/>
                  </a:cubicBezTo>
                  <a:lnTo>
                    <a:pt x="1030776" y="61269"/>
                  </a:lnTo>
                  <a:lnTo>
                    <a:pt x="883159" y="79999"/>
                  </a:lnTo>
                  <a:lnTo>
                    <a:pt x="908556" y="227298"/>
                  </a:lnTo>
                  <a:lnTo>
                    <a:pt x="963158" y="153077"/>
                  </a:lnTo>
                  <a:lnTo>
                    <a:pt x="954904" y="164442"/>
                  </a:lnTo>
                  <a:cubicBezTo>
                    <a:pt x="1207865" y="347753"/>
                    <a:pt x="1264321" y="701417"/>
                    <a:pt x="1081016" y="954377"/>
                  </a:cubicBezTo>
                  <a:cubicBezTo>
                    <a:pt x="897705" y="1207332"/>
                    <a:pt x="544041" y="1263794"/>
                    <a:pt x="291080" y="1080483"/>
                  </a:cubicBezTo>
                  <a:cubicBezTo>
                    <a:pt x="38121" y="897178"/>
                    <a:pt x="-18340" y="543508"/>
                    <a:pt x="164970" y="290552"/>
                  </a:cubicBezTo>
                  <a:cubicBezTo>
                    <a:pt x="271659" y="143326"/>
                    <a:pt x="442615" y="56361"/>
                    <a:pt x="624434" y="56824"/>
                  </a:cubicBezTo>
                  <a:cubicBezTo>
                    <a:pt x="629310" y="56706"/>
                    <a:pt x="634186" y="56918"/>
                    <a:pt x="639037" y="57459"/>
                  </a:cubicBezTo>
                  <a:cubicBezTo>
                    <a:pt x="655062" y="57851"/>
                    <a:pt x="668395" y="45228"/>
                    <a:pt x="668877" y="29206"/>
                  </a:cubicBezTo>
                  <a:cubicBezTo>
                    <a:pt x="668344" y="13895"/>
                    <a:pt x="656236" y="1511"/>
                    <a:pt x="640941" y="635"/>
                  </a:cubicBezTo>
                  <a:lnTo>
                    <a:pt x="638402" y="635"/>
                  </a:lnTo>
                  <a:cubicBezTo>
                    <a:pt x="633322" y="635"/>
                    <a:pt x="628878" y="0"/>
                    <a:pt x="623799" y="0"/>
                  </a:cubicBezTo>
                  <a:cubicBezTo>
                    <a:pt x="279619" y="210"/>
                    <a:pt x="560" y="278984"/>
                    <a:pt x="0" y="623164"/>
                  </a:cubicBezTo>
                  <a:close/>
                </a:path>
              </a:pathLst>
            </a:custGeom>
            <a:solidFill>
              <a:schemeClr val="accent2"/>
            </a:solidFill>
            <a:ln w="6317" cap="flat">
              <a:noFill/>
              <a:prstDash val="solid"/>
              <a:miter/>
            </a:ln>
          </p:spPr>
          <p:txBody>
            <a:bodyPr rtlCol="0" anchor="ctr"/>
            <a:lstStyle/>
            <a:p>
              <a:endParaRPr lang="en-US"/>
            </a:p>
          </p:txBody>
        </p:sp>
        <p:sp>
          <p:nvSpPr>
            <p:cNvPr id="123" name="Graphic 8">
              <a:extLst>
                <a:ext uri="{FF2B5EF4-FFF2-40B4-BE49-F238E27FC236}">
                  <a16:creationId xmlns:a16="http://schemas.microsoft.com/office/drawing/2014/main" id="{B71CDE17-9345-F144-B0AA-8E1EADFC50B7}"/>
                </a:ext>
              </a:extLst>
            </p:cNvPr>
            <p:cNvSpPr/>
            <p:nvPr/>
          </p:nvSpPr>
          <p:spPr>
            <a:xfrm>
              <a:off x="5724502" y="2747525"/>
              <a:ext cx="746018" cy="684432"/>
            </a:xfrm>
            <a:custGeom>
              <a:avLst/>
              <a:gdLst>
                <a:gd name="connsiteX0" fmla="*/ 403803 w 746018"/>
                <a:gd name="connsiteY0" fmla="*/ 684433 h 684432"/>
                <a:gd name="connsiteX1" fmla="*/ 746019 w 746018"/>
                <a:gd name="connsiteY1" fmla="*/ 342217 h 684432"/>
                <a:gd name="connsiteX2" fmla="*/ 403803 w 746018"/>
                <a:gd name="connsiteY2" fmla="*/ 0 h 684432"/>
                <a:gd name="connsiteX3" fmla="*/ 216504 w 746018"/>
                <a:gd name="connsiteY3" fmla="*/ 56507 h 684432"/>
                <a:gd name="connsiteX4" fmla="*/ 203171 w 746018"/>
                <a:gd name="connsiteY4" fmla="*/ 80634 h 684432"/>
                <a:gd name="connsiteX5" fmla="*/ 231488 w 746018"/>
                <a:gd name="connsiteY5" fmla="*/ 109205 h 684432"/>
                <a:gd name="connsiteX6" fmla="*/ 231742 w 746018"/>
                <a:gd name="connsiteY6" fmla="*/ 109205 h 684432"/>
                <a:gd name="connsiteX7" fmla="*/ 247615 w 746018"/>
                <a:gd name="connsiteY7" fmla="*/ 104125 h 684432"/>
                <a:gd name="connsiteX8" fmla="*/ 403803 w 746018"/>
                <a:gd name="connsiteY8" fmla="*/ 57142 h 684432"/>
                <a:gd name="connsiteX9" fmla="*/ 688585 w 746018"/>
                <a:gd name="connsiteY9" fmla="*/ 342509 h 684432"/>
                <a:gd name="connsiteX10" fmla="*/ 403225 w 746018"/>
                <a:gd name="connsiteY10" fmla="*/ 627291 h 684432"/>
                <a:gd name="connsiteX11" fmla="*/ 124823 w 746018"/>
                <a:gd name="connsiteY11" fmla="*/ 402216 h 684432"/>
                <a:gd name="connsiteX12" fmla="*/ 201012 w 746018"/>
                <a:gd name="connsiteY12" fmla="*/ 386597 h 684432"/>
                <a:gd name="connsiteX13" fmla="*/ 79999 w 746018"/>
                <a:gd name="connsiteY13" fmla="*/ 301582 h 684432"/>
                <a:gd name="connsiteX14" fmla="*/ 0 w 746018"/>
                <a:gd name="connsiteY14" fmla="*/ 427929 h 684432"/>
                <a:gd name="connsiteX15" fmla="*/ 89649 w 746018"/>
                <a:gd name="connsiteY15" fmla="*/ 409517 h 684432"/>
                <a:gd name="connsiteX16" fmla="*/ 69205 w 746018"/>
                <a:gd name="connsiteY16" fmla="*/ 413961 h 684432"/>
                <a:gd name="connsiteX17" fmla="*/ 403803 w 746018"/>
                <a:gd name="connsiteY17" fmla="*/ 684433 h 684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46018" h="684432">
                  <a:moveTo>
                    <a:pt x="403803" y="684433"/>
                  </a:moveTo>
                  <a:cubicBezTo>
                    <a:pt x="592803" y="684433"/>
                    <a:pt x="746019" y="531216"/>
                    <a:pt x="746019" y="342217"/>
                  </a:cubicBezTo>
                  <a:cubicBezTo>
                    <a:pt x="746019" y="153217"/>
                    <a:pt x="592803" y="0"/>
                    <a:pt x="403803" y="0"/>
                  </a:cubicBezTo>
                  <a:cubicBezTo>
                    <a:pt x="337162" y="-72"/>
                    <a:pt x="271989" y="19590"/>
                    <a:pt x="216504" y="56507"/>
                  </a:cubicBezTo>
                  <a:cubicBezTo>
                    <a:pt x="208339" y="61847"/>
                    <a:pt x="203349" y="70882"/>
                    <a:pt x="203171" y="80634"/>
                  </a:cubicBezTo>
                  <a:cubicBezTo>
                    <a:pt x="203101" y="96341"/>
                    <a:pt x="215780" y="109135"/>
                    <a:pt x="231488" y="109205"/>
                  </a:cubicBezTo>
                  <a:cubicBezTo>
                    <a:pt x="231571" y="109205"/>
                    <a:pt x="231660" y="109205"/>
                    <a:pt x="231742" y="109205"/>
                  </a:cubicBezTo>
                  <a:cubicBezTo>
                    <a:pt x="237431" y="109173"/>
                    <a:pt x="242967" y="107402"/>
                    <a:pt x="247615" y="104125"/>
                  </a:cubicBezTo>
                  <a:cubicBezTo>
                    <a:pt x="293887" y="73370"/>
                    <a:pt x="348242" y="57021"/>
                    <a:pt x="403803" y="57142"/>
                  </a:cubicBezTo>
                  <a:cubicBezTo>
                    <a:pt x="561248" y="57301"/>
                    <a:pt x="688750" y="185064"/>
                    <a:pt x="688585" y="342509"/>
                  </a:cubicBezTo>
                  <a:cubicBezTo>
                    <a:pt x="688426" y="499947"/>
                    <a:pt x="560663" y="627450"/>
                    <a:pt x="403225" y="627291"/>
                  </a:cubicBezTo>
                  <a:cubicBezTo>
                    <a:pt x="269011" y="627151"/>
                    <a:pt x="153070" y="533420"/>
                    <a:pt x="124823" y="402216"/>
                  </a:cubicBezTo>
                  <a:lnTo>
                    <a:pt x="201012" y="386597"/>
                  </a:lnTo>
                  <a:lnTo>
                    <a:pt x="79999" y="301582"/>
                  </a:lnTo>
                  <a:lnTo>
                    <a:pt x="0" y="427929"/>
                  </a:lnTo>
                  <a:lnTo>
                    <a:pt x="89649" y="409517"/>
                  </a:lnTo>
                  <a:lnTo>
                    <a:pt x="69205" y="413961"/>
                  </a:lnTo>
                  <a:cubicBezTo>
                    <a:pt x="103249" y="571590"/>
                    <a:pt x="242542" y="684185"/>
                    <a:pt x="403803" y="684433"/>
                  </a:cubicBezTo>
                  <a:close/>
                </a:path>
              </a:pathLst>
            </a:custGeom>
            <a:solidFill>
              <a:schemeClr val="accent2"/>
            </a:solidFill>
            <a:ln w="6317" cap="flat">
              <a:noFill/>
              <a:prstDash val="solid"/>
              <a:miter/>
            </a:ln>
          </p:spPr>
          <p:txBody>
            <a:bodyPr rtlCol="0" anchor="ctr"/>
            <a:lstStyle/>
            <a:p>
              <a:endParaRPr lang="en-US"/>
            </a:p>
          </p:txBody>
        </p:sp>
      </p:grpSp>
      <p:grpSp>
        <p:nvGrpSpPr>
          <p:cNvPr id="16" name="Group 15">
            <a:extLst>
              <a:ext uri="{FF2B5EF4-FFF2-40B4-BE49-F238E27FC236}">
                <a16:creationId xmlns:a16="http://schemas.microsoft.com/office/drawing/2014/main" id="{E5913851-41BE-4145-A0E4-75B64A15718B}"/>
              </a:ext>
            </a:extLst>
          </p:cNvPr>
          <p:cNvGrpSpPr/>
          <p:nvPr/>
        </p:nvGrpSpPr>
        <p:grpSpPr>
          <a:xfrm>
            <a:off x="6573364" y="2079996"/>
            <a:ext cx="4967918" cy="3611417"/>
            <a:chOff x="6366535" y="3131056"/>
            <a:chExt cx="4967918" cy="3611417"/>
          </a:xfrm>
        </p:grpSpPr>
        <p:sp>
          <p:nvSpPr>
            <p:cNvPr id="165" name="TextBox 164">
              <a:extLst>
                <a:ext uri="{FF2B5EF4-FFF2-40B4-BE49-F238E27FC236}">
                  <a16:creationId xmlns:a16="http://schemas.microsoft.com/office/drawing/2014/main" id="{2D1B3191-C20C-5545-9FA0-0865C11637AF}"/>
                </a:ext>
              </a:extLst>
            </p:cNvPr>
            <p:cNvSpPr txBox="1"/>
            <p:nvPr/>
          </p:nvSpPr>
          <p:spPr>
            <a:xfrm>
              <a:off x="8048579" y="6431584"/>
              <a:ext cx="911008" cy="303585"/>
            </a:xfrm>
            <a:prstGeom prst="rect">
              <a:avLst/>
            </a:prstGeom>
            <a:ln>
              <a:noFill/>
            </a:ln>
          </p:spPr>
          <p:txBody>
            <a:bodyPr vert="horz" wrap="square" lIns="0" tIns="0" rIns="0" bIns="0" rtlCol="0" anchor="ctr" anchorCtr="0">
              <a:normAutofit/>
            </a:bodyPr>
            <a:lstStyle/>
            <a:p>
              <a:pPr algn="ctr">
                <a:buClr>
                  <a:schemeClr val="accent4">
                    <a:lumMod val="60000"/>
                    <a:lumOff val="40000"/>
                  </a:schemeClr>
                </a:buClr>
              </a:pPr>
              <a:r>
                <a:rPr lang="en-US" sz="900" b="1" cap="all" spc="80" dirty="0">
                  <a:latin typeface="+mj-lt"/>
                </a:rPr>
                <a:t>DELIVERY </a:t>
              </a:r>
              <a:br>
                <a:rPr lang="en-US" sz="900" b="1" cap="all" spc="80" dirty="0">
                  <a:latin typeface="+mj-lt"/>
                </a:rPr>
              </a:br>
              <a:r>
                <a:rPr lang="en-US" sz="900" b="1" cap="all" spc="80" dirty="0">
                  <a:latin typeface="+mj-lt"/>
                </a:rPr>
                <a:t>Team</a:t>
              </a:r>
            </a:p>
          </p:txBody>
        </p:sp>
        <p:sp>
          <p:nvSpPr>
            <p:cNvPr id="170" name="TextBox 169">
              <a:extLst>
                <a:ext uri="{FF2B5EF4-FFF2-40B4-BE49-F238E27FC236}">
                  <a16:creationId xmlns:a16="http://schemas.microsoft.com/office/drawing/2014/main" id="{18EEB384-8285-B942-9ECD-2AB66D276806}"/>
                </a:ext>
              </a:extLst>
            </p:cNvPr>
            <p:cNvSpPr txBox="1"/>
            <p:nvPr/>
          </p:nvSpPr>
          <p:spPr>
            <a:xfrm>
              <a:off x="8800789" y="6431031"/>
              <a:ext cx="911008" cy="303283"/>
            </a:xfrm>
            <a:prstGeom prst="rect">
              <a:avLst/>
            </a:prstGeom>
            <a:ln>
              <a:noFill/>
            </a:ln>
          </p:spPr>
          <p:txBody>
            <a:bodyPr vert="horz" wrap="square" lIns="0" tIns="0" rIns="0" bIns="0" rtlCol="0" anchor="ctr" anchorCtr="0">
              <a:normAutofit/>
            </a:bodyPr>
            <a:lstStyle/>
            <a:p>
              <a:pPr algn="ctr">
                <a:buClr>
                  <a:schemeClr val="accent4">
                    <a:lumMod val="60000"/>
                    <a:lumOff val="40000"/>
                  </a:schemeClr>
                </a:buClr>
              </a:pPr>
              <a:r>
                <a:rPr lang="en-US" sz="900" b="1" cap="all" spc="80" dirty="0">
                  <a:latin typeface="+mj-lt"/>
                </a:rPr>
                <a:t>DELIVERY </a:t>
              </a:r>
              <a:br>
                <a:rPr lang="en-US" sz="900" b="1" cap="all" spc="80" dirty="0">
                  <a:latin typeface="+mj-lt"/>
                </a:rPr>
              </a:br>
              <a:r>
                <a:rPr lang="en-US" sz="900" b="1" cap="all" spc="80" dirty="0">
                  <a:latin typeface="+mj-lt"/>
                </a:rPr>
                <a:t>Team</a:t>
              </a:r>
            </a:p>
          </p:txBody>
        </p:sp>
        <p:sp>
          <p:nvSpPr>
            <p:cNvPr id="175" name="TextBox 174">
              <a:extLst>
                <a:ext uri="{FF2B5EF4-FFF2-40B4-BE49-F238E27FC236}">
                  <a16:creationId xmlns:a16="http://schemas.microsoft.com/office/drawing/2014/main" id="{BC5BAFD0-ED14-2343-86C9-390DBC275248}"/>
                </a:ext>
              </a:extLst>
            </p:cNvPr>
            <p:cNvSpPr txBox="1"/>
            <p:nvPr/>
          </p:nvSpPr>
          <p:spPr>
            <a:xfrm>
              <a:off x="9671235" y="6433399"/>
              <a:ext cx="911008" cy="303585"/>
            </a:xfrm>
            <a:prstGeom prst="rect">
              <a:avLst/>
            </a:prstGeom>
            <a:ln>
              <a:noFill/>
            </a:ln>
          </p:spPr>
          <p:txBody>
            <a:bodyPr vert="horz" wrap="square" lIns="0" tIns="0" rIns="0" bIns="0" rtlCol="0" anchor="ctr" anchorCtr="0">
              <a:normAutofit/>
            </a:bodyPr>
            <a:lstStyle/>
            <a:p>
              <a:pPr algn="ctr">
                <a:buClr>
                  <a:schemeClr val="accent4">
                    <a:lumMod val="60000"/>
                    <a:lumOff val="40000"/>
                  </a:schemeClr>
                </a:buClr>
              </a:pPr>
              <a:r>
                <a:rPr lang="en-US" sz="900" b="1" cap="all" spc="80" dirty="0">
                  <a:latin typeface="+mj-lt"/>
                </a:rPr>
                <a:t>DELIVERY </a:t>
              </a:r>
              <a:br>
                <a:rPr lang="en-US" sz="900" b="1" cap="all" spc="80" dirty="0">
                  <a:latin typeface="+mj-lt"/>
                </a:rPr>
              </a:br>
              <a:r>
                <a:rPr lang="en-US" sz="900" b="1" cap="all" spc="80" dirty="0">
                  <a:latin typeface="+mj-lt"/>
                </a:rPr>
                <a:t>Team</a:t>
              </a:r>
            </a:p>
          </p:txBody>
        </p:sp>
        <p:sp>
          <p:nvSpPr>
            <p:cNvPr id="180" name="TextBox 179">
              <a:extLst>
                <a:ext uri="{FF2B5EF4-FFF2-40B4-BE49-F238E27FC236}">
                  <a16:creationId xmlns:a16="http://schemas.microsoft.com/office/drawing/2014/main" id="{6C98FFF5-E547-EB41-A4BF-1B3AC8BA12B8}"/>
                </a:ext>
              </a:extLst>
            </p:cNvPr>
            <p:cNvSpPr txBox="1"/>
            <p:nvPr/>
          </p:nvSpPr>
          <p:spPr>
            <a:xfrm>
              <a:off x="10423445" y="6432846"/>
              <a:ext cx="911008" cy="303283"/>
            </a:xfrm>
            <a:prstGeom prst="rect">
              <a:avLst/>
            </a:prstGeom>
            <a:ln>
              <a:noFill/>
            </a:ln>
          </p:spPr>
          <p:txBody>
            <a:bodyPr vert="horz" wrap="square" lIns="0" tIns="0" rIns="0" bIns="0" rtlCol="0" anchor="ctr" anchorCtr="0">
              <a:normAutofit/>
            </a:bodyPr>
            <a:lstStyle/>
            <a:p>
              <a:pPr algn="ctr">
                <a:buClr>
                  <a:schemeClr val="accent4">
                    <a:lumMod val="60000"/>
                    <a:lumOff val="40000"/>
                  </a:schemeClr>
                </a:buClr>
              </a:pPr>
              <a:r>
                <a:rPr lang="en-US" sz="900" b="1" cap="all" spc="80" dirty="0">
                  <a:latin typeface="+mj-lt"/>
                </a:rPr>
                <a:t>DELIVERY </a:t>
              </a:r>
              <a:br>
                <a:rPr lang="en-US" sz="900" b="1" cap="all" spc="80" dirty="0">
                  <a:latin typeface="+mj-lt"/>
                </a:rPr>
              </a:br>
              <a:r>
                <a:rPr lang="en-US" sz="900" b="1" cap="all" spc="80" dirty="0">
                  <a:latin typeface="+mj-lt"/>
                </a:rPr>
                <a:t>Team</a:t>
              </a:r>
            </a:p>
          </p:txBody>
        </p:sp>
        <p:grpSp>
          <p:nvGrpSpPr>
            <p:cNvPr id="15" name="Group 14">
              <a:extLst>
                <a:ext uri="{FF2B5EF4-FFF2-40B4-BE49-F238E27FC236}">
                  <a16:creationId xmlns:a16="http://schemas.microsoft.com/office/drawing/2014/main" id="{92FBA459-A38F-7743-A17E-A5C72B37ED1F}"/>
                </a:ext>
              </a:extLst>
            </p:cNvPr>
            <p:cNvGrpSpPr/>
            <p:nvPr/>
          </p:nvGrpSpPr>
          <p:grpSpPr>
            <a:xfrm>
              <a:off x="6366535" y="3131056"/>
              <a:ext cx="4812479" cy="3611417"/>
              <a:chOff x="6366535" y="3131056"/>
              <a:chExt cx="4812479" cy="3611417"/>
            </a:xfrm>
          </p:grpSpPr>
          <p:cxnSp>
            <p:nvCxnSpPr>
              <p:cNvPr id="46" name="Straight Connector 45">
                <a:extLst>
                  <a:ext uri="{FF2B5EF4-FFF2-40B4-BE49-F238E27FC236}">
                    <a16:creationId xmlns:a16="http://schemas.microsoft.com/office/drawing/2014/main" id="{D1813F4B-564E-F846-97F4-7D8792140223}"/>
                  </a:ext>
                </a:extLst>
              </p:cNvPr>
              <p:cNvCxnSpPr>
                <a:cxnSpLocks/>
              </p:cNvCxnSpPr>
              <p:nvPr/>
            </p:nvCxnSpPr>
            <p:spPr>
              <a:xfrm flipH="1">
                <a:off x="7204219" y="3998292"/>
                <a:ext cx="1634688" cy="429778"/>
              </a:xfrm>
              <a:prstGeom prst="line">
                <a:avLst/>
              </a:prstGeom>
              <a:ln w="12700">
                <a:solidFill>
                  <a:schemeClr val="accent4">
                    <a:lumMod val="60000"/>
                    <a:lumOff val="4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6" name="Straight Connector 55">
                <a:extLst>
                  <a:ext uri="{FF2B5EF4-FFF2-40B4-BE49-F238E27FC236}">
                    <a16:creationId xmlns:a16="http://schemas.microsoft.com/office/drawing/2014/main" id="{C9DB4605-A493-0C48-A259-009A6731EFE7}"/>
                  </a:ext>
                </a:extLst>
              </p:cNvPr>
              <p:cNvCxnSpPr>
                <a:cxnSpLocks/>
              </p:cNvCxnSpPr>
              <p:nvPr/>
            </p:nvCxnSpPr>
            <p:spPr>
              <a:xfrm>
                <a:off x="8838907" y="3998292"/>
                <a:ext cx="10765" cy="429778"/>
              </a:xfrm>
              <a:prstGeom prst="line">
                <a:avLst/>
              </a:prstGeom>
              <a:ln w="12700">
                <a:solidFill>
                  <a:schemeClr val="accent4">
                    <a:lumMod val="60000"/>
                    <a:lumOff val="4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7" name="Straight Connector 56">
                <a:extLst>
                  <a:ext uri="{FF2B5EF4-FFF2-40B4-BE49-F238E27FC236}">
                    <a16:creationId xmlns:a16="http://schemas.microsoft.com/office/drawing/2014/main" id="{56CDDCFA-BF3F-D44A-8CEF-77D7E0FE51EF}"/>
                  </a:ext>
                </a:extLst>
              </p:cNvPr>
              <p:cNvCxnSpPr>
                <a:cxnSpLocks/>
              </p:cNvCxnSpPr>
              <p:nvPr/>
            </p:nvCxnSpPr>
            <p:spPr>
              <a:xfrm>
                <a:off x="8838907" y="3998292"/>
                <a:ext cx="1649418" cy="429778"/>
              </a:xfrm>
              <a:prstGeom prst="line">
                <a:avLst/>
              </a:prstGeom>
              <a:ln w="12700">
                <a:solidFill>
                  <a:schemeClr val="accent4">
                    <a:lumMod val="60000"/>
                    <a:lumOff val="4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76" name="Straight Connector 75">
                <a:extLst>
                  <a:ext uri="{FF2B5EF4-FFF2-40B4-BE49-F238E27FC236}">
                    <a16:creationId xmlns:a16="http://schemas.microsoft.com/office/drawing/2014/main" id="{E819CEC0-D1F2-3A42-AC00-D0D55D4F7766}"/>
                  </a:ext>
                </a:extLst>
              </p:cNvPr>
              <p:cNvCxnSpPr>
                <a:cxnSpLocks/>
              </p:cNvCxnSpPr>
              <p:nvPr/>
            </p:nvCxnSpPr>
            <p:spPr>
              <a:xfrm flipH="1">
                <a:off x="6825164" y="5327567"/>
                <a:ext cx="379055" cy="512064"/>
              </a:xfrm>
              <a:prstGeom prst="line">
                <a:avLst/>
              </a:prstGeom>
              <a:ln w="12700">
                <a:solidFill>
                  <a:schemeClr val="accent4">
                    <a:lumMod val="60000"/>
                    <a:lumOff val="4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77" name="Straight Connector 76">
                <a:extLst>
                  <a:ext uri="{FF2B5EF4-FFF2-40B4-BE49-F238E27FC236}">
                    <a16:creationId xmlns:a16="http://schemas.microsoft.com/office/drawing/2014/main" id="{4164D1A4-5594-0447-B708-A6E43BC8AEE2}"/>
                  </a:ext>
                </a:extLst>
              </p:cNvPr>
              <p:cNvCxnSpPr>
                <a:cxnSpLocks/>
              </p:cNvCxnSpPr>
              <p:nvPr/>
            </p:nvCxnSpPr>
            <p:spPr>
              <a:xfrm>
                <a:off x="7204219" y="5327567"/>
                <a:ext cx="359678" cy="512064"/>
              </a:xfrm>
              <a:prstGeom prst="line">
                <a:avLst/>
              </a:prstGeom>
              <a:ln w="12700">
                <a:solidFill>
                  <a:schemeClr val="accent4">
                    <a:lumMod val="60000"/>
                    <a:lumOff val="4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78" name="Straight Connector 77">
                <a:extLst>
                  <a:ext uri="{FF2B5EF4-FFF2-40B4-BE49-F238E27FC236}">
                    <a16:creationId xmlns:a16="http://schemas.microsoft.com/office/drawing/2014/main" id="{84159891-146D-184C-B608-E8FD2098666D}"/>
                  </a:ext>
                </a:extLst>
              </p:cNvPr>
              <p:cNvCxnSpPr>
                <a:cxnSpLocks/>
              </p:cNvCxnSpPr>
              <p:nvPr/>
            </p:nvCxnSpPr>
            <p:spPr>
              <a:xfrm flipH="1">
                <a:off x="8470617" y="5327567"/>
                <a:ext cx="379055" cy="512064"/>
              </a:xfrm>
              <a:prstGeom prst="line">
                <a:avLst/>
              </a:prstGeom>
              <a:ln w="12700">
                <a:solidFill>
                  <a:schemeClr val="accent4">
                    <a:lumMod val="60000"/>
                    <a:lumOff val="4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79" name="Straight Connector 78">
                <a:extLst>
                  <a:ext uri="{FF2B5EF4-FFF2-40B4-BE49-F238E27FC236}">
                    <a16:creationId xmlns:a16="http://schemas.microsoft.com/office/drawing/2014/main" id="{443E14C3-CCE6-9C45-BD89-3987A306631D}"/>
                  </a:ext>
                </a:extLst>
              </p:cNvPr>
              <p:cNvCxnSpPr>
                <a:cxnSpLocks/>
              </p:cNvCxnSpPr>
              <p:nvPr/>
            </p:nvCxnSpPr>
            <p:spPr>
              <a:xfrm>
                <a:off x="8849672" y="5327567"/>
                <a:ext cx="359679" cy="512064"/>
              </a:xfrm>
              <a:prstGeom prst="line">
                <a:avLst/>
              </a:prstGeom>
              <a:ln w="12700">
                <a:solidFill>
                  <a:schemeClr val="accent4">
                    <a:lumMod val="60000"/>
                    <a:lumOff val="4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80" name="Straight Connector 79">
                <a:extLst>
                  <a:ext uri="{FF2B5EF4-FFF2-40B4-BE49-F238E27FC236}">
                    <a16:creationId xmlns:a16="http://schemas.microsoft.com/office/drawing/2014/main" id="{C4CB8DCA-90B8-8647-8CD3-94DEEC1E8496}"/>
                  </a:ext>
                </a:extLst>
              </p:cNvPr>
              <p:cNvCxnSpPr>
                <a:cxnSpLocks/>
              </p:cNvCxnSpPr>
              <p:nvPr/>
            </p:nvCxnSpPr>
            <p:spPr>
              <a:xfrm flipH="1">
                <a:off x="10109271" y="5327567"/>
                <a:ext cx="379054" cy="512064"/>
              </a:xfrm>
              <a:prstGeom prst="line">
                <a:avLst/>
              </a:prstGeom>
              <a:ln w="12700">
                <a:solidFill>
                  <a:schemeClr val="accent4">
                    <a:lumMod val="60000"/>
                    <a:lumOff val="4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81" name="Straight Connector 80">
                <a:extLst>
                  <a:ext uri="{FF2B5EF4-FFF2-40B4-BE49-F238E27FC236}">
                    <a16:creationId xmlns:a16="http://schemas.microsoft.com/office/drawing/2014/main" id="{F9696E41-A012-F84D-A1E4-526052DE4B44}"/>
                  </a:ext>
                </a:extLst>
              </p:cNvPr>
              <p:cNvCxnSpPr>
                <a:cxnSpLocks/>
              </p:cNvCxnSpPr>
              <p:nvPr/>
            </p:nvCxnSpPr>
            <p:spPr>
              <a:xfrm>
                <a:off x="10488325" y="5327567"/>
                <a:ext cx="359679" cy="512064"/>
              </a:xfrm>
              <a:prstGeom prst="line">
                <a:avLst/>
              </a:prstGeom>
              <a:ln w="12700">
                <a:solidFill>
                  <a:schemeClr val="accent4">
                    <a:lumMod val="60000"/>
                    <a:lumOff val="40000"/>
                  </a:schemeClr>
                </a:solidFill>
                <a:tailEnd type="none"/>
              </a:ln>
              <a:effectLst/>
            </p:spPr>
            <p:style>
              <a:lnRef idx="2">
                <a:schemeClr val="accent1"/>
              </a:lnRef>
              <a:fillRef idx="0">
                <a:schemeClr val="accent1"/>
              </a:fillRef>
              <a:effectRef idx="1">
                <a:schemeClr val="accent1"/>
              </a:effectRef>
              <a:fontRef idx="minor">
                <a:schemeClr val="tx1"/>
              </a:fontRef>
            </p:style>
          </p:cxnSp>
          <p:sp>
            <p:nvSpPr>
              <p:cNvPr id="130" name="TextBox 129">
                <a:extLst>
                  <a:ext uri="{FF2B5EF4-FFF2-40B4-BE49-F238E27FC236}">
                    <a16:creationId xmlns:a16="http://schemas.microsoft.com/office/drawing/2014/main" id="{B1B54B4E-CCFB-D04C-9467-A54EC49424D5}"/>
                  </a:ext>
                </a:extLst>
              </p:cNvPr>
              <p:cNvSpPr txBox="1"/>
              <p:nvPr/>
            </p:nvSpPr>
            <p:spPr>
              <a:xfrm>
                <a:off x="8385775" y="3681624"/>
                <a:ext cx="901354" cy="305023"/>
              </a:xfrm>
              <a:prstGeom prst="rect">
                <a:avLst/>
              </a:prstGeom>
              <a:ln>
                <a:noFill/>
              </a:ln>
            </p:spPr>
            <p:txBody>
              <a:bodyPr vert="horz" wrap="square" lIns="0" tIns="0" rIns="0" bIns="0" rtlCol="0" anchor="ctr" anchorCtr="0">
                <a:noAutofit/>
              </a:bodyPr>
              <a:lstStyle/>
              <a:p>
                <a:pPr algn="ctr">
                  <a:buClr>
                    <a:schemeClr val="accent4">
                      <a:lumMod val="60000"/>
                      <a:lumOff val="40000"/>
                    </a:schemeClr>
                  </a:buClr>
                </a:pPr>
                <a:r>
                  <a:rPr lang="en-US" sz="900" b="1" cap="all" spc="80" dirty="0">
                    <a:latin typeface="+mj-lt"/>
                  </a:rPr>
                  <a:t>Portfolio </a:t>
                </a:r>
                <a:br>
                  <a:rPr lang="en-US" sz="900" b="1" cap="all" spc="80" dirty="0">
                    <a:latin typeface="+mj-lt"/>
                  </a:rPr>
                </a:br>
                <a:r>
                  <a:rPr lang="en-US" sz="900" b="1" cap="all" spc="80" dirty="0">
                    <a:latin typeface="+mj-lt"/>
                  </a:rPr>
                  <a:t>Team</a:t>
                </a:r>
              </a:p>
            </p:txBody>
          </p:sp>
          <p:sp>
            <p:nvSpPr>
              <p:cNvPr id="140" name="TextBox 139">
                <a:extLst>
                  <a:ext uri="{FF2B5EF4-FFF2-40B4-BE49-F238E27FC236}">
                    <a16:creationId xmlns:a16="http://schemas.microsoft.com/office/drawing/2014/main" id="{07B6CD46-0CC9-4046-85C7-0BC6F4F8AC43}"/>
                  </a:ext>
                </a:extLst>
              </p:cNvPr>
              <p:cNvSpPr txBox="1"/>
              <p:nvPr/>
            </p:nvSpPr>
            <p:spPr>
              <a:xfrm>
                <a:off x="6707709" y="5010647"/>
                <a:ext cx="957824" cy="305837"/>
              </a:xfrm>
              <a:prstGeom prst="rect">
                <a:avLst/>
              </a:prstGeom>
              <a:ln>
                <a:noFill/>
              </a:ln>
            </p:spPr>
            <p:txBody>
              <a:bodyPr vert="horz" wrap="square" lIns="0" tIns="0" rIns="0" bIns="0" rtlCol="0" anchor="ctr" anchorCtr="0">
                <a:normAutofit/>
              </a:bodyPr>
              <a:lstStyle/>
              <a:p>
                <a:pPr algn="ctr">
                  <a:buClr>
                    <a:schemeClr val="accent4">
                      <a:lumMod val="60000"/>
                      <a:lumOff val="40000"/>
                    </a:schemeClr>
                  </a:buClr>
                </a:pPr>
                <a:r>
                  <a:rPr lang="en-US" sz="900" b="1" cap="all" spc="80" dirty="0">
                    <a:latin typeface="+mj-lt"/>
                  </a:rPr>
                  <a:t>product </a:t>
                </a:r>
                <a:br>
                  <a:rPr lang="en-US" sz="900" b="1" cap="all" spc="80" dirty="0">
                    <a:latin typeface="+mj-lt"/>
                  </a:rPr>
                </a:br>
                <a:r>
                  <a:rPr lang="en-US" sz="900" b="1" cap="all" spc="80" dirty="0">
                    <a:latin typeface="+mj-lt"/>
                  </a:rPr>
                  <a:t>Team</a:t>
                </a:r>
              </a:p>
            </p:txBody>
          </p:sp>
          <p:sp>
            <p:nvSpPr>
              <p:cNvPr id="145" name="TextBox 144">
                <a:extLst>
                  <a:ext uri="{FF2B5EF4-FFF2-40B4-BE49-F238E27FC236}">
                    <a16:creationId xmlns:a16="http://schemas.microsoft.com/office/drawing/2014/main" id="{BA22EEB3-86D4-3244-9E16-DB38503BDE37}"/>
                  </a:ext>
                </a:extLst>
              </p:cNvPr>
              <p:cNvSpPr txBox="1"/>
              <p:nvPr/>
            </p:nvSpPr>
            <p:spPr>
              <a:xfrm>
                <a:off x="8380477" y="5010647"/>
                <a:ext cx="957824" cy="305837"/>
              </a:xfrm>
              <a:prstGeom prst="rect">
                <a:avLst/>
              </a:prstGeom>
              <a:ln>
                <a:noFill/>
              </a:ln>
            </p:spPr>
            <p:txBody>
              <a:bodyPr vert="horz" wrap="square" lIns="0" tIns="0" rIns="0" bIns="0" rtlCol="0" anchor="ctr" anchorCtr="0">
                <a:normAutofit/>
              </a:bodyPr>
              <a:lstStyle/>
              <a:p>
                <a:pPr algn="ctr">
                  <a:buClr>
                    <a:schemeClr val="accent4">
                      <a:lumMod val="60000"/>
                      <a:lumOff val="40000"/>
                    </a:schemeClr>
                  </a:buClr>
                </a:pPr>
                <a:r>
                  <a:rPr lang="en-US" sz="900" b="1" cap="all" spc="80" dirty="0">
                    <a:latin typeface="+mj-lt"/>
                  </a:rPr>
                  <a:t>product </a:t>
                </a:r>
                <a:br>
                  <a:rPr lang="en-US" sz="900" b="1" cap="all" spc="80" dirty="0">
                    <a:latin typeface="+mj-lt"/>
                  </a:rPr>
                </a:br>
                <a:r>
                  <a:rPr lang="en-US" sz="900" b="1" cap="all" spc="80" dirty="0">
                    <a:latin typeface="+mj-lt"/>
                  </a:rPr>
                  <a:t>Team</a:t>
                </a:r>
              </a:p>
            </p:txBody>
          </p:sp>
          <p:sp>
            <p:nvSpPr>
              <p:cNvPr id="150" name="TextBox 149">
                <a:extLst>
                  <a:ext uri="{FF2B5EF4-FFF2-40B4-BE49-F238E27FC236}">
                    <a16:creationId xmlns:a16="http://schemas.microsoft.com/office/drawing/2014/main" id="{000F9E0A-E743-1246-A73F-78754816D586}"/>
                  </a:ext>
                </a:extLst>
              </p:cNvPr>
              <p:cNvSpPr txBox="1"/>
              <p:nvPr/>
            </p:nvSpPr>
            <p:spPr>
              <a:xfrm>
                <a:off x="10021808" y="5010647"/>
                <a:ext cx="957824" cy="305837"/>
              </a:xfrm>
              <a:prstGeom prst="rect">
                <a:avLst/>
              </a:prstGeom>
              <a:ln>
                <a:noFill/>
              </a:ln>
            </p:spPr>
            <p:txBody>
              <a:bodyPr vert="horz" wrap="square" lIns="0" tIns="0" rIns="0" bIns="0" rtlCol="0" anchor="ctr" anchorCtr="0">
                <a:normAutofit/>
              </a:bodyPr>
              <a:lstStyle/>
              <a:p>
                <a:pPr algn="ctr">
                  <a:buClr>
                    <a:schemeClr val="accent4">
                      <a:lumMod val="60000"/>
                      <a:lumOff val="40000"/>
                    </a:schemeClr>
                  </a:buClr>
                </a:pPr>
                <a:r>
                  <a:rPr lang="en-US" sz="900" b="1" cap="all" spc="80" dirty="0">
                    <a:latin typeface="+mj-lt"/>
                  </a:rPr>
                  <a:t>product </a:t>
                </a:r>
                <a:br>
                  <a:rPr lang="en-US" sz="900" b="1" cap="all" spc="80" dirty="0">
                    <a:latin typeface="+mj-lt"/>
                  </a:rPr>
                </a:br>
                <a:r>
                  <a:rPr lang="en-US" sz="900" b="1" cap="all" spc="80" dirty="0">
                    <a:latin typeface="+mj-lt"/>
                  </a:rPr>
                  <a:t>Team</a:t>
                </a:r>
              </a:p>
            </p:txBody>
          </p:sp>
          <p:sp>
            <p:nvSpPr>
              <p:cNvPr id="155" name="TextBox 154">
                <a:extLst>
                  <a:ext uri="{FF2B5EF4-FFF2-40B4-BE49-F238E27FC236}">
                    <a16:creationId xmlns:a16="http://schemas.microsoft.com/office/drawing/2014/main" id="{990D84F0-4D7A-EA44-9798-831EFE8A5582}"/>
                  </a:ext>
                </a:extLst>
              </p:cNvPr>
              <p:cNvSpPr txBox="1"/>
              <p:nvPr/>
            </p:nvSpPr>
            <p:spPr>
              <a:xfrm>
                <a:off x="6366535" y="6438888"/>
                <a:ext cx="911008" cy="303585"/>
              </a:xfrm>
              <a:prstGeom prst="rect">
                <a:avLst/>
              </a:prstGeom>
              <a:ln>
                <a:noFill/>
              </a:ln>
            </p:spPr>
            <p:txBody>
              <a:bodyPr vert="horz" wrap="square" lIns="0" tIns="0" rIns="0" bIns="0" rtlCol="0" anchor="ctr" anchorCtr="0">
                <a:normAutofit/>
              </a:bodyPr>
              <a:lstStyle/>
              <a:p>
                <a:pPr algn="ctr">
                  <a:buClr>
                    <a:schemeClr val="accent4">
                      <a:lumMod val="60000"/>
                      <a:lumOff val="40000"/>
                    </a:schemeClr>
                  </a:buClr>
                </a:pPr>
                <a:r>
                  <a:rPr lang="en-US" sz="900" b="1" cap="all" spc="80" dirty="0">
                    <a:latin typeface="+mj-lt"/>
                  </a:rPr>
                  <a:t>DELIVERY </a:t>
                </a:r>
                <a:br>
                  <a:rPr lang="en-US" sz="900" b="1" cap="all" spc="80" dirty="0">
                    <a:latin typeface="+mj-lt"/>
                  </a:rPr>
                </a:br>
                <a:r>
                  <a:rPr lang="en-US" sz="900" b="1" cap="all" spc="80" dirty="0">
                    <a:latin typeface="+mj-lt"/>
                  </a:rPr>
                  <a:t>Team</a:t>
                </a:r>
              </a:p>
            </p:txBody>
          </p:sp>
          <p:sp>
            <p:nvSpPr>
              <p:cNvPr id="160" name="TextBox 159">
                <a:extLst>
                  <a:ext uri="{FF2B5EF4-FFF2-40B4-BE49-F238E27FC236}">
                    <a16:creationId xmlns:a16="http://schemas.microsoft.com/office/drawing/2014/main" id="{671C7A11-8640-CA40-9088-B9249C9F6CC5}"/>
                  </a:ext>
                </a:extLst>
              </p:cNvPr>
              <p:cNvSpPr txBox="1"/>
              <p:nvPr/>
            </p:nvSpPr>
            <p:spPr>
              <a:xfrm>
                <a:off x="7118745" y="6438335"/>
                <a:ext cx="911008" cy="303283"/>
              </a:xfrm>
              <a:prstGeom prst="rect">
                <a:avLst/>
              </a:prstGeom>
              <a:ln>
                <a:noFill/>
              </a:ln>
            </p:spPr>
            <p:txBody>
              <a:bodyPr vert="horz" wrap="square" lIns="0" tIns="0" rIns="0" bIns="0" rtlCol="0" anchor="ctr" anchorCtr="0">
                <a:normAutofit/>
              </a:bodyPr>
              <a:lstStyle/>
              <a:p>
                <a:pPr algn="ctr">
                  <a:buClr>
                    <a:schemeClr val="accent4">
                      <a:lumMod val="60000"/>
                      <a:lumOff val="40000"/>
                    </a:schemeClr>
                  </a:buClr>
                </a:pPr>
                <a:r>
                  <a:rPr lang="en-US" sz="900" b="1" cap="all" spc="80" dirty="0">
                    <a:latin typeface="+mj-lt"/>
                  </a:rPr>
                  <a:t>DELIVERY </a:t>
                </a:r>
                <a:br>
                  <a:rPr lang="en-US" sz="900" b="1" cap="all" spc="80" dirty="0">
                    <a:latin typeface="+mj-lt"/>
                  </a:rPr>
                </a:br>
                <a:r>
                  <a:rPr lang="en-US" sz="900" b="1" cap="all" spc="80" dirty="0">
                    <a:latin typeface="+mj-lt"/>
                  </a:rPr>
                  <a:t>Team</a:t>
                </a:r>
              </a:p>
            </p:txBody>
          </p:sp>
          <p:grpSp>
            <p:nvGrpSpPr>
              <p:cNvPr id="191" name="Group 190">
                <a:extLst>
                  <a:ext uri="{FF2B5EF4-FFF2-40B4-BE49-F238E27FC236}">
                    <a16:creationId xmlns:a16="http://schemas.microsoft.com/office/drawing/2014/main" id="{BAFDDFB6-F48C-5345-A280-5906109A700E}"/>
                  </a:ext>
                </a:extLst>
              </p:cNvPr>
              <p:cNvGrpSpPr>
                <a:grpSpLocks noChangeAspect="1"/>
              </p:cNvGrpSpPr>
              <p:nvPr/>
            </p:nvGrpSpPr>
            <p:grpSpPr>
              <a:xfrm>
                <a:off x="8570038" y="3131056"/>
                <a:ext cx="543375" cy="548640"/>
                <a:chOff x="5719559" y="1969986"/>
                <a:chExt cx="773201" cy="780693"/>
              </a:xfrm>
            </p:grpSpPr>
            <p:sp>
              <p:nvSpPr>
                <p:cNvPr id="192" name="Graphic 8">
                  <a:extLst>
                    <a:ext uri="{FF2B5EF4-FFF2-40B4-BE49-F238E27FC236}">
                      <a16:creationId xmlns:a16="http://schemas.microsoft.com/office/drawing/2014/main" id="{73A8BEB2-F16B-CE4C-9C65-EC888FC85A70}"/>
                    </a:ext>
                  </a:extLst>
                </p:cNvPr>
                <p:cNvSpPr/>
                <p:nvPr/>
              </p:nvSpPr>
              <p:spPr>
                <a:xfrm>
                  <a:off x="5840893" y="2272325"/>
                  <a:ext cx="521747" cy="213155"/>
                </a:xfrm>
                <a:custGeom>
                  <a:avLst/>
                  <a:gdLst>
                    <a:gd name="connsiteX0" fmla="*/ 508772 w 521747"/>
                    <a:gd name="connsiteY0" fmla="*/ 10001 h 213155"/>
                    <a:gd name="connsiteX1" fmla="*/ 442962 w 521747"/>
                    <a:gd name="connsiteY1" fmla="*/ 10001 h 213155"/>
                    <a:gd name="connsiteX2" fmla="*/ 438338 w 521747"/>
                    <a:gd name="connsiteY2" fmla="*/ 4623 h 213155"/>
                    <a:gd name="connsiteX3" fmla="*/ 442962 w 521747"/>
                    <a:gd name="connsiteY3" fmla="*/ 0 h 213155"/>
                    <a:gd name="connsiteX4" fmla="*/ 508772 w 521747"/>
                    <a:gd name="connsiteY4" fmla="*/ 0 h 213155"/>
                    <a:gd name="connsiteX5" fmla="*/ 513396 w 521747"/>
                    <a:gd name="connsiteY5" fmla="*/ 5377 h 213155"/>
                    <a:gd name="connsiteX6" fmla="*/ 508772 w 521747"/>
                    <a:gd name="connsiteY6" fmla="*/ 10001 h 213155"/>
                    <a:gd name="connsiteX7" fmla="*/ 508036 w 521747"/>
                    <a:gd name="connsiteY7" fmla="*/ 98107 h 213155"/>
                    <a:gd name="connsiteX8" fmla="*/ 503050 w 521747"/>
                    <a:gd name="connsiteY8" fmla="*/ 93121 h 213155"/>
                    <a:gd name="connsiteX9" fmla="*/ 447183 w 521747"/>
                    <a:gd name="connsiteY9" fmla="*/ 93121 h 213155"/>
                    <a:gd name="connsiteX10" fmla="*/ 442197 w 521747"/>
                    <a:gd name="connsiteY10" fmla="*/ 98107 h 213155"/>
                    <a:gd name="connsiteX11" fmla="*/ 447183 w 521747"/>
                    <a:gd name="connsiteY11" fmla="*/ 103093 h 213155"/>
                    <a:gd name="connsiteX12" fmla="*/ 503050 w 521747"/>
                    <a:gd name="connsiteY12" fmla="*/ 103093 h 213155"/>
                    <a:gd name="connsiteX13" fmla="*/ 508036 w 521747"/>
                    <a:gd name="connsiteY13" fmla="*/ 98107 h 213155"/>
                    <a:gd name="connsiteX14" fmla="*/ 492964 w 521747"/>
                    <a:gd name="connsiteY14" fmla="*/ 66944 h 213155"/>
                    <a:gd name="connsiteX15" fmla="*/ 488006 w 521747"/>
                    <a:gd name="connsiteY15" fmla="*/ 61930 h 213155"/>
                    <a:gd name="connsiteX16" fmla="*/ 487978 w 521747"/>
                    <a:gd name="connsiteY16" fmla="*/ 61930 h 213155"/>
                    <a:gd name="connsiteX17" fmla="*/ 427578 w 521747"/>
                    <a:gd name="connsiteY17" fmla="*/ 61930 h 213155"/>
                    <a:gd name="connsiteX18" fmla="*/ 422955 w 521747"/>
                    <a:gd name="connsiteY18" fmla="*/ 67307 h 213155"/>
                    <a:gd name="connsiteX19" fmla="*/ 427578 w 521747"/>
                    <a:gd name="connsiteY19" fmla="*/ 71930 h 213155"/>
                    <a:gd name="connsiteX20" fmla="*/ 487978 w 521747"/>
                    <a:gd name="connsiteY20" fmla="*/ 71930 h 213155"/>
                    <a:gd name="connsiteX21" fmla="*/ 492964 w 521747"/>
                    <a:gd name="connsiteY21" fmla="*/ 67086 h 213155"/>
                    <a:gd name="connsiteX22" fmla="*/ 521748 w 521747"/>
                    <a:gd name="connsiteY22" fmla="*/ 35781 h 213155"/>
                    <a:gd name="connsiteX23" fmla="*/ 516761 w 521747"/>
                    <a:gd name="connsiteY23" fmla="*/ 30795 h 213155"/>
                    <a:gd name="connsiteX24" fmla="*/ 465767 w 521747"/>
                    <a:gd name="connsiteY24" fmla="*/ 30795 h 213155"/>
                    <a:gd name="connsiteX25" fmla="*/ 460781 w 521747"/>
                    <a:gd name="connsiteY25" fmla="*/ 35781 h 213155"/>
                    <a:gd name="connsiteX26" fmla="*/ 465767 w 521747"/>
                    <a:gd name="connsiteY26" fmla="*/ 40767 h 213155"/>
                    <a:gd name="connsiteX27" fmla="*/ 516761 w 521747"/>
                    <a:gd name="connsiteY27" fmla="*/ 40767 h 213155"/>
                    <a:gd name="connsiteX28" fmla="*/ 521748 w 521747"/>
                    <a:gd name="connsiteY28" fmla="*/ 36036 h 213155"/>
                    <a:gd name="connsiteX29" fmla="*/ 145779 w 521747"/>
                    <a:gd name="connsiteY29" fmla="*/ 208170 h 213155"/>
                    <a:gd name="connsiteX30" fmla="*/ 140793 w 521747"/>
                    <a:gd name="connsiteY30" fmla="*/ 203184 h 213155"/>
                    <a:gd name="connsiteX31" fmla="*/ 49598 w 521747"/>
                    <a:gd name="connsiteY31" fmla="*/ 203184 h 213155"/>
                    <a:gd name="connsiteX32" fmla="*/ 44612 w 521747"/>
                    <a:gd name="connsiteY32" fmla="*/ 208170 h 213155"/>
                    <a:gd name="connsiteX33" fmla="*/ 49598 w 521747"/>
                    <a:gd name="connsiteY33" fmla="*/ 213156 h 213155"/>
                    <a:gd name="connsiteX34" fmla="*/ 140906 w 521747"/>
                    <a:gd name="connsiteY34" fmla="*/ 213156 h 213155"/>
                    <a:gd name="connsiteX35" fmla="*/ 145779 w 521747"/>
                    <a:gd name="connsiteY35" fmla="*/ 208170 h 213155"/>
                    <a:gd name="connsiteX36" fmla="*/ 104870 w 521747"/>
                    <a:gd name="connsiteY36" fmla="*/ 178281 h 213155"/>
                    <a:gd name="connsiteX37" fmla="*/ 99912 w 521747"/>
                    <a:gd name="connsiteY37" fmla="*/ 173267 h 213155"/>
                    <a:gd name="connsiteX38" fmla="*/ 99884 w 521747"/>
                    <a:gd name="connsiteY38" fmla="*/ 173267 h 213155"/>
                    <a:gd name="connsiteX39" fmla="*/ 4638 w 521747"/>
                    <a:gd name="connsiteY39" fmla="*/ 173267 h 213155"/>
                    <a:gd name="connsiteX40" fmla="*/ 14 w 521747"/>
                    <a:gd name="connsiteY40" fmla="*/ 178644 h 213155"/>
                    <a:gd name="connsiteX41" fmla="*/ 4638 w 521747"/>
                    <a:gd name="connsiteY41" fmla="*/ 183267 h 213155"/>
                    <a:gd name="connsiteX42" fmla="*/ 99884 w 521747"/>
                    <a:gd name="connsiteY42" fmla="*/ 183267 h 213155"/>
                    <a:gd name="connsiteX43" fmla="*/ 104870 w 521747"/>
                    <a:gd name="connsiteY43" fmla="*/ 178281 h 213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521747" h="213155">
                      <a:moveTo>
                        <a:pt x="508772" y="10001"/>
                      </a:moveTo>
                      <a:lnTo>
                        <a:pt x="442962" y="10001"/>
                      </a:lnTo>
                      <a:cubicBezTo>
                        <a:pt x="440199" y="9794"/>
                        <a:pt x="438131" y="7386"/>
                        <a:pt x="438338" y="4623"/>
                      </a:cubicBezTo>
                      <a:cubicBezTo>
                        <a:pt x="438525" y="2150"/>
                        <a:pt x="440488" y="187"/>
                        <a:pt x="442962" y="0"/>
                      </a:cubicBezTo>
                      <a:lnTo>
                        <a:pt x="508772" y="0"/>
                      </a:lnTo>
                      <a:cubicBezTo>
                        <a:pt x="511535" y="207"/>
                        <a:pt x="513603" y="2615"/>
                        <a:pt x="513396" y="5377"/>
                      </a:cubicBezTo>
                      <a:cubicBezTo>
                        <a:pt x="513209" y="7850"/>
                        <a:pt x="511246" y="9814"/>
                        <a:pt x="508772" y="10001"/>
                      </a:cubicBezTo>
                      <a:close/>
                      <a:moveTo>
                        <a:pt x="508036" y="98107"/>
                      </a:moveTo>
                      <a:cubicBezTo>
                        <a:pt x="508036" y="95353"/>
                        <a:pt x="505803" y="93121"/>
                        <a:pt x="503050" y="93121"/>
                      </a:cubicBezTo>
                      <a:lnTo>
                        <a:pt x="447183" y="93121"/>
                      </a:lnTo>
                      <a:cubicBezTo>
                        <a:pt x="444429" y="93121"/>
                        <a:pt x="442197" y="95353"/>
                        <a:pt x="442197" y="98107"/>
                      </a:cubicBezTo>
                      <a:cubicBezTo>
                        <a:pt x="442197" y="100861"/>
                        <a:pt x="444429" y="103093"/>
                        <a:pt x="447183" y="103093"/>
                      </a:cubicBezTo>
                      <a:lnTo>
                        <a:pt x="503050" y="103093"/>
                      </a:lnTo>
                      <a:cubicBezTo>
                        <a:pt x="505803" y="103093"/>
                        <a:pt x="508036" y="100861"/>
                        <a:pt x="508036" y="98107"/>
                      </a:cubicBezTo>
                      <a:close/>
                      <a:moveTo>
                        <a:pt x="492964" y="66944"/>
                      </a:moveTo>
                      <a:cubicBezTo>
                        <a:pt x="492981" y="64190"/>
                        <a:pt x="490760" y="61947"/>
                        <a:pt x="488006" y="61930"/>
                      </a:cubicBezTo>
                      <a:cubicBezTo>
                        <a:pt x="487998" y="61930"/>
                        <a:pt x="487987" y="61930"/>
                        <a:pt x="487978" y="61930"/>
                      </a:cubicBezTo>
                      <a:lnTo>
                        <a:pt x="427578" y="61930"/>
                      </a:lnTo>
                      <a:cubicBezTo>
                        <a:pt x="424816" y="62136"/>
                        <a:pt x="422748" y="64544"/>
                        <a:pt x="422955" y="67307"/>
                      </a:cubicBezTo>
                      <a:cubicBezTo>
                        <a:pt x="423142" y="69780"/>
                        <a:pt x="425105" y="71743"/>
                        <a:pt x="427578" y="71930"/>
                      </a:cubicBezTo>
                      <a:lnTo>
                        <a:pt x="487978" y="71930"/>
                      </a:lnTo>
                      <a:cubicBezTo>
                        <a:pt x="490678" y="71930"/>
                        <a:pt x="492888" y="69783"/>
                        <a:pt x="492964" y="67086"/>
                      </a:cubicBezTo>
                      <a:close/>
                      <a:moveTo>
                        <a:pt x="521748" y="35781"/>
                      </a:moveTo>
                      <a:cubicBezTo>
                        <a:pt x="521748" y="33027"/>
                        <a:pt x="519515" y="30795"/>
                        <a:pt x="516761" y="30795"/>
                      </a:cubicBezTo>
                      <a:lnTo>
                        <a:pt x="465767" y="30795"/>
                      </a:lnTo>
                      <a:cubicBezTo>
                        <a:pt x="463014" y="30795"/>
                        <a:pt x="460781" y="33027"/>
                        <a:pt x="460781" y="35781"/>
                      </a:cubicBezTo>
                      <a:cubicBezTo>
                        <a:pt x="460781" y="38535"/>
                        <a:pt x="463014" y="40767"/>
                        <a:pt x="465767" y="40767"/>
                      </a:cubicBezTo>
                      <a:lnTo>
                        <a:pt x="516761" y="40767"/>
                      </a:lnTo>
                      <a:cubicBezTo>
                        <a:pt x="519419" y="40770"/>
                        <a:pt x="521612" y="38690"/>
                        <a:pt x="521748" y="36036"/>
                      </a:cubicBezTo>
                      <a:close/>
                      <a:moveTo>
                        <a:pt x="145779" y="208170"/>
                      </a:moveTo>
                      <a:cubicBezTo>
                        <a:pt x="145779" y="205416"/>
                        <a:pt x="143546" y="203184"/>
                        <a:pt x="140793" y="203184"/>
                      </a:cubicBezTo>
                      <a:lnTo>
                        <a:pt x="49598" y="203184"/>
                      </a:lnTo>
                      <a:cubicBezTo>
                        <a:pt x="46844" y="203184"/>
                        <a:pt x="44612" y="205416"/>
                        <a:pt x="44612" y="208170"/>
                      </a:cubicBezTo>
                      <a:cubicBezTo>
                        <a:pt x="44612" y="210923"/>
                        <a:pt x="46844" y="213156"/>
                        <a:pt x="49598" y="213156"/>
                      </a:cubicBezTo>
                      <a:lnTo>
                        <a:pt x="140906" y="213156"/>
                      </a:lnTo>
                      <a:cubicBezTo>
                        <a:pt x="143614" y="213093"/>
                        <a:pt x="145779" y="210881"/>
                        <a:pt x="145779" y="208170"/>
                      </a:cubicBezTo>
                      <a:close/>
                      <a:moveTo>
                        <a:pt x="104870" y="178281"/>
                      </a:moveTo>
                      <a:cubicBezTo>
                        <a:pt x="104886" y="175528"/>
                        <a:pt x="102666" y="173284"/>
                        <a:pt x="99912" y="173267"/>
                      </a:cubicBezTo>
                      <a:cubicBezTo>
                        <a:pt x="99903" y="173267"/>
                        <a:pt x="99893" y="173267"/>
                        <a:pt x="99884" y="173267"/>
                      </a:cubicBezTo>
                      <a:lnTo>
                        <a:pt x="4638" y="173267"/>
                      </a:lnTo>
                      <a:cubicBezTo>
                        <a:pt x="1877" y="173474"/>
                        <a:pt x="-194" y="175882"/>
                        <a:pt x="14" y="178644"/>
                      </a:cubicBezTo>
                      <a:cubicBezTo>
                        <a:pt x="201" y="181117"/>
                        <a:pt x="2166" y="183080"/>
                        <a:pt x="4638" y="183267"/>
                      </a:cubicBezTo>
                      <a:lnTo>
                        <a:pt x="99884" y="183267"/>
                      </a:lnTo>
                      <a:cubicBezTo>
                        <a:pt x="102638" y="183267"/>
                        <a:pt x="104870" y="181035"/>
                        <a:pt x="104870" y="178281"/>
                      </a:cubicBezTo>
                      <a:close/>
                    </a:path>
                  </a:pathLst>
                </a:custGeom>
                <a:solidFill>
                  <a:schemeClr val="accent2"/>
                </a:solidFill>
                <a:ln w="2811" cap="flat">
                  <a:noFill/>
                  <a:prstDash val="solid"/>
                  <a:miter/>
                </a:ln>
              </p:spPr>
              <p:txBody>
                <a:bodyPr rtlCol="0" anchor="ctr"/>
                <a:lstStyle/>
                <a:p>
                  <a:endParaRPr lang="en-US"/>
                </a:p>
              </p:txBody>
            </p:sp>
            <p:sp>
              <p:nvSpPr>
                <p:cNvPr id="193" name="Graphic 8">
                  <a:extLst>
                    <a:ext uri="{FF2B5EF4-FFF2-40B4-BE49-F238E27FC236}">
                      <a16:creationId xmlns:a16="http://schemas.microsoft.com/office/drawing/2014/main" id="{A957A395-0F89-9B4A-BD2E-0CDFAB8C4102}"/>
                    </a:ext>
                  </a:extLst>
                </p:cNvPr>
                <p:cNvSpPr/>
                <p:nvPr/>
              </p:nvSpPr>
              <p:spPr>
                <a:xfrm>
                  <a:off x="5803857" y="2062881"/>
                  <a:ext cx="604564" cy="604564"/>
                </a:xfrm>
                <a:custGeom>
                  <a:avLst/>
                  <a:gdLst>
                    <a:gd name="connsiteX0" fmla="*/ 302311 w 604564"/>
                    <a:gd name="connsiteY0" fmla="*/ 0 h 604564"/>
                    <a:gd name="connsiteX1" fmla="*/ 0 w 604564"/>
                    <a:gd name="connsiteY1" fmla="*/ 302254 h 604564"/>
                    <a:gd name="connsiteX2" fmla="*/ 302254 w 604564"/>
                    <a:gd name="connsiteY2" fmla="*/ 604564 h 604564"/>
                    <a:gd name="connsiteX3" fmla="*/ 604564 w 604564"/>
                    <a:gd name="connsiteY3" fmla="*/ 302367 h 604564"/>
                    <a:gd name="connsiteX4" fmla="*/ 302311 w 604564"/>
                    <a:gd name="connsiteY4" fmla="*/ 0 h 604564"/>
                    <a:gd name="connsiteX5" fmla="*/ 340726 w 604564"/>
                    <a:gd name="connsiteY5" fmla="*/ 269929 h 604564"/>
                    <a:gd name="connsiteX6" fmla="*/ 332709 w 604564"/>
                    <a:gd name="connsiteY6" fmla="*/ 234885 h 604564"/>
                    <a:gd name="connsiteX7" fmla="*/ 334947 w 604564"/>
                    <a:gd name="connsiteY7" fmla="*/ 234290 h 604564"/>
                    <a:gd name="connsiteX8" fmla="*/ 360586 w 604564"/>
                    <a:gd name="connsiteY8" fmla="*/ 256671 h 604564"/>
                    <a:gd name="connsiteX9" fmla="*/ 389681 w 604564"/>
                    <a:gd name="connsiteY9" fmla="*/ 308798 h 604564"/>
                    <a:gd name="connsiteX10" fmla="*/ 394412 w 604564"/>
                    <a:gd name="connsiteY10" fmla="*/ 321377 h 604564"/>
                    <a:gd name="connsiteX11" fmla="*/ 394412 w 604564"/>
                    <a:gd name="connsiteY11" fmla="*/ 307948 h 604564"/>
                    <a:gd name="connsiteX12" fmla="*/ 398860 w 604564"/>
                    <a:gd name="connsiteY12" fmla="*/ 286474 h 604564"/>
                    <a:gd name="connsiteX13" fmla="*/ 407075 w 604564"/>
                    <a:gd name="connsiteY13" fmla="*/ 281375 h 604564"/>
                    <a:gd name="connsiteX14" fmla="*/ 411155 w 604564"/>
                    <a:gd name="connsiteY14" fmla="*/ 288910 h 604564"/>
                    <a:gd name="connsiteX15" fmla="*/ 401778 w 604564"/>
                    <a:gd name="connsiteY15" fmla="*/ 347384 h 604564"/>
                    <a:gd name="connsiteX16" fmla="*/ 396706 w 604564"/>
                    <a:gd name="connsiteY16" fmla="*/ 350217 h 604564"/>
                    <a:gd name="connsiteX17" fmla="*/ 395120 w 604564"/>
                    <a:gd name="connsiteY17" fmla="*/ 350217 h 604564"/>
                    <a:gd name="connsiteX18" fmla="*/ 394440 w 604564"/>
                    <a:gd name="connsiteY18" fmla="*/ 351662 h 604564"/>
                    <a:gd name="connsiteX19" fmla="*/ 302169 w 604564"/>
                    <a:gd name="connsiteY19" fmla="*/ 421354 h 604564"/>
                    <a:gd name="connsiteX20" fmla="*/ 210238 w 604564"/>
                    <a:gd name="connsiteY20" fmla="*/ 351690 h 604564"/>
                    <a:gd name="connsiteX21" fmla="*/ 209586 w 604564"/>
                    <a:gd name="connsiteY21" fmla="*/ 350273 h 604564"/>
                    <a:gd name="connsiteX22" fmla="*/ 208028 w 604564"/>
                    <a:gd name="connsiteY22" fmla="*/ 350273 h 604564"/>
                    <a:gd name="connsiteX23" fmla="*/ 201030 w 604564"/>
                    <a:gd name="connsiteY23" fmla="*/ 345911 h 604564"/>
                    <a:gd name="connsiteX24" fmla="*/ 193410 w 604564"/>
                    <a:gd name="connsiteY24" fmla="*/ 286984 h 604564"/>
                    <a:gd name="connsiteX25" fmla="*/ 196838 w 604564"/>
                    <a:gd name="connsiteY25" fmla="*/ 281318 h 604564"/>
                    <a:gd name="connsiteX26" fmla="*/ 203580 w 604564"/>
                    <a:gd name="connsiteY26" fmla="*/ 284519 h 604564"/>
                    <a:gd name="connsiteX27" fmla="*/ 209246 w 604564"/>
                    <a:gd name="connsiteY27" fmla="*/ 308062 h 604564"/>
                    <a:gd name="connsiteX28" fmla="*/ 209473 w 604564"/>
                    <a:gd name="connsiteY28" fmla="*/ 330896 h 604564"/>
                    <a:gd name="connsiteX29" fmla="*/ 233015 w 604564"/>
                    <a:gd name="connsiteY29" fmla="*/ 219247 h 604564"/>
                    <a:gd name="connsiteX30" fmla="*/ 338205 w 604564"/>
                    <a:gd name="connsiteY30" fmla="*/ 273499 h 604564"/>
                    <a:gd name="connsiteX31" fmla="*/ 342256 w 604564"/>
                    <a:gd name="connsiteY31" fmla="*/ 273499 h 604564"/>
                    <a:gd name="connsiteX32" fmla="*/ 336958 w 604564"/>
                    <a:gd name="connsiteY32" fmla="*/ 425971 h 604564"/>
                    <a:gd name="connsiteX33" fmla="*/ 336958 w 604564"/>
                    <a:gd name="connsiteY33" fmla="*/ 441185 h 604564"/>
                    <a:gd name="connsiteX34" fmla="*/ 303784 w 604564"/>
                    <a:gd name="connsiteY34" fmla="*/ 473141 h 604564"/>
                    <a:gd name="connsiteX35" fmla="*/ 267635 w 604564"/>
                    <a:gd name="connsiteY35" fmla="*/ 438805 h 604564"/>
                    <a:gd name="connsiteX36" fmla="*/ 267635 w 604564"/>
                    <a:gd name="connsiteY36" fmla="*/ 426198 h 604564"/>
                    <a:gd name="connsiteX37" fmla="*/ 336958 w 604564"/>
                    <a:gd name="connsiteY37" fmla="*/ 426198 h 604564"/>
                    <a:gd name="connsiteX38" fmla="*/ 266728 w 604564"/>
                    <a:gd name="connsiteY38" fmla="*/ 453112 h 604564"/>
                    <a:gd name="connsiteX39" fmla="*/ 303840 w 604564"/>
                    <a:gd name="connsiteY39" fmla="*/ 488354 h 604564"/>
                    <a:gd name="connsiteX40" fmla="*/ 340415 w 604564"/>
                    <a:gd name="connsiteY40" fmla="*/ 453140 h 604564"/>
                    <a:gd name="connsiteX41" fmla="*/ 346732 w 604564"/>
                    <a:gd name="connsiteY41" fmla="*/ 465407 h 604564"/>
                    <a:gd name="connsiteX42" fmla="*/ 325768 w 604564"/>
                    <a:gd name="connsiteY42" fmla="*/ 525268 h 604564"/>
                    <a:gd name="connsiteX43" fmla="*/ 303869 w 604564"/>
                    <a:gd name="connsiteY43" fmla="*/ 496768 h 604564"/>
                    <a:gd name="connsiteX44" fmla="*/ 281375 w 604564"/>
                    <a:gd name="connsiteY44" fmla="*/ 525325 h 604564"/>
                    <a:gd name="connsiteX45" fmla="*/ 260410 w 604564"/>
                    <a:gd name="connsiteY45" fmla="*/ 465407 h 604564"/>
                    <a:gd name="connsiteX46" fmla="*/ 277578 w 604564"/>
                    <a:gd name="connsiteY46" fmla="*/ 548131 h 604564"/>
                    <a:gd name="connsiteX47" fmla="*/ 303755 w 604564"/>
                    <a:gd name="connsiteY47" fmla="*/ 514843 h 604564"/>
                    <a:gd name="connsiteX48" fmla="*/ 329507 w 604564"/>
                    <a:gd name="connsiteY48" fmla="*/ 548329 h 604564"/>
                    <a:gd name="connsiteX49" fmla="*/ 356931 w 604564"/>
                    <a:gd name="connsiteY49" fmla="*/ 469826 h 604564"/>
                    <a:gd name="connsiteX50" fmla="*/ 466285 w 604564"/>
                    <a:gd name="connsiteY50" fmla="*/ 542267 h 604564"/>
                    <a:gd name="connsiteX51" fmla="*/ 138279 w 604564"/>
                    <a:gd name="connsiteY51" fmla="*/ 543173 h 604564"/>
                    <a:gd name="connsiteX52" fmla="*/ 250211 w 604564"/>
                    <a:gd name="connsiteY52" fmla="*/ 469656 h 604564"/>
                    <a:gd name="connsiteX53" fmla="*/ 476342 w 604564"/>
                    <a:gd name="connsiteY53" fmla="*/ 536799 h 604564"/>
                    <a:gd name="connsiteX54" fmla="*/ 475974 w 604564"/>
                    <a:gd name="connsiteY54" fmla="*/ 535241 h 604564"/>
                    <a:gd name="connsiteX55" fmla="*/ 472574 w 604564"/>
                    <a:gd name="connsiteY55" fmla="*/ 525042 h 604564"/>
                    <a:gd name="connsiteX56" fmla="*/ 355656 w 604564"/>
                    <a:gd name="connsiteY56" fmla="*/ 458409 h 604564"/>
                    <a:gd name="connsiteX57" fmla="*/ 348007 w 604564"/>
                    <a:gd name="connsiteY57" fmla="*/ 443508 h 604564"/>
                    <a:gd name="connsiteX58" fmla="*/ 348007 w 604564"/>
                    <a:gd name="connsiteY58" fmla="*/ 420844 h 604564"/>
                    <a:gd name="connsiteX59" fmla="*/ 402741 w 604564"/>
                    <a:gd name="connsiteY59" fmla="*/ 360076 h 604564"/>
                    <a:gd name="connsiteX60" fmla="*/ 422572 w 604564"/>
                    <a:gd name="connsiteY60" fmla="*/ 317580 h 604564"/>
                    <a:gd name="connsiteX61" fmla="*/ 416906 w 604564"/>
                    <a:gd name="connsiteY61" fmla="*/ 273980 h 604564"/>
                    <a:gd name="connsiteX62" fmla="*/ 406084 w 604564"/>
                    <a:gd name="connsiteY62" fmla="*/ 175930 h 604564"/>
                    <a:gd name="connsiteX63" fmla="*/ 302027 w 604564"/>
                    <a:gd name="connsiteY63" fmla="*/ 143889 h 604564"/>
                    <a:gd name="connsiteX64" fmla="*/ 199104 w 604564"/>
                    <a:gd name="connsiteY64" fmla="*/ 175052 h 604564"/>
                    <a:gd name="connsiteX65" fmla="*/ 187120 w 604564"/>
                    <a:gd name="connsiteY65" fmla="*/ 274207 h 604564"/>
                    <a:gd name="connsiteX66" fmla="*/ 181284 w 604564"/>
                    <a:gd name="connsiteY66" fmla="*/ 317410 h 604564"/>
                    <a:gd name="connsiteX67" fmla="*/ 202022 w 604564"/>
                    <a:gd name="connsiteY67" fmla="*/ 359906 h 604564"/>
                    <a:gd name="connsiteX68" fmla="*/ 256586 w 604564"/>
                    <a:gd name="connsiteY68" fmla="*/ 420702 h 604564"/>
                    <a:gd name="connsiteX69" fmla="*/ 256586 w 604564"/>
                    <a:gd name="connsiteY69" fmla="*/ 448211 h 604564"/>
                    <a:gd name="connsiteX70" fmla="*/ 251600 w 604564"/>
                    <a:gd name="connsiteY70" fmla="*/ 458183 h 604564"/>
                    <a:gd name="connsiteX71" fmla="*/ 132018 w 604564"/>
                    <a:gd name="connsiteY71" fmla="*/ 525127 h 604564"/>
                    <a:gd name="connsiteX72" fmla="*/ 128392 w 604564"/>
                    <a:gd name="connsiteY72" fmla="*/ 536119 h 604564"/>
                    <a:gd name="connsiteX73" fmla="*/ 128194 w 604564"/>
                    <a:gd name="connsiteY73" fmla="*/ 536884 h 604564"/>
                    <a:gd name="connsiteX74" fmla="*/ 67488 w 604564"/>
                    <a:gd name="connsiteY74" fmla="*/ 128058 h 604564"/>
                    <a:gd name="connsiteX75" fmla="*/ 476314 w 604564"/>
                    <a:gd name="connsiteY75" fmla="*/ 67352 h 604564"/>
                    <a:gd name="connsiteX76" fmla="*/ 537020 w 604564"/>
                    <a:gd name="connsiteY76" fmla="*/ 476178 h 604564"/>
                    <a:gd name="connsiteX77" fmla="*/ 476314 w 604564"/>
                    <a:gd name="connsiteY77" fmla="*/ 536884 h 6045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Lst>
                  <a:rect l="l" t="t" r="r" b="b"/>
                  <a:pathLst>
                    <a:path w="604564" h="604564">
                      <a:moveTo>
                        <a:pt x="302311" y="0"/>
                      </a:moveTo>
                      <a:cubicBezTo>
                        <a:pt x="135365" y="-16"/>
                        <a:pt x="16" y="135308"/>
                        <a:pt x="0" y="302254"/>
                      </a:cubicBezTo>
                      <a:cubicBezTo>
                        <a:pt x="-16" y="469200"/>
                        <a:pt x="135308" y="604547"/>
                        <a:pt x="302254" y="604564"/>
                      </a:cubicBezTo>
                      <a:cubicBezTo>
                        <a:pt x="469178" y="604581"/>
                        <a:pt x="604516" y="469291"/>
                        <a:pt x="604564" y="302367"/>
                      </a:cubicBezTo>
                      <a:cubicBezTo>
                        <a:pt x="604423" y="135477"/>
                        <a:pt x="469200" y="203"/>
                        <a:pt x="302311" y="0"/>
                      </a:cubicBezTo>
                      <a:close/>
                      <a:moveTo>
                        <a:pt x="340726" y="269929"/>
                      </a:moveTo>
                      <a:cubicBezTo>
                        <a:pt x="328884" y="241996"/>
                        <a:pt x="331972" y="235933"/>
                        <a:pt x="332709" y="234885"/>
                      </a:cubicBezTo>
                      <a:cubicBezTo>
                        <a:pt x="332907" y="234630"/>
                        <a:pt x="333360" y="234035"/>
                        <a:pt x="334947" y="234290"/>
                      </a:cubicBezTo>
                      <a:cubicBezTo>
                        <a:pt x="339168" y="234942"/>
                        <a:pt x="348432" y="241174"/>
                        <a:pt x="360586" y="256671"/>
                      </a:cubicBezTo>
                      <a:cubicBezTo>
                        <a:pt x="372819" y="272507"/>
                        <a:pt x="382624" y="290075"/>
                        <a:pt x="389681" y="308798"/>
                      </a:cubicBezTo>
                      <a:lnTo>
                        <a:pt x="394412" y="321377"/>
                      </a:lnTo>
                      <a:lnTo>
                        <a:pt x="394412" y="307948"/>
                      </a:lnTo>
                      <a:cubicBezTo>
                        <a:pt x="394412" y="300526"/>
                        <a:pt x="395035" y="291375"/>
                        <a:pt x="398860" y="286474"/>
                      </a:cubicBezTo>
                      <a:cubicBezTo>
                        <a:pt x="401693" y="282763"/>
                        <a:pt x="404894" y="280808"/>
                        <a:pt x="407075" y="281375"/>
                      </a:cubicBezTo>
                      <a:cubicBezTo>
                        <a:pt x="409257" y="281941"/>
                        <a:pt x="410532" y="284633"/>
                        <a:pt x="411155" y="288910"/>
                      </a:cubicBezTo>
                      <a:cubicBezTo>
                        <a:pt x="413535" y="305314"/>
                        <a:pt x="410673" y="337072"/>
                        <a:pt x="401778" y="347384"/>
                      </a:cubicBezTo>
                      <a:cubicBezTo>
                        <a:pt x="400599" y="349041"/>
                        <a:pt x="398738" y="350084"/>
                        <a:pt x="396706" y="350217"/>
                      </a:cubicBezTo>
                      <a:lnTo>
                        <a:pt x="395120" y="350217"/>
                      </a:lnTo>
                      <a:lnTo>
                        <a:pt x="394440" y="351662"/>
                      </a:lnTo>
                      <a:cubicBezTo>
                        <a:pt x="374411" y="395857"/>
                        <a:pt x="340726" y="421354"/>
                        <a:pt x="302169" y="421354"/>
                      </a:cubicBezTo>
                      <a:cubicBezTo>
                        <a:pt x="279675" y="421354"/>
                        <a:pt x="237860" y="412288"/>
                        <a:pt x="210238" y="351690"/>
                      </a:cubicBezTo>
                      <a:lnTo>
                        <a:pt x="209586" y="350273"/>
                      </a:lnTo>
                      <a:lnTo>
                        <a:pt x="208028" y="350273"/>
                      </a:lnTo>
                      <a:cubicBezTo>
                        <a:pt x="205144" y="349987"/>
                        <a:pt x="202557" y="348372"/>
                        <a:pt x="201030" y="345911"/>
                      </a:cubicBezTo>
                      <a:cubicBezTo>
                        <a:pt x="191625" y="333502"/>
                        <a:pt x="189698" y="301376"/>
                        <a:pt x="193410" y="286984"/>
                      </a:cubicBezTo>
                      <a:cubicBezTo>
                        <a:pt x="194260" y="283698"/>
                        <a:pt x="195478" y="281658"/>
                        <a:pt x="196838" y="281318"/>
                      </a:cubicBezTo>
                      <a:cubicBezTo>
                        <a:pt x="198197" y="280978"/>
                        <a:pt x="200719" y="281998"/>
                        <a:pt x="203580" y="284519"/>
                      </a:cubicBezTo>
                      <a:cubicBezTo>
                        <a:pt x="208510" y="288882"/>
                        <a:pt x="209246" y="298429"/>
                        <a:pt x="209246" y="308062"/>
                      </a:cubicBezTo>
                      <a:lnTo>
                        <a:pt x="209473" y="330896"/>
                      </a:lnTo>
                      <a:lnTo>
                        <a:pt x="233015" y="219247"/>
                      </a:lnTo>
                      <a:cubicBezTo>
                        <a:pt x="252535" y="242817"/>
                        <a:pt x="297863" y="273499"/>
                        <a:pt x="338205" y="273499"/>
                      </a:cubicBezTo>
                      <a:lnTo>
                        <a:pt x="342256" y="273499"/>
                      </a:lnTo>
                      <a:close/>
                      <a:moveTo>
                        <a:pt x="336958" y="425971"/>
                      </a:moveTo>
                      <a:lnTo>
                        <a:pt x="336958" y="441185"/>
                      </a:lnTo>
                      <a:lnTo>
                        <a:pt x="303784" y="473141"/>
                      </a:lnTo>
                      <a:lnTo>
                        <a:pt x="267635" y="438805"/>
                      </a:lnTo>
                      <a:lnTo>
                        <a:pt x="267635" y="426198"/>
                      </a:lnTo>
                      <a:cubicBezTo>
                        <a:pt x="289964" y="434680"/>
                        <a:pt x="314628" y="434680"/>
                        <a:pt x="336958" y="426198"/>
                      </a:cubicBezTo>
                      <a:close/>
                      <a:moveTo>
                        <a:pt x="266728" y="453112"/>
                      </a:moveTo>
                      <a:lnTo>
                        <a:pt x="303840" y="488354"/>
                      </a:lnTo>
                      <a:lnTo>
                        <a:pt x="340415" y="453140"/>
                      </a:lnTo>
                      <a:lnTo>
                        <a:pt x="346732" y="465407"/>
                      </a:lnTo>
                      <a:lnTo>
                        <a:pt x="325768" y="525268"/>
                      </a:lnTo>
                      <a:lnTo>
                        <a:pt x="303869" y="496768"/>
                      </a:lnTo>
                      <a:lnTo>
                        <a:pt x="281375" y="525325"/>
                      </a:lnTo>
                      <a:lnTo>
                        <a:pt x="260410" y="465407"/>
                      </a:lnTo>
                      <a:close/>
                      <a:moveTo>
                        <a:pt x="277578" y="548131"/>
                      </a:moveTo>
                      <a:lnTo>
                        <a:pt x="303755" y="514843"/>
                      </a:lnTo>
                      <a:lnTo>
                        <a:pt x="329507" y="548329"/>
                      </a:lnTo>
                      <a:lnTo>
                        <a:pt x="356931" y="469826"/>
                      </a:lnTo>
                      <a:cubicBezTo>
                        <a:pt x="432544" y="479572"/>
                        <a:pt x="457843" y="507421"/>
                        <a:pt x="466285" y="542267"/>
                      </a:cubicBezTo>
                      <a:cubicBezTo>
                        <a:pt x="367529" y="609956"/>
                        <a:pt x="237409" y="610315"/>
                        <a:pt x="138279" y="543173"/>
                      </a:cubicBezTo>
                      <a:cubicBezTo>
                        <a:pt x="146608" y="507590"/>
                        <a:pt x="172275" y="479204"/>
                        <a:pt x="250211" y="469656"/>
                      </a:cubicBezTo>
                      <a:close/>
                      <a:moveTo>
                        <a:pt x="476342" y="536799"/>
                      </a:moveTo>
                      <a:lnTo>
                        <a:pt x="475974" y="535241"/>
                      </a:lnTo>
                      <a:cubicBezTo>
                        <a:pt x="475025" y="531782"/>
                        <a:pt x="473889" y="528379"/>
                        <a:pt x="472574" y="525042"/>
                      </a:cubicBezTo>
                      <a:cubicBezTo>
                        <a:pt x="457729" y="487759"/>
                        <a:pt x="419456" y="465974"/>
                        <a:pt x="355656" y="458409"/>
                      </a:cubicBezTo>
                      <a:lnTo>
                        <a:pt x="348007" y="443508"/>
                      </a:lnTo>
                      <a:lnTo>
                        <a:pt x="348007" y="420844"/>
                      </a:lnTo>
                      <a:cubicBezTo>
                        <a:pt x="376110" y="405800"/>
                        <a:pt x="393335" y="379765"/>
                        <a:pt x="402741" y="360076"/>
                      </a:cubicBezTo>
                      <a:cubicBezTo>
                        <a:pt x="416481" y="354693"/>
                        <a:pt x="421042" y="331321"/>
                        <a:pt x="422572" y="317580"/>
                      </a:cubicBezTo>
                      <a:cubicBezTo>
                        <a:pt x="423422" y="309790"/>
                        <a:pt x="425405" y="284264"/>
                        <a:pt x="416906" y="273980"/>
                      </a:cubicBezTo>
                      <a:cubicBezTo>
                        <a:pt x="426170" y="227462"/>
                        <a:pt x="422713" y="196271"/>
                        <a:pt x="406084" y="175930"/>
                      </a:cubicBezTo>
                      <a:cubicBezTo>
                        <a:pt x="388207" y="154059"/>
                        <a:pt x="355090" y="143889"/>
                        <a:pt x="302027" y="143889"/>
                      </a:cubicBezTo>
                      <a:cubicBezTo>
                        <a:pt x="249588" y="143889"/>
                        <a:pt x="216895" y="153832"/>
                        <a:pt x="199104" y="175052"/>
                      </a:cubicBezTo>
                      <a:cubicBezTo>
                        <a:pt x="182106" y="195364"/>
                        <a:pt x="178451" y="226046"/>
                        <a:pt x="187120" y="274207"/>
                      </a:cubicBezTo>
                      <a:cubicBezTo>
                        <a:pt x="178621" y="285114"/>
                        <a:pt x="180718" y="311971"/>
                        <a:pt x="181284" y="317410"/>
                      </a:cubicBezTo>
                      <a:cubicBezTo>
                        <a:pt x="182673" y="331151"/>
                        <a:pt x="187234" y="354636"/>
                        <a:pt x="202022" y="359906"/>
                      </a:cubicBezTo>
                      <a:cubicBezTo>
                        <a:pt x="215564" y="387839"/>
                        <a:pt x="234403" y="408803"/>
                        <a:pt x="256586" y="420702"/>
                      </a:cubicBezTo>
                      <a:lnTo>
                        <a:pt x="256586" y="448211"/>
                      </a:lnTo>
                      <a:lnTo>
                        <a:pt x="251600" y="458183"/>
                      </a:lnTo>
                      <a:cubicBezTo>
                        <a:pt x="209444" y="462857"/>
                        <a:pt x="151963" y="475181"/>
                        <a:pt x="132018" y="525127"/>
                      </a:cubicBezTo>
                      <a:cubicBezTo>
                        <a:pt x="130585" y="528713"/>
                        <a:pt x="129374" y="532385"/>
                        <a:pt x="128392" y="536119"/>
                      </a:cubicBezTo>
                      <a:lnTo>
                        <a:pt x="128194" y="536884"/>
                      </a:lnTo>
                      <a:cubicBezTo>
                        <a:pt x="-1464" y="440754"/>
                        <a:pt x="-28643" y="257716"/>
                        <a:pt x="67488" y="128058"/>
                      </a:cubicBezTo>
                      <a:cubicBezTo>
                        <a:pt x="163619" y="-1600"/>
                        <a:pt x="346656" y="-28779"/>
                        <a:pt x="476314" y="67352"/>
                      </a:cubicBezTo>
                      <a:cubicBezTo>
                        <a:pt x="605972" y="163483"/>
                        <a:pt x="633150" y="346520"/>
                        <a:pt x="537020" y="476178"/>
                      </a:cubicBezTo>
                      <a:cubicBezTo>
                        <a:pt x="519883" y="499293"/>
                        <a:pt x="499429" y="519747"/>
                        <a:pt x="476314" y="536884"/>
                      </a:cubicBezTo>
                      <a:close/>
                    </a:path>
                  </a:pathLst>
                </a:custGeom>
                <a:solidFill>
                  <a:schemeClr val="accent2"/>
                </a:solidFill>
                <a:ln w="2811" cap="flat">
                  <a:noFill/>
                  <a:prstDash val="solid"/>
                  <a:miter/>
                </a:ln>
              </p:spPr>
              <p:txBody>
                <a:bodyPr rtlCol="0" anchor="ctr"/>
                <a:lstStyle/>
                <a:p>
                  <a:endParaRPr lang="en-US" dirty="0"/>
                </a:p>
              </p:txBody>
            </p:sp>
            <p:sp>
              <p:nvSpPr>
                <p:cNvPr id="194" name="Graphic 8">
                  <a:extLst>
                    <a:ext uri="{FF2B5EF4-FFF2-40B4-BE49-F238E27FC236}">
                      <a16:creationId xmlns:a16="http://schemas.microsoft.com/office/drawing/2014/main" id="{15539A5D-6D24-7E4C-85F1-629B1652025D}"/>
                    </a:ext>
                  </a:extLst>
                </p:cNvPr>
                <p:cNvSpPr/>
                <p:nvPr/>
              </p:nvSpPr>
              <p:spPr>
                <a:xfrm>
                  <a:off x="6082115" y="1969986"/>
                  <a:ext cx="235281" cy="519645"/>
                </a:xfrm>
                <a:custGeom>
                  <a:avLst/>
                  <a:gdLst>
                    <a:gd name="connsiteX0" fmla="*/ 157997 w 235281"/>
                    <a:gd name="connsiteY0" fmla="*/ 500395 h 519645"/>
                    <a:gd name="connsiteX1" fmla="*/ 162601 w 235281"/>
                    <a:gd name="connsiteY1" fmla="*/ 495267 h 519645"/>
                    <a:gd name="connsiteX2" fmla="*/ 162615 w 235281"/>
                    <a:gd name="connsiteY2" fmla="*/ 495267 h 519645"/>
                    <a:gd name="connsiteX3" fmla="*/ 172360 w 235281"/>
                    <a:gd name="connsiteY3" fmla="*/ 494785 h 519645"/>
                    <a:gd name="connsiteX4" fmla="*/ 171850 w 235281"/>
                    <a:gd name="connsiteY4" fmla="*/ 485040 h 519645"/>
                    <a:gd name="connsiteX5" fmla="*/ 176171 w 235281"/>
                    <a:gd name="connsiteY5" fmla="*/ 479671 h 519645"/>
                    <a:gd name="connsiteX6" fmla="*/ 181539 w 235281"/>
                    <a:gd name="connsiteY6" fmla="*/ 483994 h 519645"/>
                    <a:gd name="connsiteX7" fmla="*/ 181568 w 235281"/>
                    <a:gd name="connsiteY7" fmla="*/ 484558 h 519645"/>
                    <a:gd name="connsiteX8" fmla="*/ 182078 w 235281"/>
                    <a:gd name="connsiteY8" fmla="*/ 494275 h 519645"/>
                    <a:gd name="connsiteX9" fmla="*/ 191795 w 235281"/>
                    <a:gd name="connsiteY9" fmla="*/ 493794 h 519645"/>
                    <a:gd name="connsiteX10" fmla="*/ 197163 w 235281"/>
                    <a:gd name="connsiteY10" fmla="*/ 498114 h 519645"/>
                    <a:gd name="connsiteX11" fmla="*/ 192843 w 235281"/>
                    <a:gd name="connsiteY11" fmla="*/ 503483 h 519645"/>
                    <a:gd name="connsiteX12" fmla="*/ 192305 w 235281"/>
                    <a:gd name="connsiteY12" fmla="*/ 503511 h 519645"/>
                    <a:gd name="connsiteX13" fmla="*/ 182559 w 235281"/>
                    <a:gd name="connsiteY13" fmla="*/ 504021 h 519645"/>
                    <a:gd name="connsiteX14" fmla="*/ 182984 w 235281"/>
                    <a:gd name="connsiteY14" fmla="*/ 514248 h 519645"/>
                    <a:gd name="connsiteX15" fmla="*/ 178664 w 235281"/>
                    <a:gd name="connsiteY15" fmla="*/ 519617 h 519645"/>
                    <a:gd name="connsiteX16" fmla="*/ 173295 w 235281"/>
                    <a:gd name="connsiteY16" fmla="*/ 515296 h 519645"/>
                    <a:gd name="connsiteX17" fmla="*/ 173267 w 235281"/>
                    <a:gd name="connsiteY17" fmla="*/ 514758 h 519645"/>
                    <a:gd name="connsiteX18" fmla="*/ 172729 w 235281"/>
                    <a:gd name="connsiteY18" fmla="*/ 504418 h 519645"/>
                    <a:gd name="connsiteX19" fmla="*/ 163011 w 235281"/>
                    <a:gd name="connsiteY19" fmla="*/ 504927 h 519645"/>
                    <a:gd name="connsiteX20" fmla="*/ 157997 w 235281"/>
                    <a:gd name="connsiteY20" fmla="*/ 500395 h 519645"/>
                    <a:gd name="connsiteX21" fmla="*/ 231145 w 235281"/>
                    <a:gd name="connsiteY21" fmla="*/ 238341 h 519645"/>
                    <a:gd name="connsiteX22" fmla="*/ 210521 w 235281"/>
                    <a:gd name="connsiteY22" fmla="*/ 217717 h 519645"/>
                    <a:gd name="connsiteX23" fmla="*/ 206385 w 235281"/>
                    <a:gd name="connsiteY23" fmla="*/ 213581 h 519645"/>
                    <a:gd name="connsiteX24" fmla="*/ 202249 w 235281"/>
                    <a:gd name="connsiteY24" fmla="*/ 217717 h 519645"/>
                    <a:gd name="connsiteX25" fmla="*/ 181624 w 235281"/>
                    <a:gd name="connsiteY25" fmla="*/ 238341 h 519645"/>
                    <a:gd name="connsiteX26" fmla="*/ 177488 w 235281"/>
                    <a:gd name="connsiteY26" fmla="*/ 242477 h 519645"/>
                    <a:gd name="connsiteX27" fmla="*/ 181624 w 235281"/>
                    <a:gd name="connsiteY27" fmla="*/ 246614 h 519645"/>
                    <a:gd name="connsiteX28" fmla="*/ 202249 w 235281"/>
                    <a:gd name="connsiteY28" fmla="*/ 267238 h 519645"/>
                    <a:gd name="connsiteX29" fmla="*/ 206385 w 235281"/>
                    <a:gd name="connsiteY29" fmla="*/ 271374 h 519645"/>
                    <a:gd name="connsiteX30" fmla="*/ 210521 w 235281"/>
                    <a:gd name="connsiteY30" fmla="*/ 267238 h 519645"/>
                    <a:gd name="connsiteX31" fmla="*/ 231145 w 235281"/>
                    <a:gd name="connsiteY31" fmla="*/ 246614 h 519645"/>
                    <a:gd name="connsiteX32" fmla="*/ 235282 w 235281"/>
                    <a:gd name="connsiteY32" fmla="*/ 242477 h 519645"/>
                    <a:gd name="connsiteX33" fmla="*/ 231145 w 235281"/>
                    <a:gd name="connsiteY33" fmla="*/ 238341 h 519645"/>
                    <a:gd name="connsiteX34" fmla="*/ 23684 w 235281"/>
                    <a:gd name="connsiteY34" fmla="*/ 0 h 519645"/>
                    <a:gd name="connsiteX35" fmla="*/ 47425 w 235281"/>
                    <a:gd name="connsiteY35" fmla="*/ 23684 h 519645"/>
                    <a:gd name="connsiteX36" fmla="*/ 23741 w 235281"/>
                    <a:gd name="connsiteY36" fmla="*/ 47425 h 519645"/>
                    <a:gd name="connsiteX37" fmla="*/ 0 w 235281"/>
                    <a:gd name="connsiteY37" fmla="*/ 23741 h 519645"/>
                    <a:gd name="connsiteX38" fmla="*/ 0 w 235281"/>
                    <a:gd name="connsiteY38" fmla="*/ 23712 h 519645"/>
                    <a:gd name="connsiteX39" fmla="*/ 23684 w 235281"/>
                    <a:gd name="connsiteY39" fmla="*/ 0 h 519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35281" h="519645">
                      <a:moveTo>
                        <a:pt x="157997" y="500395"/>
                      </a:moveTo>
                      <a:cubicBezTo>
                        <a:pt x="157852" y="497706"/>
                        <a:pt x="159915" y="495411"/>
                        <a:pt x="162601" y="495267"/>
                      </a:cubicBezTo>
                      <a:cubicBezTo>
                        <a:pt x="162606" y="495267"/>
                        <a:pt x="162609" y="495267"/>
                        <a:pt x="162615" y="495267"/>
                      </a:cubicBezTo>
                      <a:lnTo>
                        <a:pt x="172360" y="494785"/>
                      </a:lnTo>
                      <a:lnTo>
                        <a:pt x="171850" y="485040"/>
                      </a:lnTo>
                      <a:cubicBezTo>
                        <a:pt x="171561" y="482365"/>
                        <a:pt x="173496" y="479960"/>
                        <a:pt x="176171" y="479671"/>
                      </a:cubicBezTo>
                      <a:cubicBezTo>
                        <a:pt x="178848" y="479382"/>
                        <a:pt x="181250" y="481317"/>
                        <a:pt x="181539" y="483994"/>
                      </a:cubicBezTo>
                      <a:cubicBezTo>
                        <a:pt x="181559" y="484181"/>
                        <a:pt x="181570" y="484368"/>
                        <a:pt x="181568" y="484558"/>
                      </a:cubicBezTo>
                      <a:lnTo>
                        <a:pt x="182078" y="494275"/>
                      </a:lnTo>
                      <a:lnTo>
                        <a:pt x="191795" y="493794"/>
                      </a:lnTo>
                      <a:cubicBezTo>
                        <a:pt x="194469" y="493505"/>
                        <a:pt x="196874" y="495437"/>
                        <a:pt x="197163" y="498114"/>
                      </a:cubicBezTo>
                      <a:cubicBezTo>
                        <a:pt x="197452" y="500788"/>
                        <a:pt x="195520" y="503194"/>
                        <a:pt x="192843" y="503483"/>
                      </a:cubicBezTo>
                      <a:cubicBezTo>
                        <a:pt x="192665" y="503502"/>
                        <a:pt x="192486" y="503511"/>
                        <a:pt x="192305" y="503511"/>
                      </a:cubicBezTo>
                      <a:lnTo>
                        <a:pt x="182559" y="504021"/>
                      </a:lnTo>
                      <a:lnTo>
                        <a:pt x="182984" y="514248"/>
                      </a:lnTo>
                      <a:cubicBezTo>
                        <a:pt x="183273" y="516922"/>
                        <a:pt x="181341" y="519328"/>
                        <a:pt x="178664" y="519617"/>
                      </a:cubicBezTo>
                      <a:cubicBezTo>
                        <a:pt x="175989" y="519906"/>
                        <a:pt x="173584" y="517973"/>
                        <a:pt x="173295" y="515296"/>
                      </a:cubicBezTo>
                      <a:cubicBezTo>
                        <a:pt x="173275" y="515118"/>
                        <a:pt x="173267" y="514939"/>
                        <a:pt x="173267" y="514758"/>
                      </a:cubicBezTo>
                      <a:lnTo>
                        <a:pt x="172729" y="504418"/>
                      </a:lnTo>
                      <a:lnTo>
                        <a:pt x="163011" y="504927"/>
                      </a:lnTo>
                      <a:cubicBezTo>
                        <a:pt x="160405" y="504981"/>
                        <a:pt x="158207" y="502995"/>
                        <a:pt x="157997" y="500395"/>
                      </a:cubicBezTo>
                      <a:close/>
                      <a:moveTo>
                        <a:pt x="231145" y="238341"/>
                      </a:moveTo>
                      <a:cubicBezTo>
                        <a:pt x="219762" y="238326"/>
                        <a:pt x="210538" y="229101"/>
                        <a:pt x="210521" y="217717"/>
                      </a:cubicBezTo>
                      <a:cubicBezTo>
                        <a:pt x="210521" y="215433"/>
                        <a:pt x="208668" y="213581"/>
                        <a:pt x="206385" y="213581"/>
                      </a:cubicBezTo>
                      <a:cubicBezTo>
                        <a:pt x="204101" y="213581"/>
                        <a:pt x="202249" y="215433"/>
                        <a:pt x="202249" y="217717"/>
                      </a:cubicBezTo>
                      <a:cubicBezTo>
                        <a:pt x="202232" y="229101"/>
                        <a:pt x="193007" y="238326"/>
                        <a:pt x="181624" y="238341"/>
                      </a:cubicBezTo>
                      <a:cubicBezTo>
                        <a:pt x="179341" y="238341"/>
                        <a:pt x="177488" y="240193"/>
                        <a:pt x="177488" y="242477"/>
                      </a:cubicBezTo>
                      <a:cubicBezTo>
                        <a:pt x="177488" y="244762"/>
                        <a:pt x="179341" y="246614"/>
                        <a:pt x="181624" y="246614"/>
                      </a:cubicBezTo>
                      <a:cubicBezTo>
                        <a:pt x="193007" y="246629"/>
                        <a:pt x="202232" y="255854"/>
                        <a:pt x="202249" y="267238"/>
                      </a:cubicBezTo>
                      <a:cubicBezTo>
                        <a:pt x="202249" y="269521"/>
                        <a:pt x="204101" y="271374"/>
                        <a:pt x="206385" y="271374"/>
                      </a:cubicBezTo>
                      <a:cubicBezTo>
                        <a:pt x="208668" y="271374"/>
                        <a:pt x="210521" y="269521"/>
                        <a:pt x="210521" y="267238"/>
                      </a:cubicBezTo>
                      <a:cubicBezTo>
                        <a:pt x="210538" y="255854"/>
                        <a:pt x="219762" y="246629"/>
                        <a:pt x="231145" y="246614"/>
                      </a:cubicBezTo>
                      <a:cubicBezTo>
                        <a:pt x="233429" y="246614"/>
                        <a:pt x="235282" y="244762"/>
                        <a:pt x="235282" y="242477"/>
                      </a:cubicBezTo>
                      <a:cubicBezTo>
                        <a:pt x="235282" y="240193"/>
                        <a:pt x="233429" y="238341"/>
                        <a:pt x="231145" y="238341"/>
                      </a:cubicBezTo>
                      <a:close/>
                      <a:moveTo>
                        <a:pt x="23684" y="0"/>
                      </a:moveTo>
                      <a:cubicBezTo>
                        <a:pt x="36781" y="-16"/>
                        <a:pt x="47408" y="10588"/>
                        <a:pt x="47425" y="23684"/>
                      </a:cubicBezTo>
                      <a:cubicBezTo>
                        <a:pt x="47442" y="36780"/>
                        <a:pt x="36838" y="47409"/>
                        <a:pt x="23741" y="47425"/>
                      </a:cubicBezTo>
                      <a:cubicBezTo>
                        <a:pt x="10644" y="47440"/>
                        <a:pt x="17" y="36837"/>
                        <a:pt x="0" y="23741"/>
                      </a:cubicBezTo>
                      <a:cubicBezTo>
                        <a:pt x="0" y="23731"/>
                        <a:pt x="0" y="23722"/>
                        <a:pt x="0" y="23712"/>
                      </a:cubicBezTo>
                      <a:cubicBezTo>
                        <a:pt x="0" y="10627"/>
                        <a:pt x="10598" y="16"/>
                        <a:pt x="23684" y="0"/>
                      </a:cubicBezTo>
                      <a:close/>
                    </a:path>
                  </a:pathLst>
                </a:custGeom>
                <a:solidFill>
                  <a:schemeClr val="accent1"/>
                </a:solidFill>
                <a:ln w="2811" cap="flat">
                  <a:noFill/>
                  <a:prstDash val="solid"/>
                  <a:miter/>
                </a:ln>
              </p:spPr>
              <p:txBody>
                <a:bodyPr rtlCol="0" anchor="ctr"/>
                <a:lstStyle/>
                <a:p>
                  <a:endParaRPr lang="en-US"/>
                </a:p>
              </p:txBody>
            </p:sp>
            <p:sp>
              <p:nvSpPr>
                <p:cNvPr id="195" name="Graphic 8">
                  <a:extLst>
                    <a:ext uri="{FF2B5EF4-FFF2-40B4-BE49-F238E27FC236}">
                      <a16:creationId xmlns:a16="http://schemas.microsoft.com/office/drawing/2014/main" id="{337E9D7E-8CBD-A746-82F3-0077F372FA2F}"/>
                    </a:ext>
                  </a:extLst>
                </p:cNvPr>
                <p:cNvSpPr/>
                <p:nvPr/>
              </p:nvSpPr>
              <p:spPr>
                <a:xfrm>
                  <a:off x="5719559" y="1982922"/>
                  <a:ext cx="773201" cy="767757"/>
                </a:xfrm>
                <a:custGeom>
                  <a:avLst/>
                  <a:gdLst>
                    <a:gd name="connsiteX0" fmla="*/ 452249 w 773201"/>
                    <a:gd name="connsiteY0" fmla="*/ 295 h 767757"/>
                    <a:gd name="connsiteX1" fmla="*/ 451541 w 773201"/>
                    <a:gd name="connsiteY1" fmla="*/ 295 h 767757"/>
                    <a:gd name="connsiteX2" fmla="*/ 449841 w 773201"/>
                    <a:gd name="connsiteY2" fmla="*/ 12 h 767757"/>
                    <a:gd name="connsiteX3" fmla="*/ 437081 w 773201"/>
                    <a:gd name="connsiteY3" fmla="*/ 12863 h 767757"/>
                    <a:gd name="connsiteX4" fmla="*/ 446725 w 773201"/>
                    <a:gd name="connsiteY4" fmla="*/ 25225 h 767757"/>
                    <a:gd name="connsiteX5" fmla="*/ 447008 w 773201"/>
                    <a:gd name="connsiteY5" fmla="*/ 25225 h 767757"/>
                    <a:gd name="connsiteX6" fmla="*/ 448142 w 773201"/>
                    <a:gd name="connsiteY6" fmla="*/ 25509 h 767757"/>
                    <a:gd name="connsiteX7" fmla="*/ 452391 w 773201"/>
                    <a:gd name="connsiteY7" fmla="*/ 26075 h 767757"/>
                    <a:gd name="connsiteX8" fmla="*/ 741384 w 773201"/>
                    <a:gd name="connsiteY8" fmla="*/ 447200 h 767757"/>
                    <a:gd name="connsiteX9" fmla="*/ 320259 w 773201"/>
                    <a:gd name="connsiteY9" fmla="*/ 736192 h 767757"/>
                    <a:gd name="connsiteX10" fmla="*/ 25173 w 773201"/>
                    <a:gd name="connsiteY10" fmla="*/ 381052 h 767757"/>
                    <a:gd name="connsiteX11" fmla="*/ 320656 w 773201"/>
                    <a:gd name="connsiteY11" fmla="*/ 26075 h 767757"/>
                    <a:gd name="connsiteX12" fmla="*/ 324906 w 773201"/>
                    <a:gd name="connsiteY12" fmla="*/ 25509 h 767757"/>
                    <a:gd name="connsiteX13" fmla="*/ 326889 w 773201"/>
                    <a:gd name="connsiteY13" fmla="*/ 25225 h 767757"/>
                    <a:gd name="connsiteX14" fmla="*/ 327172 w 773201"/>
                    <a:gd name="connsiteY14" fmla="*/ 25225 h 767757"/>
                    <a:gd name="connsiteX15" fmla="*/ 335951 w 773201"/>
                    <a:gd name="connsiteY15" fmla="*/ 9296 h 767757"/>
                    <a:gd name="connsiteX16" fmla="*/ 323886 w 773201"/>
                    <a:gd name="connsiteY16" fmla="*/ 12 h 767757"/>
                    <a:gd name="connsiteX17" fmla="*/ 323886 w 773201"/>
                    <a:gd name="connsiteY17" fmla="*/ 12 h 767757"/>
                    <a:gd name="connsiteX18" fmla="*/ 321903 w 773201"/>
                    <a:gd name="connsiteY18" fmla="*/ 295 h 767757"/>
                    <a:gd name="connsiteX19" fmla="*/ 5501 w 773201"/>
                    <a:gd name="connsiteY19" fmla="*/ 445916 h 767757"/>
                    <a:gd name="connsiteX20" fmla="*/ 386779 w 773201"/>
                    <a:gd name="connsiteY20" fmla="*/ 767758 h 767757"/>
                    <a:gd name="connsiteX21" fmla="*/ 773201 w 773201"/>
                    <a:gd name="connsiteY21" fmla="*/ 381052 h 767757"/>
                    <a:gd name="connsiteX22" fmla="*/ 452249 w 773201"/>
                    <a:gd name="connsiteY22" fmla="*/ 295 h 7677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73201" h="767757">
                      <a:moveTo>
                        <a:pt x="452249" y="295"/>
                      </a:moveTo>
                      <a:lnTo>
                        <a:pt x="451541" y="295"/>
                      </a:lnTo>
                      <a:cubicBezTo>
                        <a:pt x="450975" y="295"/>
                        <a:pt x="450408" y="12"/>
                        <a:pt x="449841" y="12"/>
                      </a:cubicBezTo>
                      <a:cubicBezTo>
                        <a:pt x="442770" y="37"/>
                        <a:pt x="437056" y="5790"/>
                        <a:pt x="437081" y="12863"/>
                      </a:cubicBezTo>
                      <a:cubicBezTo>
                        <a:pt x="437104" y="18700"/>
                        <a:pt x="441067" y="23784"/>
                        <a:pt x="446725" y="25225"/>
                      </a:cubicBezTo>
                      <a:lnTo>
                        <a:pt x="447008" y="25225"/>
                      </a:lnTo>
                      <a:cubicBezTo>
                        <a:pt x="447292" y="25225"/>
                        <a:pt x="447858" y="25509"/>
                        <a:pt x="448142" y="25509"/>
                      </a:cubicBezTo>
                      <a:lnTo>
                        <a:pt x="452391" y="26075"/>
                      </a:lnTo>
                      <a:cubicBezTo>
                        <a:pt x="648484" y="62563"/>
                        <a:pt x="777870" y="251106"/>
                        <a:pt x="741384" y="447200"/>
                      </a:cubicBezTo>
                      <a:cubicBezTo>
                        <a:pt x="704897" y="643292"/>
                        <a:pt x="516352" y="772678"/>
                        <a:pt x="320259" y="736192"/>
                      </a:cubicBezTo>
                      <a:cubicBezTo>
                        <a:pt x="149185" y="704360"/>
                        <a:pt x="25134" y="555064"/>
                        <a:pt x="25173" y="381052"/>
                      </a:cubicBezTo>
                      <a:cubicBezTo>
                        <a:pt x="25173" y="204272"/>
                        <a:pt x="152659" y="57239"/>
                        <a:pt x="320656" y="26075"/>
                      </a:cubicBezTo>
                      <a:lnTo>
                        <a:pt x="324906" y="25509"/>
                      </a:lnTo>
                      <a:cubicBezTo>
                        <a:pt x="325472" y="25509"/>
                        <a:pt x="326039" y="25225"/>
                        <a:pt x="326889" y="25225"/>
                      </a:cubicBezTo>
                      <a:lnTo>
                        <a:pt x="327172" y="25225"/>
                      </a:lnTo>
                      <a:cubicBezTo>
                        <a:pt x="333997" y="23251"/>
                        <a:pt x="337926" y="16119"/>
                        <a:pt x="335951" y="9296"/>
                      </a:cubicBezTo>
                      <a:cubicBezTo>
                        <a:pt x="334390" y="3897"/>
                        <a:pt x="329504" y="138"/>
                        <a:pt x="323886" y="12"/>
                      </a:cubicBezTo>
                      <a:lnTo>
                        <a:pt x="323886" y="12"/>
                      </a:lnTo>
                      <a:cubicBezTo>
                        <a:pt x="323211" y="-36"/>
                        <a:pt x="322537" y="61"/>
                        <a:pt x="321903" y="295"/>
                      </a:cubicBezTo>
                      <a:cubicBezTo>
                        <a:pt x="111476" y="35978"/>
                        <a:pt x="-30182" y="235490"/>
                        <a:pt x="5501" y="445916"/>
                      </a:cubicBezTo>
                      <a:cubicBezTo>
                        <a:pt x="37033" y="631861"/>
                        <a:pt x="198179" y="767888"/>
                        <a:pt x="386779" y="767758"/>
                      </a:cubicBezTo>
                      <a:cubicBezTo>
                        <a:pt x="600104" y="767758"/>
                        <a:pt x="773201" y="594094"/>
                        <a:pt x="773201" y="381052"/>
                      </a:cubicBezTo>
                      <a:cubicBezTo>
                        <a:pt x="772989" y="192992"/>
                        <a:pt x="637562" y="32329"/>
                        <a:pt x="452249" y="295"/>
                      </a:cubicBezTo>
                      <a:close/>
                    </a:path>
                  </a:pathLst>
                </a:custGeom>
                <a:solidFill>
                  <a:schemeClr val="accent2"/>
                </a:solidFill>
                <a:ln w="2811" cap="flat">
                  <a:noFill/>
                  <a:prstDash val="solid"/>
                  <a:miter/>
                </a:ln>
              </p:spPr>
              <p:txBody>
                <a:bodyPr rtlCol="0" anchor="ctr"/>
                <a:lstStyle/>
                <a:p>
                  <a:endParaRPr lang="en-US"/>
                </a:p>
              </p:txBody>
            </p:sp>
          </p:grpSp>
          <p:grpSp>
            <p:nvGrpSpPr>
              <p:cNvPr id="201" name="Group 200">
                <a:extLst>
                  <a:ext uri="{FF2B5EF4-FFF2-40B4-BE49-F238E27FC236}">
                    <a16:creationId xmlns:a16="http://schemas.microsoft.com/office/drawing/2014/main" id="{F17ECC60-C8C8-A64C-BB95-115750F4BB23}"/>
                  </a:ext>
                </a:extLst>
              </p:cNvPr>
              <p:cNvGrpSpPr>
                <a:grpSpLocks noChangeAspect="1"/>
              </p:cNvGrpSpPr>
              <p:nvPr/>
            </p:nvGrpSpPr>
            <p:grpSpPr>
              <a:xfrm>
                <a:off x="6932531" y="4459280"/>
                <a:ext cx="543376" cy="548640"/>
                <a:chOff x="1983714" y="3235532"/>
                <a:chExt cx="773201" cy="780693"/>
              </a:xfrm>
            </p:grpSpPr>
            <p:sp>
              <p:nvSpPr>
                <p:cNvPr id="202" name="Graphic 10">
                  <a:extLst>
                    <a:ext uri="{FF2B5EF4-FFF2-40B4-BE49-F238E27FC236}">
                      <a16:creationId xmlns:a16="http://schemas.microsoft.com/office/drawing/2014/main" id="{85EFC07A-DB99-974A-8018-CD04BDB71A89}"/>
                    </a:ext>
                  </a:extLst>
                </p:cNvPr>
                <p:cNvSpPr/>
                <p:nvPr/>
              </p:nvSpPr>
              <p:spPr>
                <a:xfrm>
                  <a:off x="2120289" y="3574814"/>
                  <a:ext cx="520501" cy="163974"/>
                </a:xfrm>
                <a:custGeom>
                  <a:avLst/>
                  <a:gdLst>
                    <a:gd name="connsiteX0" fmla="*/ 82971 w 520501"/>
                    <a:gd name="connsiteY0" fmla="*/ 135078 h 163974"/>
                    <a:gd name="connsiteX1" fmla="*/ 4638 w 520501"/>
                    <a:gd name="connsiteY1" fmla="*/ 135078 h 163974"/>
                    <a:gd name="connsiteX2" fmla="*/ 14 w 520501"/>
                    <a:gd name="connsiteY2" fmla="*/ 129701 h 163974"/>
                    <a:gd name="connsiteX3" fmla="*/ 4638 w 520501"/>
                    <a:gd name="connsiteY3" fmla="*/ 125077 h 163974"/>
                    <a:gd name="connsiteX4" fmla="*/ 82971 w 520501"/>
                    <a:gd name="connsiteY4" fmla="*/ 125077 h 163974"/>
                    <a:gd name="connsiteX5" fmla="*/ 87594 w 520501"/>
                    <a:gd name="connsiteY5" fmla="*/ 130454 h 163974"/>
                    <a:gd name="connsiteX6" fmla="*/ 82971 w 520501"/>
                    <a:gd name="connsiteY6" fmla="*/ 135078 h 163974"/>
                    <a:gd name="connsiteX7" fmla="*/ 66143 w 520501"/>
                    <a:gd name="connsiteY7" fmla="*/ 158989 h 163974"/>
                    <a:gd name="connsiteX8" fmla="*/ 61157 w 520501"/>
                    <a:gd name="connsiteY8" fmla="*/ 154002 h 163974"/>
                    <a:gd name="connsiteX9" fmla="*/ 15829 w 520501"/>
                    <a:gd name="connsiteY9" fmla="*/ 154002 h 163974"/>
                    <a:gd name="connsiteX10" fmla="*/ 10842 w 520501"/>
                    <a:gd name="connsiteY10" fmla="*/ 158989 h 163974"/>
                    <a:gd name="connsiteX11" fmla="*/ 15829 w 520501"/>
                    <a:gd name="connsiteY11" fmla="*/ 163975 h 163974"/>
                    <a:gd name="connsiteX12" fmla="*/ 61157 w 520501"/>
                    <a:gd name="connsiteY12" fmla="*/ 163975 h 163974"/>
                    <a:gd name="connsiteX13" fmla="*/ 66143 w 520501"/>
                    <a:gd name="connsiteY13" fmla="*/ 158989 h 163974"/>
                    <a:gd name="connsiteX14" fmla="*/ 520501 w 520501"/>
                    <a:gd name="connsiteY14" fmla="*/ 4986 h 163974"/>
                    <a:gd name="connsiteX15" fmla="*/ 515515 w 520501"/>
                    <a:gd name="connsiteY15" fmla="*/ 0 h 163974"/>
                    <a:gd name="connsiteX16" fmla="*/ 515487 w 520501"/>
                    <a:gd name="connsiteY16" fmla="*/ 0 h 163974"/>
                    <a:gd name="connsiteX17" fmla="*/ 423867 w 520501"/>
                    <a:gd name="connsiteY17" fmla="*/ 0 h 163974"/>
                    <a:gd name="connsiteX18" fmla="*/ 419244 w 520501"/>
                    <a:gd name="connsiteY18" fmla="*/ 5377 h 163974"/>
                    <a:gd name="connsiteX19" fmla="*/ 423867 w 520501"/>
                    <a:gd name="connsiteY19" fmla="*/ 10001 h 163974"/>
                    <a:gd name="connsiteX20" fmla="*/ 515487 w 520501"/>
                    <a:gd name="connsiteY20" fmla="*/ 10001 h 163974"/>
                    <a:gd name="connsiteX21" fmla="*/ 520501 w 520501"/>
                    <a:gd name="connsiteY21" fmla="*/ 4986 h 163974"/>
                    <a:gd name="connsiteX22" fmla="*/ 467864 w 520501"/>
                    <a:gd name="connsiteY22" fmla="*/ 35724 h 163974"/>
                    <a:gd name="connsiteX23" fmla="*/ 462878 w 520501"/>
                    <a:gd name="connsiteY23" fmla="*/ 30738 h 163974"/>
                    <a:gd name="connsiteX24" fmla="*/ 421856 w 520501"/>
                    <a:gd name="connsiteY24" fmla="*/ 30738 h 163974"/>
                    <a:gd name="connsiteX25" fmla="*/ 416870 w 520501"/>
                    <a:gd name="connsiteY25" fmla="*/ 35724 h 163974"/>
                    <a:gd name="connsiteX26" fmla="*/ 421856 w 520501"/>
                    <a:gd name="connsiteY26" fmla="*/ 40710 h 163974"/>
                    <a:gd name="connsiteX27" fmla="*/ 462878 w 520501"/>
                    <a:gd name="connsiteY27" fmla="*/ 40710 h 163974"/>
                    <a:gd name="connsiteX28" fmla="*/ 467864 w 520501"/>
                    <a:gd name="connsiteY28" fmla="*/ 35753 h 163974"/>
                    <a:gd name="connsiteX29" fmla="*/ 520501 w 520501"/>
                    <a:gd name="connsiteY29" fmla="*/ 66462 h 163974"/>
                    <a:gd name="connsiteX30" fmla="*/ 515515 w 520501"/>
                    <a:gd name="connsiteY30" fmla="*/ 61476 h 163974"/>
                    <a:gd name="connsiteX31" fmla="*/ 515487 w 520501"/>
                    <a:gd name="connsiteY31" fmla="*/ 61476 h 163974"/>
                    <a:gd name="connsiteX32" fmla="*/ 442367 w 520501"/>
                    <a:gd name="connsiteY32" fmla="*/ 61476 h 163974"/>
                    <a:gd name="connsiteX33" fmla="*/ 437381 w 520501"/>
                    <a:gd name="connsiteY33" fmla="*/ 66462 h 163974"/>
                    <a:gd name="connsiteX34" fmla="*/ 442367 w 520501"/>
                    <a:gd name="connsiteY34" fmla="*/ 71449 h 163974"/>
                    <a:gd name="connsiteX35" fmla="*/ 515487 w 520501"/>
                    <a:gd name="connsiteY35" fmla="*/ 71449 h 163974"/>
                    <a:gd name="connsiteX36" fmla="*/ 520501 w 520501"/>
                    <a:gd name="connsiteY36" fmla="*/ 66491 h 163974"/>
                    <a:gd name="connsiteX37" fmla="*/ 520501 w 520501"/>
                    <a:gd name="connsiteY37" fmla="*/ 66491 h 1639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520501" h="163974">
                      <a:moveTo>
                        <a:pt x="82971" y="135078"/>
                      </a:moveTo>
                      <a:lnTo>
                        <a:pt x="4638" y="135078"/>
                      </a:lnTo>
                      <a:cubicBezTo>
                        <a:pt x="1877" y="134871"/>
                        <a:pt x="-194" y="132463"/>
                        <a:pt x="14" y="129701"/>
                      </a:cubicBezTo>
                      <a:cubicBezTo>
                        <a:pt x="201" y="127228"/>
                        <a:pt x="2166" y="125264"/>
                        <a:pt x="4638" y="125077"/>
                      </a:cubicBezTo>
                      <a:lnTo>
                        <a:pt x="82971" y="125077"/>
                      </a:lnTo>
                      <a:cubicBezTo>
                        <a:pt x="85733" y="125284"/>
                        <a:pt x="87803" y="127692"/>
                        <a:pt x="87594" y="130454"/>
                      </a:cubicBezTo>
                      <a:cubicBezTo>
                        <a:pt x="87408" y="132928"/>
                        <a:pt x="85443" y="134891"/>
                        <a:pt x="82971" y="135078"/>
                      </a:cubicBezTo>
                      <a:close/>
                      <a:moveTo>
                        <a:pt x="66143" y="158989"/>
                      </a:moveTo>
                      <a:cubicBezTo>
                        <a:pt x="66143" y="156235"/>
                        <a:pt x="63910" y="154002"/>
                        <a:pt x="61157" y="154002"/>
                      </a:cubicBezTo>
                      <a:lnTo>
                        <a:pt x="15829" y="154002"/>
                      </a:lnTo>
                      <a:cubicBezTo>
                        <a:pt x="13075" y="154002"/>
                        <a:pt x="10842" y="156235"/>
                        <a:pt x="10842" y="158989"/>
                      </a:cubicBezTo>
                      <a:cubicBezTo>
                        <a:pt x="10842" y="161742"/>
                        <a:pt x="13075" y="163975"/>
                        <a:pt x="15829" y="163975"/>
                      </a:cubicBezTo>
                      <a:lnTo>
                        <a:pt x="61157" y="163975"/>
                      </a:lnTo>
                      <a:cubicBezTo>
                        <a:pt x="63910" y="163975"/>
                        <a:pt x="66143" y="161742"/>
                        <a:pt x="66143" y="158989"/>
                      </a:cubicBezTo>
                      <a:close/>
                      <a:moveTo>
                        <a:pt x="520501" y="4986"/>
                      </a:moveTo>
                      <a:cubicBezTo>
                        <a:pt x="520501" y="2232"/>
                        <a:pt x="518269" y="0"/>
                        <a:pt x="515515" y="0"/>
                      </a:cubicBezTo>
                      <a:cubicBezTo>
                        <a:pt x="515506" y="0"/>
                        <a:pt x="515495" y="0"/>
                        <a:pt x="515487" y="0"/>
                      </a:cubicBezTo>
                      <a:lnTo>
                        <a:pt x="423867" y="0"/>
                      </a:lnTo>
                      <a:cubicBezTo>
                        <a:pt x="421105" y="207"/>
                        <a:pt x="419037" y="2615"/>
                        <a:pt x="419244" y="5377"/>
                      </a:cubicBezTo>
                      <a:cubicBezTo>
                        <a:pt x="419431" y="7850"/>
                        <a:pt x="421394" y="9814"/>
                        <a:pt x="423867" y="10001"/>
                      </a:cubicBezTo>
                      <a:lnTo>
                        <a:pt x="515487" y="10001"/>
                      </a:lnTo>
                      <a:cubicBezTo>
                        <a:pt x="518257" y="10001"/>
                        <a:pt x="520501" y="7757"/>
                        <a:pt x="520501" y="4986"/>
                      </a:cubicBezTo>
                      <a:close/>
                      <a:moveTo>
                        <a:pt x="467864" y="35724"/>
                      </a:moveTo>
                      <a:cubicBezTo>
                        <a:pt x="467864" y="32971"/>
                        <a:pt x="465631" y="30738"/>
                        <a:pt x="462878" y="30738"/>
                      </a:cubicBezTo>
                      <a:lnTo>
                        <a:pt x="421856" y="30738"/>
                      </a:lnTo>
                      <a:cubicBezTo>
                        <a:pt x="419102" y="30738"/>
                        <a:pt x="416870" y="32971"/>
                        <a:pt x="416870" y="35724"/>
                      </a:cubicBezTo>
                      <a:cubicBezTo>
                        <a:pt x="416870" y="38478"/>
                        <a:pt x="419102" y="40710"/>
                        <a:pt x="421856" y="40710"/>
                      </a:cubicBezTo>
                      <a:lnTo>
                        <a:pt x="462878" y="40710"/>
                      </a:lnTo>
                      <a:cubicBezTo>
                        <a:pt x="465620" y="40710"/>
                        <a:pt x="467847" y="38495"/>
                        <a:pt x="467864" y="35753"/>
                      </a:cubicBezTo>
                      <a:close/>
                      <a:moveTo>
                        <a:pt x="520501" y="66462"/>
                      </a:moveTo>
                      <a:cubicBezTo>
                        <a:pt x="520501" y="63709"/>
                        <a:pt x="518269" y="61476"/>
                        <a:pt x="515515" y="61476"/>
                      </a:cubicBezTo>
                      <a:cubicBezTo>
                        <a:pt x="515506" y="61476"/>
                        <a:pt x="515495" y="61476"/>
                        <a:pt x="515487" y="61476"/>
                      </a:cubicBezTo>
                      <a:lnTo>
                        <a:pt x="442367" y="61476"/>
                      </a:lnTo>
                      <a:cubicBezTo>
                        <a:pt x="439613" y="61476"/>
                        <a:pt x="437381" y="63709"/>
                        <a:pt x="437381" y="66462"/>
                      </a:cubicBezTo>
                      <a:cubicBezTo>
                        <a:pt x="437381" y="69216"/>
                        <a:pt x="439613" y="71449"/>
                        <a:pt x="442367" y="71449"/>
                      </a:cubicBezTo>
                      <a:lnTo>
                        <a:pt x="515487" y="71449"/>
                      </a:lnTo>
                      <a:cubicBezTo>
                        <a:pt x="518240" y="71466"/>
                        <a:pt x="520484" y="69244"/>
                        <a:pt x="520501" y="66491"/>
                      </a:cubicBezTo>
                      <a:cubicBezTo>
                        <a:pt x="520501" y="66491"/>
                        <a:pt x="520501" y="66491"/>
                        <a:pt x="520501" y="66491"/>
                      </a:cubicBezTo>
                      <a:close/>
                    </a:path>
                  </a:pathLst>
                </a:custGeom>
                <a:solidFill>
                  <a:schemeClr val="accent2"/>
                </a:solidFill>
                <a:ln w="2811" cap="flat">
                  <a:noFill/>
                  <a:prstDash val="solid"/>
                  <a:miter/>
                </a:ln>
              </p:spPr>
              <p:txBody>
                <a:bodyPr rtlCol="0" anchor="ctr"/>
                <a:lstStyle/>
                <a:p>
                  <a:endParaRPr lang="en-US"/>
                </a:p>
              </p:txBody>
            </p:sp>
            <p:sp>
              <p:nvSpPr>
                <p:cNvPr id="203" name="Graphic 10">
                  <a:extLst>
                    <a:ext uri="{FF2B5EF4-FFF2-40B4-BE49-F238E27FC236}">
                      <a16:creationId xmlns:a16="http://schemas.microsoft.com/office/drawing/2014/main" id="{A2520D7D-3D3F-7246-97B8-9A99B9C55435}"/>
                    </a:ext>
                  </a:extLst>
                </p:cNvPr>
                <p:cNvSpPr/>
                <p:nvPr/>
              </p:nvSpPr>
              <p:spPr>
                <a:xfrm>
                  <a:off x="2293151" y="3602996"/>
                  <a:ext cx="154059" cy="61048"/>
                </a:xfrm>
                <a:custGeom>
                  <a:avLst/>
                  <a:gdLst>
                    <a:gd name="connsiteX0" fmla="*/ 148336 w 154059"/>
                    <a:gd name="connsiteY0" fmla="*/ 25843 h 61048"/>
                    <a:gd name="connsiteX1" fmla="*/ 151623 w 154059"/>
                    <a:gd name="connsiteY1" fmla="*/ 23888 h 61048"/>
                    <a:gd name="connsiteX2" fmla="*/ 154059 w 154059"/>
                    <a:gd name="connsiteY2" fmla="*/ 23123 h 61048"/>
                    <a:gd name="connsiteX3" fmla="*/ 154059 w 154059"/>
                    <a:gd name="connsiteY3" fmla="*/ 8958 h 61048"/>
                    <a:gd name="connsiteX4" fmla="*/ 152133 w 154059"/>
                    <a:gd name="connsiteY4" fmla="*/ 7967 h 61048"/>
                    <a:gd name="connsiteX5" fmla="*/ 90911 w 154059"/>
                    <a:gd name="connsiteY5" fmla="*/ 10233 h 61048"/>
                    <a:gd name="connsiteX6" fmla="*/ 63119 w 154059"/>
                    <a:gd name="connsiteY6" fmla="*/ 10233 h 61048"/>
                    <a:gd name="connsiteX7" fmla="*/ 1870 w 154059"/>
                    <a:gd name="connsiteY7" fmla="*/ 7995 h 61048"/>
                    <a:gd name="connsiteX8" fmla="*/ 0 w 154059"/>
                    <a:gd name="connsiteY8" fmla="*/ 8987 h 61048"/>
                    <a:gd name="connsiteX9" fmla="*/ 0 w 154059"/>
                    <a:gd name="connsiteY9" fmla="*/ 23152 h 61048"/>
                    <a:gd name="connsiteX10" fmla="*/ 2408 w 154059"/>
                    <a:gd name="connsiteY10" fmla="*/ 23917 h 61048"/>
                    <a:gd name="connsiteX11" fmla="*/ 5723 w 154059"/>
                    <a:gd name="connsiteY11" fmla="*/ 25871 h 61048"/>
                    <a:gd name="connsiteX12" fmla="*/ 12975 w 154059"/>
                    <a:gd name="connsiteY12" fmla="*/ 50009 h 61048"/>
                    <a:gd name="connsiteX13" fmla="*/ 60434 w 154059"/>
                    <a:gd name="connsiteY13" fmla="*/ 52349 h 61048"/>
                    <a:gd name="connsiteX14" fmla="*/ 65074 w 154059"/>
                    <a:gd name="connsiteY14" fmla="*/ 47176 h 61048"/>
                    <a:gd name="connsiteX15" fmla="*/ 69097 w 154059"/>
                    <a:gd name="connsiteY15" fmla="*/ 20914 h 61048"/>
                    <a:gd name="connsiteX16" fmla="*/ 84934 w 154059"/>
                    <a:gd name="connsiteY16" fmla="*/ 20914 h 61048"/>
                    <a:gd name="connsiteX17" fmla="*/ 88985 w 154059"/>
                    <a:gd name="connsiteY17" fmla="*/ 47147 h 61048"/>
                    <a:gd name="connsiteX18" fmla="*/ 135868 w 154059"/>
                    <a:gd name="connsiteY18" fmla="*/ 54632 h 61048"/>
                    <a:gd name="connsiteX19" fmla="*/ 141056 w 154059"/>
                    <a:gd name="connsiteY19" fmla="*/ 49980 h 61048"/>
                    <a:gd name="connsiteX20" fmla="*/ 148336 w 154059"/>
                    <a:gd name="connsiteY20" fmla="*/ 25843 h 61048"/>
                    <a:gd name="connsiteX21" fmla="*/ 37849 w 154059"/>
                    <a:gd name="connsiteY21" fmla="*/ 50462 h 61048"/>
                    <a:gd name="connsiteX22" fmla="*/ 16400 w 154059"/>
                    <a:gd name="connsiteY22" fmla="*/ 31115 h 61048"/>
                    <a:gd name="connsiteX23" fmla="*/ 16375 w 154059"/>
                    <a:gd name="connsiteY23" fmla="*/ 29724 h 61048"/>
                    <a:gd name="connsiteX24" fmla="*/ 21503 w 154059"/>
                    <a:gd name="connsiteY24" fmla="*/ 16692 h 61048"/>
                    <a:gd name="connsiteX25" fmla="*/ 54196 w 154059"/>
                    <a:gd name="connsiteY25" fmla="*/ 16692 h 61048"/>
                    <a:gd name="connsiteX26" fmla="*/ 59323 w 154059"/>
                    <a:gd name="connsiteY26" fmla="*/ 29753 h 61048"/>
                    <a:gd name="connsiteX27" fmla="*/ 39203 w 154059"/>
                    <a:gd name="connsiteY27" fmla="*/ 50482 h 61048"/>
                    <a:gd name="connsiteX28" fmla="*/ 37962 w 154059"/>
                    <a:gd name="connsiteY28" fmla="*/ 50462 h 61048"/>
                    <a:gd name="connsiteX29" fmla="*/ 115983 w 154059"/>
                    <a:gd name="connsiteY29" fmla="*/ 50462 h 61048"/>
                    <a:gd name="connsiteX30" fmla="*/ 94535 w 154059"/>
                    <a:gd name="connsiteY30" fmla="*/ 31172 h 61048"/>
                    <a:gd name="connsiteX31" fmla="*/ 94509 w 154059"/>
                    <a:gd name="connsiteY31" fmla="*/ 29753 h 61048"/>
                    <a:gd name="connsiteX32" fmla="*/ 99637 w 154059"/>
                    <a:gd name="connsiteY32" fmla="*/ 16692 h 61048"/>
                    <a:gd name="connsiteX33" fmla="*/ 132330 w 154059"/>
                    <a:gd name="connsiteY33" fmla="*/ 16692 h 61048"/>
                    <a:gd name="connsiteX34" fmla="*/ 137458 w 154059"/>
                    <a:gd name="connsiteY34" fmla="*/ 29724 h 61048"/>
                    <a:gd name="connsiteX35" fmla="*/ 117369 w 154059"/>
                    <a:gd name="connsiteY35" fmla="*/ 50482 h 61048"/>
                    <a:gd name="connsiteX36" fmla="*/ 116097 w 154059"/>
                    <a:gd name="connsiteY36" fmla="*/ 50462 h 610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154059" h="61048">
                      <a:moveTo>
                        <a:pt x="148336" y="25843"/>
                      </a:moveTo>
                      <a:cubicBezTo>
                        <a:pt x="149249" y="24925"/>
                        <a:pt x="150379" y="24251"/>
                        <a:pt x="151623" y="23888"/>
                      </a:cubicBezTo>
                      <a:lnTo>
                        <a:pt x="154059" y="23123"/>
                      </a:lnTo>
                      <a:lnTo>
                        <a:pt x="154059" y="8958"/>
                      </a:lnTo>
                      <a:lnTo>
                        <a:pt x="152133" y="7967"/>
                      </a:lnTo>
                      <a:cubicBezTo>
                        <a:pt x="135616" y="-532"/>
                        <a:pt x="105105" y="-5462"/>
                        <a:pt x="90911" y="10233"/>
                      </a:cubicBezTo>
                      <a:cubicBezTo>
                        <a:pt x="81823" y="7683"/>
                        <a:pt x="72208" y="7683"/>
                        <a:pt x="63119" y="10233"/>
                      </a:cubicBezTo>
                      <a:cubicBezTo>
                        <a:pt x="48954" y="-5433"/>
                        <a:pt x="18415" y="-476"/>
                        <a:pt x="1870" y="7995"/>
                      </a:cubicBezTo>
                      <a:lnTo>
                        <a:pt x="0" y="8987"/>
                      </a:lnTo>
                      <a:lnTo>
                        <a:pt x="0" y="23152"/>
                      </a:lnTo>
                      <a:lnTo>
                        <a:pt x="2408" y="23917"/>
                      </a:lnTo>
                      <a:cubicBezTo>
                        <a:pt x="3657" y="24282"/>
                        <a:pt x="4799" y="24953"/>
                        <a:pt x="5723" y="25871"/>
                      </a:cubicBezTo>
                      <a:cubicBezTo>
                        <a:pt x="4578" y="34583"/>
                        <a:pt x="7219" y="43368"/>
                        <a:pt x="12975" y="50009"/>
                      </a:cubicBezTo>
                      <a:cubicBezTo>
                        <a:pt x="25435" y="63760"/>
                        <a:pt x="46682" y="64808"/>
                        <a:pt x="60434" y="52349"/>
                      </a:cubicBezTo>
                      <a:cubicBezTo>
                        <a:pt x="62156" y="50790"/>
                        <a:pt x="63712" y="49057"/>
                        <a:pt x="65074" y="47176"/>
                      </a:cubicBezTo>
                      <a:cubicBezTo>
                        <a:pt x="70412" y="39518"/>
                        <a:pt x="71899" y="29818"/>
                        <a:pt x="69097" y="20914"/>
                      </a:cubicBezTo>
                      <a:cubicBezTo>
                        <a:pt x="74344" y="20078"/>
                        <a:pt x="79687" y="20078"/>
                        <a:pt x="84934" y="20914"/>
                      </a:cubicBezTo>
                      <a:cubicBezTo>
                        <a:pt x="82137" y="29812"/>
                        <a:pt x="83633" y="39507"/>
                        <a:pt x="88985" y="47147"/>
                      </a:cubicBezTo>
                      <a:cubicBezTo>
                        <a:pt x="99864" y="62159"/>
                        <a:pt x="120853" y="65511"/>
                        <a:pt x="135868" y="54632"/>
                      </a:cubicBezTo>
                      <a:cubicBezTo>
                        <a:pt x="137755" y="53267"/>
                        <a:pt x="139492" y="51705"/>
                        <a:pt x="141056" y="49980"/>
                      </a:cubicBezTo>
                      <a:cubicBezTo>
                        <a:pt x="146818" y="43345"/>
                        <a:pt x="149470" y="34560"/>
                        <a:pt x="148336" y="25843"/>
                      </a:cubicBezTo>
                      <a:close/>
                      <a:moveTo>
                        <a:pt x="37849" y="50462"/>
                      </a:moveTo>
                      <a:cubicBezTo>
                        <a:pt x="26582" y="51043"/>
                        <a:pt x="16978" y="42379"/>
                        <a:pt x="16400" y="31115"/>
                      </a:cubicBezTo>
                      <a:cubicBezTo>
                        <a:pt x="16375" y="30651"/>
                        <a:pt x="16366" y="30189"/>
                        <a:pt x="16375" y="29724"/>
                      </a:cubicBezTo>
                      <a:cubicBezTo>
                        <a:pt x="16293" y="24874"/>
                        <a:pt x="18137" y="20185"/>
                        <a:pt x="21503" y="16692"/>
                      </a:cubicBezTo>
                      <a:cubicBezTo>
                        <a:pt x="30968" y="8785"/>
                        <a:pt x="44730" y="8785"/>
                        <a:pt x="54196" y="16692"/>
                      </a:cubicBezTo>
                      <a:cubicBezTo>
                        <a:pt x="57555" y="20202"/>
                        <a:pt x="59397" y="24894"/>
                        <a:pt x="59323" y="29753"/>
                      </a:cubicBezTo>
                      <a:cubicBezTo>
                        <a:pt x="59490" y="41034"/>
                        <a:pt x="50484" y="50312"/>
                        <a:pt x="39203" y="50482"/>
                      </a:cubicBezTo>
                      <a:cubicBezTo>
                        <a:pt x="38790" y="50487"/>
                        <a:pt x="38376" y="50482"/>
                        <a:pt x="37962" y="50462"/>
                      </a:cubicBezTo>
                      <a:close/>
                      <a:moveTo>
                        <a:pt x="115983" y="50462"/>
                      </a:moveTo>
                      <a:cubicBezTo>
                        <a:pt x="104734" y="51057"/>
                        <a:pt x="95132" y="42422"/>
                        <a:pt x="94535" y="31172"/>
                      </a:cubicBezTo>
                      <a:cubicBezTo>
                        <a:pt x="94509" y="30699"/>
                        <a:pt x="94501" y="30226"/>
                        <a:pt x="94509" y="29753"/>
                      </a:cubicBezTo>
                      <a:cubicBezTo>
                        <a:pt x="94421" y="24891"/>
                        <a:pt x="96266" y="20194"/>
                        <a:pt x="99637" y="16692"/>
                      </a:cubicBezTo>
                      <a:cubicBezTo>
                        <a:pt x="109102" y="8785"/>
                        <a:pt x="122865" y="8785"/>
                        <a:pt x="132330" y="16692"/>
                      </a:cubicBezTo>
                      <a:cubicBezTo>
                        <a:pt x="135687" y="20194"/>
                        <a:pt x="137528" y="24874"/>
                        <a:pt x="137458" y="29724"/>
                      </a:cubicBezTo>
                      <a:cubicBezTo>
                        <a:pt x="137642" y="41002"/>
                        <a:pt x="128647" y="50297"/>
                        <a:pt x="117369" y="50482"/>
                      </a:cubicBezTo>
                      <a:cubicBezTo>
                        <a:pt x="116944" y="50487"/>
                        <a:pt x="116519" y="50482"/>
                        <a:pt x="116097" y="50462"/>
                      </a:cubicBezTo>
                      <a:close/>
                    </a:path>
                  </a:pathLst>
                </a:custGeom>
                <a:solidFill>
                  <a:schemeClr val="accent2"/>
                </a:solidFill>
                <a:ln w="2811" cap="flat">
                  <a:noFill/>
                  <a:prstDash val="solid"/>
                  <a:miter/>
                </a:ln>
              </p:spPr>
              <p:txBody>
                <a:bodyPr rtlCol="0" anchor="ctr"/>
                <a:lstStyle/>
                <a:p>
                  <a:endParaRPr lang="en-US"/>
                </a:p>
              </p:txBody>
            </p:sp>
            <p:sp>
              <p:nvSpPr>
                <p:cNvPr id="204" name="Graphic 10">
                  <a:extLst>
                    <a:ext uri="{FF2B5EF4-FFF2-40B4-BE49-F238E27FC236}">
                      <a16:creationId xmlns:a16="http://schemas.microsoft.com/office/drawing/2014/main" id="{01DA52AC-090B-4F4C-9618-BC3AAACBAD11}"/>
                    </a:ext>
                  </a:extLst>
                </p:cNvPr>
                <p:cNvSpPr/>
                <p:nvPr/>
              </p:nvSpPr>
              <p:spPr>
                <a:xfrm>
                  <a:off x="2066765" y="3328398"/>
                  <a:ext cx="604564" cy="604564"/>
                </a:xfrm>
                <a:custGeom>
                  <a:avLst/>
                  <a:gdLst>
                    <a:gd name="connsiteX0" fmla="*/ 604564 w 604564"/>
                    <a:gd name="connsiteY0" fmla="*/ 302396 h 604564"/>
                    <a:gd name="connsiteX1" fmla="*/ 302396 w 604564"/>
                    <a:gd name="connsiteY1" fmla="*/ 0 h 604564"/>
                    <a:gd name="connsiteX2" fmla="*/ 0 w 604564"/>
                    <a:gd name="connsiteY2" fmla="*/ 302169 h 604564"/>
                    <a:gd name="connsiteX3" fmla="*/ 302169 w 604564"/>
                    <a:gd name="connsiteY3" fmla="*/ 604564 h 604564"/>
                    <a:gd name="connsiteX4" fmla="*/ 302339 w 604564"/>
                    <a:gd name="connsiteY4" fmla="*/ 604564 h 604564"/>
                    <a:gd name="connsiteX5" fmla="*/ 304039 w 604564"/>
                    <a:gd name="connsiteY5" fmla="*/ 604564 h 604564"/>
                    <a:gd name="connsiteX6" fmla="*/ 312198 w 604564"/>
                    <a:gd name="connsiteY6" fmla="*/ 604395 h 604564"/>
                    <a:gd name="connsiteX7" fmla="*/ 316929 w 604564"/>
                    <a:gd name="connsiteY7" fmla="*/ 604225 h 604564"/>
                    <a:gd name="connsiteX8" fmla="*/ 320867 w 604564"/>
                    <a:gd name="connsiteY8" fmla="*/ 603998 h 604564"/>
                    <a:gd name="connsiteX9" fmla="*/ 333162 w 604564"/>
                    <a:gd name="connsiteY9" fmla="*/ 603006 h 604564"/>
                    <a:gd name="connsiteX10" fmla="*/ 333162 w 604564"/>
                    <a:gd name="connsiteY10" fmla="*/ 603006 h 604564"/>
                    <a:gd name="connsiteX11" fmla="*/ 348857 w 604564"/>
                    <a:gd name="connsiteY11" fmla="*/ 601080 h 604564"/>
                    <a:gd name="connsiteX12" fmla="*/ 470280 w 604564"/>
                    <a:gd name="connsiteY12" fmla="*/ 553684 h 604564"/>
                    <a:gd name="connsiteX13" fmla="*/ 480592 w 604564"/>
                    <a:gd name="connsiteY13" fmla="*/ 546431 h 604564"/>
                    <a:gd name="connsiteX14" fmla="*/ 480592 w 604564"/>
                    <a:gd name="connsiteY14" fmla="*/ 546261 h 604564"/>
                    <a:gd name="connsiteX15" fmla="*/ 604564 w 604564"/>
                    <a:gd name="connsiteY15" fmla="*/ 302396 h 604564"/>
                    <a:gd name="connsiteX16" fmla="*/ 138024 w 604564"/>
                    <a:gd name="connsiteY16" fmla="*/ 543428 h 604564"/>
                    <a:gd name="connsiteX17" fmla="*/ 248512 w 604564"/>
                    <a:gd name="connsiteY17" fmla="*/ 463877 h 604564"/>
                    <a:gd name="connsiteX18" fmla="*/ 259051 w 604564"/>
                    <a:gd name="connsiteY18" fmla="*/ 518668 h 604564"/>
                    <a:gd name="connsiteX19" fmla="*/ 275199 w 604564"/>
                    <a:gd name="connsiteY19" fmla="*/ 507590 h 604564"/>
                    <a:gd name="connsiteX20" fmla="*/ 303529 w 604564"/>
                    <a:gd name="connsiteY20" fmla="*/ 580626 h 604564"/>
                    <a:gd name="connsiteX21" fmla="*/ 331859 w 604564"/>
                    <a:gd name="connsiteY21" fmla="*/ 507562 h 604564"/>
                    <a:gd name="connsiteX22" fmla="*/ 348035 w 604564"/>
                    <a:gd name="connsiteY22" fmla="*/ 518668 h 604564"/>
                    <a:gd name="connsiteX23" fmla="*/ 358376 w 604564"/>
                    <a:gd name="connsiteY23" fmla="*/ 463877 h 604564"/>
                    <a:gd name="connsiteX24" fmla="*/ 468693 w 604564"/>
                    <a:gd name="connsiteY24" fmla="*/ 542408 h 604564"/>
                    <a:gd name="connsiteX25" fmla="*/ 310668 w 604564"/>
                    <a:gd name="connsiteY25" fmla="*/ 594422 h 604564"/>
                    <a:gd name="connsiteX26" fmla="*/ 307523 w 604564"/>
                    <a:gd name="connsiteY26" fmla="*/ 594422 h 604564"/>
                    <a:gd name="connsiteX27" fmla="*/ 302282 w 604564"/>
                    <a:gd name="connsiteY27" fmla="*/ 594422 h 604564"/>
                    <a:gd name="connsiteX28" fmla="*/ 300044 w 604564"/>
                    <a:gd name="connsiteY28" fmla="*/ 594422 h 604564"/>
                    <a:gd name="connsiteX29" fmla="*/ 293075 w 604564"/>
                    <a:gd name="connsiteY29" fmla="*/ 594281 h 604564"/>
                    <a:gd name="connsiteX30" fmla="*/ 290384 w 604564"/>
                    <a:gd name="connsiteY30" fmla="*/ 594281 h 604564"/>
                    <a:gd name="connsiteX31" fmla="*/ 138024 w 604564"/>
                    <a:gd name="connsiteY31" fmla="*/ 543428 h 604564"/>
                    <a:gd name="connsiteX32" fmla="*/ 299903 w 604564"/>
                    <a:gd name="connsiteY32" fmla="*/ 477249 h 604564"/>
                    <a:gd name="connsiteX33" fmla="*/ 266700 w 604564"/>
                    <a:gd name="connsiteY33" fmla="*/ 499913 h 604564"/>
                    <a:gd name="connsiteX34" fmla="*/ 258597 w 604564"/>
                    <a:gd name="connsiteY34" fmla="*/ 457673 h 604564"/>
                    <a:gd name="connsiteX35" fmla="*/ 263498 w 604564"/>
                    <a:gd name="connsiteY35" fmla="*/ 447304 h 604564"/>
                    <a:gd name="connsiteX36" fmla="*/ 268739 w 604564"/>
                    <a:gd name="connsiteY36" fmla="*/ 420050 h 604564"/>
                    <a:gd name="connsiteX37" fmla="*/ 338091 w 604564"/>
                    <a:gd name="connsiteY37" fmla="*/ 420050 h 604564"/>
                    <a:gd name="connsiteX38" fmla="*/ 338091 w 604564"/>
                    <a:gd name="connsiteY38" fmla="*/ 437700 h 604564"/>
                    <a:gd name="connsiteX39" fmla="*/ 303727 w 604564"/>
                    <a:gd name="connsiteY39" fmla="*/ 466257 h 604564"/>
                    <a:gd name="connsiteX40" fmla="*/ 268739 w 604564"/>
                    <a:gd name="connsiteY40" fmla="*/ 437530 h 604564"/>
                    <a:gd name="connsiteX41" fmla="*/ 303444 w 604564"/>
                    <a:gd name="connsiteY41" fmla="*/ 488043 h 604564"/>
                    <a:gd name="connsiteX42" fmla="*/ 322028 w 604564"/>
                    <a:gd name="connsiteY42" fmla="*/ 500820 h 604564"/>
                    <a:gd name="connsiteX43" fmla="*/ 303444 w 604564"/>
                    <a:gd name="connsiteY43" fmla="*/ 549179 h 604564"/>
                    <a:gd name="connsiteX44" fmla="*/ 284831 w 604564"/>
                    <a:gd name="connsiteY44" fmla="*/ 500820 h 604564"/>
                    <a:gd name="connsiteX45" fmla="*/ 307410 w 604564"/>
                    <a:gd name="connsiteY45" fmla="*/ 477362 h 604564"/>
                    <a:gd name="connsiteX46" fmla="*/ 343446 w 604564"/>
                    <a:gd name="connsiteY46" fmla="*/ 447389 h 604564"/>
                    <a:gd name="connsiteX47" fmla="*/ 348319 w 604564"/>
                    <a:gd name="connsiteY47" fmla="*/ 457645 h 604564"/>
                    <a:gd name="connsiteX48" fmla="*/ 340216 w 604564"/>
                    <a:gd name="connsiteY48" fmla="*/ 499913 h 604564"/>
                    <a:gd name="connsiteX49" fmla="*/ 303302 w 604564"/>
                    <a:gd name="connsiteY49" fmla="*/ 415206 h 604564"/>
                    <a:gd name="connsiteX50" fmla="*/ 211371 w 604564"/>
                    <a:gd name="connsiteY50" fmla="*/ 345571 h 604564"/>
                    <a:gd name="connsiteX51" fmla="*/ 210719 w 604564"/>
                    <a:gd name="connsiteY51" fmla="*/ 344126 h 604564"/>
                    <a:gd name="connsiteX52" fmla="*/ 209161 w 604564"/>
                    <a:gd name="connsiteY52" fmla="*/ 344126 h 604564"/>
                    <a:gd name="connsiteX53" fmla="*/ 193296 w 604564"/>
                    <a:gd name="connsiteY53" fmla="*/ 321717 h 604564"/>
                    <a:gd name="connsiteX54" fmla="*/ 194175 w 604564"/>
                    <a:gd name="connsiteY54" fmla="*/ 305824 h 604564"/>
                    <a:gd name="connsiteX55" fmla="*/ 200152 w 604564"/>
                    <a:gd name="connsiteY55" fmla="*/ 296758 h 604564"/>
                    <a:gd name="connsiteX56" fmla="*/ 201059 w 604564"/>
                    <a:gd name="connsiteY56" fmla="*/ 296758 h 604564"/>
                    <a:gd name="connsiteX57" fmla="*/ 301999 w 604564"/>
                    <a:gd name="connsiteY57" fmla="*/ 223071 h 604564"/>
                    <a:gd name="connsiteX58" fmla="*/ 404639 w 604564"/>
                    <a:gd name="connsiteY58" fmla="*/ 296730 h 604564"/>
                    <a:gd name="connsiteX59" fmla="*/ 405489 w 604564"/>
                    <a:gd name="connsiteY59" fmla="*/ 296730 h 604564"/>
                    <a:gd name="connsiteX60" fmla="*/ 410277 w 604564"/>
                    <a:gd name="connsiteY60" fmla="*/ 303330 h 604564"/>
                    <a:gd name="connsiteX61" fmla="*/ 409483 w 604564"/>
                    <a:gd name="connsiteY61" fmla="*/ 327524 h 604564"/>
                    <a:gd name="connsiteX62" fmla="*/ 397925 w 604564"/>
                    <a:gd name="connsiteY62" fmla="*/ 344097 h 604564"/>
                    <a:gd name="connsiteX63" fmla="*/ 396338 w 604564"/>
                    <a:gd name="connsiteY63" fmla="*/ 344097 h 604564"/>
                    <a:gd name="connsiteX64" fmla="*/ 395658 w 604564"/>
                    <a:gd name="connsiteY64" fmla="*/ 345571 h 604564"/>
                    <a:gd name="connsiteX65" fmla="*/ 303274 w 604564"/>
                    <a:gd name="connsiteY65" fmla="*/ 415319 h 604564"/>
                    <a:gd name="connsiteX66" fmla="*/ 478609 w 604564"/>
                    <a:gd name="connsiteY66" fmla="*/ 535099 h 604564"/>
                    <a:gd name="connsiteX67" fmla="*/ 473708 w 604564"/>
                    <a:gd name="connsiteY67" fmla="*/ 519008 h 604564"/>
                    <a:gd name="connsiteX68" fmla="*/ 429059 w 604564"/>
                    <a:gd name="connsiteY68" fmla="*/ 471923 h 604564"/>
                    <a:gd name="connsiteX69" fmla="*/ 429541 w 604564"/>
                    <a:gd name="connsiteY69" fmla="*/ 456483 h 604564"/>
                    <a:gd name="connsiteX70" fmla="*/ 405574 w 604564"/>
                    <a:gd name="connsiteY70" fmla="*/ 353390 h 604564"/>
                    <a:gd name="connsiteX71" fmla="*/ 418606 w 604564"/>
                    <a:gd name="connsiteY71" fmla="*/ 336817 h 604564"/>
                    <a:gd name="connsiteX72" fmla="*/ 418861 w 604564"/>
                    <a:gd name="connsiteY72" fmla="*/ 336278 h 604564"/>
                    <a:gd name="connsiteX73" fmla="*/ 434074 w 604564"/>
                    <a:gd name="connsiteY73" fmla="*/ 269929 h 604564"/>
                    <a:gd name="connsiteX74" fmla="*/ 302990 w 604564"/>
                    <a:gd name="connsiteY74" fmla="*/ 128279 h 604564"/>
                    <a:gd name="connsiteX75" fmla="*/ 172020 w 604564"/>
                    <a:gd name="connsiteY75" fmla="*/ 269929 h 604564"/>
                    <a:gd name="connsiteX76" fmla="*/ 179840 w 604564"/>
                    <a:gd name="connsiteY76" fmla="*/ 318090 h 604564"/>
                    <a:gd name="connsiteX77" fmla="*/ 201370 w 604564"/>
                    <a:gd name="connsiteY77" fmla="*/ 353248 h 604564"/>
                    <a:gd name="connsiteX78" fmla="*/ 177431 w 604564"/>
                    <a:gd name="connsiteY78" fmla="*/ 456483 h 604564"/>
                    <a:gd name="connsiteX79" fmla="*/ 177913 w 604564"/>
                    <a:gd name="connsiteY79" fmla="*/ 471923 h 604564"/>
                    <a:gd name="connsiteX80" fmla="*/ 133237 w 604564"/>
                    <a:gd name="connsiteY80" fmla="*/ 519008 h 604564"/>
                    <a:gd name="connsiteX81" fmla="*/ 128109 w 604564"/>
                    <a:gd name="connsiteY81" fmla="*/ 536147 h 604564"/>
                    <a:gd name="connsiteX82" fmla="*/ 128109 w 604564"/>
                    <a:gd name="connsiteY82" fmla="*/ 536544 h 604564"/>
                    <a:gd name="connsiteX83" fmla="*/ 67946 w 604564"/>
                    <a:gd name="connsiteY83" fmla="*/ 127637 h 604564"/>
                    <a:gd name="connsiteX84" fmla="*/ 476852 w 604564"/>
                    <a:gd name="connsiteY84" fmla="*/ 67474 h 604564"/>
                    <a:gd name="connsiteX85" fmla="*/ 537014 w 604564"/>
                    <a:gd name="connsiteY85" fmla="*/ 476382 h 604564"/>
                    <a:gd name="connsiteX86" fmla="*/ 478779 w 604564"/>
                    <a:gd name="connsiteY86" fmla="*/ 535099 h 6045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604564" h="604564">
                      <a:moveTo>
                        <a:pt x="604564" y="302396"/>
                      </a:moveTo>
                      <a:cubicBezTo>
                        <a:pt x="604627" y="135450"/>
                        <a:pt x="469342" y="63"/>
                        <a:pt x="302396" y="0"/>
                      </a:cubicBezTo>
                      <a:cubicBezTo>
                        <a:pt x="135450" y="-63"/>
                        <a:pt x="63" y="135223"/>
                        <a:pt x="0" y="302169"/>
                      </a:cubicBezTo>
                      <a:cubicBezTo>
                        <a:pt x="-63" y="469115"/>
                        <a:pt x="135223" y="604502"/>
                        <a:pt x="302169" y="604564"/>
                      </a:cubicBezTo>
                      <a:cubicBezTo>
                        <a:pt x="302226" y="604564"/>
                        <a:pt x="302282" y="604564"/>
                        <a:pt x="302339" y="604564"/>
                      </a:cubicBezTo>
                      <a:lnTo>
                        <a:pt x="304039" y="604564"/>
                      </a:lnTo>
                      <a:cubicBezTo>
                        <a:pt x="306872" y="604564"/>
                        <a:pt x="309506" y="604564"/>
                        <a:pt x="312198" y="604395"/>
                      </a:cubicBezTo>
                      <a:cubicBezTo>
                        <a:pt x="313784" y="604395"/>
                        <a:pt x="315371" y="604395"/>
                        <a:pt x="316929" y="604225"/>
                      </a:cubicBezTo>
                      <a:lnTo>
                        <a:pt x="320867" y="603998"/>
                      </a:lnTo>
                      <a:cubicBezTo>
                        <a:pt x="325003" y="603743"/>
                        <a:pt x="329083" y="603431"/>
                        <a:pt x="333162" y="603006"/>
                      </a:cubicBezTo>
                      <a:lnTo>
                        <a:pt x="333162" y="603006"/>
                      </a:lnTo>
                      <a:cubicBezTo>
                        <a:pt x="338431" y="602496"/>
                        <a:pt x="343673" y="601873"/>
                        <a:pt x="348857" y="601080"/>
                      </a:cubicBezTo>
                      <a:cubicBezTo>
                        <a:pt x="392321" y="594388"/>
                        <a:pt x="433776" y="578206"/>
                        <a:pt x="470280" y="553684"/>
                      </a:cubicBezTo>
                      <a:cubicBezTo>
                        <a:pt x="473764" y="551332"/>
                        <a:pt x="477221" y="548924"/>
                        <a:pt x="480592" y="546431"/>
                      </a:cubicBezTo>
                      <a:lnTo>
                        <a:pt x="480592" y="546261"/>
                      </a:lnTo>
                      <a:cubicBezTo>
                        <a:pt x="558466" y="489414"/>
                        <a:pt x="604525" y="398811"/>
                        <a:pt x="604564" y="302396"/>
                      </a:cubicBezTo>
                      <a:close/>
                      <a:moveTo>
                        <a:pt x="138024" y="543428"/>
                      </a:moveTo>
                      <a:cubicBezTo>
                        <a:pt x="144739" y="505324"/>
                        <a:pt x="168026" y="474331"/>
                        <a:pt x="248512" y="463877"/>
                      </a:cubicBezTo>
                      <a:lnTo>
                        <a:pt x="259051" y="518668"/>
                      </a:lnTo>
                      <a:lnTo>
                        <a:pt x="275199" y="507590"/>
                      </a:lnTo>
                      <a:lnTo>
                        <a:pt x="303529" y="580626"/>
                      </a:lnTo>
                      <a:lnTo>
                        <a:pt x="331859" y="507562"/>
                      </a:lnTo>
                      <a:lnTo>
                        <a:pt x="348035" y="518668"/>
                      </a:lnTo>
                      <a:lnTo>
                        <a:pt x="358376" y="463877"/>
                      </a:lnTo>
                      <a:cubicBezTo>
                        <a:pt x="438125" y="474218"/>
                        <a:pt x="461724" y="504757"/>
                        <a:pt x="468693" y="542408"/>
                      </a:cubicBezTo>
                      <a:cubicBezTo>
                        <a:pt x="422212" y="574773"/>
                        <a:pt x="367286" y="592850"/>
                        <a:pt x="310668" y="594422"/>
                      </a:cubicBezTo>
                      <a:lnTo>
                        <a:pt x="307523" y="594422"/>
                      </a:lnTo>
                      <a:lnTo>
                        <a:pt x="302282" y="594422"/>
                      </a:lnTo>
                      <a:lnTo>
                        <a:pt x="300044" y="594422"/>
                      </a:lnTo>
                      <a:cubicBezTo>
                        <a:pt x="297721" y="594422"/>
                        <a:pt x="295398" y="594422"/>
                        <a:pt x="293075" y="594281"/>
                      </a:cubicBezTo>
                      <a:lnTo>
                        <a:pt x="290384" y="594281"/>
                      </a:lnTo>
                      <a:cubicBezTo>
                        <a:pt x="235828" y="591983"/>
                        <a:pt x="183024" y="574359"/>
                        <a:pt x="138024" y="543428"/>
                      </a:cubicBezTo>
                      <a:close/>
                      <a:moveTo>
                        <a:pt x="299903" y="477249"/>
                      </a:moveTo>
                      <a:lnTo>
                        <a:pt x="266700" y="499913"/>
                      </a:lnTo>
                      <a:lnTo>
                        <a:pt x="258597" y="457673"/>
                      </a:lnTo>
                      <a:lnTo>
                        <a:pt x="263498" y="447304"/>
                      </a:lnTo>
                      <a:close/>
                      <a:moveTo>
                        <a:pt x="268739" y="420050"/>
                      </a:moveTo>
                      <a:cubicBezTo>
                        <a:pt x="291078" y="428530"/>
                        <a:pt x="315750" y="428530"/>
                        <a:pt x="338091" y="420050"/>
                      </a:cubicBezTo>
                      <a:lnTo>
                        <a:pt x="338091" y="437700"/>
                      </a:lnTo>
                      <a:lnTo>
                        <a:pt x="303727" y="466257"/>
                      </a:lnTo>
                      <a:lnTo>
                        <a:pt x="268739" y="437530"/>
                      </a:lnTo>
                      <a:close/>
                      <a:moveTo>
                        <a:pt x="303444" y="488043"/>
                      </a:moveTo>
                      <a:lnTo>
                        <a:pt x="322028" y="500820"/>
                      </a:lnTo>
                      <a:lnTo>
                        <a:pt x="303444" y="549179"/>
                      </a:lnTo>
                      <a:lnTo>
                        <a:pt x="284831" y="500820"/>
                      </a:lnTo>
                      <a:close/>
                      <a:moveTo>
                        <a:pt x="307410" y="477362"/>
                      </a:moveTo>
                      <a:lnTo>
                        <a:pt x="343446" y="447389"/>
                      </a:lnTo>
                      <a:lnTo>
                        <a:pt x="348319" y="457645"/>
                      </a:lnTo>
                      <a:lnTo>
                        <a:pt x="340216" y="499913"/>
                      </a:lnTo>
                      <a:close/>
                      <a:moveTo>
                        <a:pt x="303302" y="415206"/>
                      </a:moveTo>
                      <a:cubicBezTo>
                        <a:pt x="280808" y="415206"/>
                        <a:pt x="238964" y="406169"/>
                        <a:pt x="211371" y="345571"/>
                      </a:cubicBezTo>
                      <a:lnTo>
                        <a:pt x="210719" y="344126"/>
                      </a:lnTo>
                      <a:lnTo>
                        <a:pt x="209161" y="344126"/>
                      </a:lnTo>
                      <a:cubicBezTo>
                        <a:pt x="201370" y="343956"/>
                        <a:pt x="195761" y="331944"/>
                        <a:pt x="193296" y="321717"/>
                      </a:cubicBezTo>
                      <a:cubicBezTo>
                        <a:pt x="192254" y="316430"/>
                        <a:pt x="192554" y="310963"/>
                        <a:pt x="194175" y="305824"/>
                      </a:cubicBezTo>
                      <a:cubicBezTo>
                        <a:pt x="196668" y="296560"/>
                        <a:pt x="199302" y="296701"/>
                        <a:pt x="200152" y="296758"/>
                      </a:cubicBezTo>
                      <a:lnTo>
                        <a:pt x="201059" y="296758"/>
                      </a:lnTo>
                      <a:lnTo>
                        <a:pt x="301999" y="223071"/>
                      </a:lnTo>
                      <a:lnTo>
                        <a:pt x="404639" y="296730"/>
                      </a:lnTo>
                      <a:lnTo>
                        <a:pt x="405489" y="296730"/>
                      </a:lnTo>
                      <a:cubicBezTo>
                        <a:pt x="408010" y="296730"/>
                        <a:pt x="409597" y="300837"/>
                        <a:pt x="410277" y="303330"/>
                      </a:cubicBezTo>
                      <a:cubicBezTo>
                        <a:pt x="413110" y="313218"/>
                        <a:pt x="412175" y="318062"/>
                        <a:pt x="409483" y="327524"/>
                      </a:cubicBezTo>
                      <a:cubicBezTo>
                        <a:pt x="406650" y="338063"/>
                        <a:pt x="402288" y="344097"/>
                        <a:pt x="397925" y="344097"/>
                      </a:cubicBezTo>
                      <a:lnTo>
                        <a:pt x="396338" y="344097"/>
                      </a:lnTo>
                      <a:lnTo>
                        <a:pt x="395658" y="345571"/>
                      </a:lnTo>
                      <a:cubicBezTo>
                        <a:pt x="375516" y="389936"/>
                        <a:pt x="341831" y="415319"/>
                        <a:pt x="303274" y="415319"/>
                      </a:cubicBezTo>
                      <a:close/>
                      <a:moveTo>
                        <a:pt x="478609" y="535099"/>
                      </a:moveTo>
                      <a:cubicBezTo>
                        <a:pt x="477385" y="529620"/>
                        <a:pt x="475747" y="524240"/>
                        <a:pt x="473708" y="519008"/>
                      </a:cubicBezTo>
                      <a:cubicBezTo>
                        <a:pt x="465719" y="498978"/>
                        <a:pt x="450704" y="483142"/>
                        <a:pt x="429059" y="471923"/>
                      </a:cubicBezTo>
                      <a:cubicBezTo>
                        <a:pt x="429371" y="466852"/>
                        <a:pt x="429541" y="461667"/>
                        <a:pt x="429541" y="456483"/>
                      </a:cubicBezTo>
                      <a:cubicBezTo>
                        <a:pt x="429892" y="420699"/>
                        <a:pt x="421674" y="385349"/>
                        <a:pt x="405574" y="353390"/>
                      </a:cubicBezTo>
                      <a:cubicBezTo>
                        <a:pt x="412146" y="349990"/>
                        <a:pt x="415688" y="342738"/>
                        <a:pt x="418606" y="336817"/>
                      </a:cubicBezTo>
                      <a:lnTo>
                        <a:pt x="418861" y="336278"/>
                      </a:lnTo>
                      <a:cubicBezTo>
                        <a:pt x="428898" y="315603"/>
                        <a:pt x="434102" y="292913"/>
                        <a:pt x="434074" y="269929"/>
                      </a:cubicBezTo>
                      <a:cubicBezTo>
                        <a:pt x="434074" y="191738"/>
                        <a:pt x="375261" y="128279"/>
                        <a:pt x="302990" y="128279"/>
                      </a:cubicBezTo>
                      <a:cubicBezTo>
                        <a:pt x="230720" y="128279"/>
                        <a:pt x="172020" y="191738"/>
                        <a:pt x="172020" y="269929"/>
                      </a:cubicBezTo>
                      <a:cubicBezTo>
                        <a:pt x="172009" y="286301"/>
                        <a:pt x="174649" y="302566"/>
                        <a:pt x="179840" y="318090"/>
                      </a:cubicBezTo>
                      <a:cubicBezTo>
                        <a:pt x="186327" y="337525"/>
                        <a:pt x="193410" y="349084"/>
                        <a:pt x="201370" y="353248"/>
                      </a:cubicBezTo>
                      <a:cubicBezTo>
                        <a:pt x="185259" y="385253"/>
                        <a:pt x="177049" y="420654"/>
                        <a:pt x="177431" y="456483"/>
                      </a:cubicBezTo>
                      <a:cubicBezTo>
                        <a:pt x="177431" y="461582"/>
                        <a:pt x="177431" y="466767"/>
                        <a:pt x="177913" y="471923"/>
                      </a:cubicBezTo>
                      <a:cubicBezTo>
                        <a:pt x="156241" y="483255"/>
                        <a:pt x="141084" y="498950"/>
                        <a:pt x="133237" y="519008"/>
                      </a:cubicBezTo>
                      <a:cubicBezTo>
                        <a:pt x="131049" y="524566"/>
                        <a:pt x="129334" y="530300"/>
                        <a:pt x="128109" y="536147"/>
                      </a:cubicBezTo>
                      <a:lnTo>
                        <a:pt x="128109" y="536544"/>
                      </a:lnTo>
                      <a:cubicBezTo>
                        <a:pt x="-1421" y="440241"/>
                        <a:pt x="-28357" y="257167"/>
                        <a:pt x="67946" y="127637"/>
                      </a:cubicBezTo>
                      <a:cubicBezTo>
                        <a:pt x="164248" y="-1892"/>
                        <a:pt x="347321" y="-28828"/>
                        <a:pt x="476852" y="67474"/>
                      </a:cubicBezTo>
                      <a:cubicBezTo>
                        <a:pt x="606383" y="163777"/>
                        <a:pt x="633317" y="346851"/>
                        <a:pt x="537014" y="476382"/>
                      </a:cubicBezTo>
                      <a:cubicBezTo>
                        <a:pt x="520484" y="498616"/>
                        <a:pt x="500876" y="518384"/>
                        <a:pt x="478779" y="535099"/>
                      </a:cubicBezTo>
                      <a:close/>
                    </a:path>
                  </a:pathLst>
                </a:custGeom>
                <a:solidFill>
                  <a:schemeClr val="accent2"/>
                </a:solidFill>
                <a:ln w="2811" cap="flat">
                  <a:noFill/>
                  <a:prstDash val="solid"/>
                  <a:miter/>
                </a:ln>
              </p:spPr>
              <p:txBody>
                <a:bodyPr rtlCol="0" anchor="ctr"/>
                <a:lstStyle/>
                <a:p>
                  <a:endParaRPr lang="en-US"/>
                </a:p>
              </p:txBody>
            </p:sp>
            <p:sp>
              <p:nvSpPr>
                <p:cNvPr id="205" name="Graphic 10">
                  <a:extLst>
                    <a:ext uri="{FF2B5EF4-FFF2-40B4-BE49-F238E27FC236}">
                      <a16:creationId xmlns:a16="http://schemas.microsoft.com/office/drawing/2014/main" id="{6BDC29A2-046A-8046-8B72-11B60602345A}"/>
                    </a:ext>
                  </a:extLst>
                </p:cNvPr>
                <p:cNvSpPr/>
                <p:nvPr/>
              </p:nvSpPr>
              <p:spPr>
                <a:xfrm>
                  <a:off x="2346270" y="3235532"/>
                  <a:ext cx="227405" cy="275748"/>
                </a:xfrm>
                <a:custGeom>
                  <a:avLst/>
                  <a:gdLst>
                    <a:gd name="connsiteX0" fmla="*/ 197178 w 227405"/>
                    <a:gd name="connsiteY0" fmla="*/ 246302 h 275748"/>
                    <a:gd name="connsiteX1" fmla="*/ 204056 w 227405"/>
                    <a:gd name="connsiteY1" fmla="*/ 245880 h 275748"/>
                    <a:gd name="connsiteX2" fmla="*/ 204147 w 227405"/>
                    <a:gd name="connsiteY2" fmla="*/ 245962 h 275748"/>
                    <a:gd name="connsiteX3" fmla="*/ 211371 w 227405"/>
                    <a:gd name="connsiteY3" fmla="*/ 252506 h 275748"/>
                    <a:gd name="connsiteX4" fmla="*/ 217915 w 227405"/>
                    <a:gd name="connsiteY4" fmla="*/ 245282 h 275748"/>
                    <a:gd name="connsiteX5" fmla="*/ 224765 w 227405"/>
                    <a:gd name="connsiteY5" fmla="*/ 244528 h 275748"/>
                    <a:gd name="connsiteX6" fmla="*/ 225519 w 227405"/>
                    <a:gd name="connsiteY6" fmla="*/ 251377 h 275748"/>
                    <a:gd name="connsiteX7" fmla="*/ 225111 w 227405"/>
                    <a:gd name="connsiteY7" fmla="*/ 251826 h 275748"/>
                    <a:gd name="connsiteX8" fmla="*/ 218595 w 227405"/>
                    <a:gd name="connsiteY8" fmla="*/ 259051 h 275748"/>
                    <a:gd name="connsiteX9" fmla="*/ 225791 w 227405"/>
                    <a:gd name="connsiteY9" fmla="*/ 265595 h 275748"/>
                    <a:gd name="connsiteX10" fmla="*/ 226171 w 227405"/>
                    <a:gd name="connsiteY10" fmla="*/ 272436 h 275748"/>
                    <a:gd name="connsiteX11" fmla="*/ 226131 w 227405"/>
                    <a:gd name="connsiteY11" fmla="*/ 272479 h 275748"/>
                    <a:gd name="connsiteX12" fmla="*/ 219247 w 227405"/>
                    <a:gd name="connsiteY12" fmla="*/ 272819 h 275748"/>
                    <a:gd name="connsiteX13" fmla="*/ 212051 w 227405"/>
                    <a:gd name="connsiteY13" fmla="*/ 266275 h 275748"/>
                    <a:gd name="connsiteX14" fmla="*/ 205082 w 227405"/>
                    <a:gd name="connsiteY14" fmla="*/ 273924 h 275748"/>
                    <a:gd name="connsiteX15" fmla="*/ 198231 w 227405"/>
                    <a:gd name="connsiteY15" fmla="*/ 274677 h 275748"/>
                    <a:gd name="connsiteX16" fmla="*/ 197478 w 227405"/>
                    <a:gd name="connsiteY16" fmla="*/ 267827 h 275748"/>
                    <a:gd name="connsiteX17" fmla="*/ 197886 w 227405"/>
                    <a:gd name="connsiteY17" fmla="*/ 267380 h 275748"/>
                    <a:gd name="connsiteX18" fmla="*/ 204827 w 227405"/>
                    <a:gd name="connsiteY18" fmla="*/ 259730 h 275748"/>
                    <a:gd name="connsiteX19" fmla="*/ 197602 w 227405"/>
                    <a:gd name="connsiteY19" fmla="*/ 253186 h 275748"/>
                    <a:gd name="connsiteX20" fmla="*/ 197172 w 227405"/>
                    <a:gd name="connsiteY20" fmla="*/ 246308 h 275748"/>
                    <a:gd name="connsiteX21" fmla="*/ 197178 w 227405"/>
                    <a:gd name="connsiteY21" fmla="*/ 246302 h 275748"/>
                    <a:gd name="connsiteX22" fmla="*/ 0 w 227405"/>
                    <a:gd name="connsiteY22" fmla="*/ 23712 h 275748"/>
                    <a:gd name="connsiteX23" fmla="*/ 23712 w 227405"/>
                    <a:gd name="connsiteY23" fmla="*/ 47425 h 275748"/>
                    <a:gd name="connsiteX24" fmla="*/ 47425 w 227405"/>
                    <a:gd name="connsiteY24" fmla="*/ 23712 h 275748"/>
                    <a:gd name="connsiteX25" fmla="*/ 23712 w 227405"/>
                    <a:gd name="connsiteY25" fmla="*/ 0 h 275748"/>
                    <a:gd name="connsiteX26" fmla="*/ 23684 w 227405"/>
                    <a:gd name="connsiteY26" fmla="*/ 0 h 275748"/>
                    <a:gd name="connsiteX27" fmla="*/ 0 w 227405"/>
                    <a:gd name="connsiteY27" fmla="*/ 23684 h 275748"/>
                    <a:gd name="connsiteX28" fmla="*/ 0 w 227405"/>
                    <a:gd name="connsiteY28" fmla="*/ 23712 h 275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227405" h="275748">
                      <a:moveTo>
                        <a:pt x="197178" y="246302"/>
                      </a:moveTo>
                      <a:cubicBezTo>
                        <a:pt x="198960" y="244286"/>
                        <a:pt x="202039" y="244097"/>
                        <a:pt x="204056" y="245880"/>
                      </a:cubicBezTo>
                      <a:cubicBezTo>
                        <a:pt x="204087" y="245906"/>
                        <a:pt x="204116" y="245934"/>
                        <a:pt x="204147" y="245962"/>
                      </a:cubicBezTo>
                      <a:lnTo>
                        <a:pt x="211371" y="252506"/>
                      </a:lnTo>
                      <a:lnTo>
                        <a:pt x="217915" y="245282"/>
                      </a:lnTo>
                      <a:cubicBezTo>
                        <a:pt x="219598" y="243182"/>
                        <a:pt x="222666" y="242845"/>
                        <a:pt x="224765" y="244528"/>
                      </a:cubicBezTo>
                      <a:cubicBezTo>
                        <a:pt x="226865" y="246211"/>
                        <a:pt x="227202" y="249277"/>
                        <a:pt x="225519" y="251377"/>
                      </a:cubicBezTo>
                      <a:cubicBezTo>
                        <a:pt x="225391" y="251535"/>
                        <a:pt x="225256" y="251685"/>
                        <a:pt x="225111" y="251826"/>
                      </a:cubicBezTo>
                      <a:lnTo>
                        <a:pt x="218595" y="259051"/>
                      </a:lnTo>
                      <a:lnTo>
                        <a:pt x="225791" y="265595"/>
                      </a:lnTo>
                      <a:cubicBezTo>
                        <a:pt x="227785" y="267380"/>
                        <a:pt x="227955" y="270442"/>
                        <a:pt x="226171" y="272436"/>
                      </a:cubicBezTo>
                      <a:cubicBezTo>
                        <a:pt x="226156" y="272451"/>
                        <a:pt x="226145" y="272465"/>
                        <a:pt x="226131" y="272479"/>
                      </a:cubicBezTo>
                      <a:cubicBezTo>
                        <a:pt x="224318" y="274459"/>
                        <a:pt x="221247" y="274612"/>
                        <a:pt x="219247" y="272819"/>
                      </a:cubicBezTo>
                      <a:lnTo>
                        <a:pt x="212051" y="266275"/>
                      </a:lnTo>
                      <a:lnTo>
                        <a:pt x="205082" y="273924"/>
                      </a:lnTo>
                      <a:cubicBezTo>
                        <a:pt x="203399" y="276023"/>
                        <a:pt x="200331" y="276360"/>
                        <a:pt x="198231" y="274677"/>
                      </a:cubicBezTo>
                      <a:cubicBezTo>
                        <a:pt x="196132" y="272995"/>
                        <a:pt x="195795" y="269929"/>
                        <a:pt x="197478" y="267827"/>
                      </a:cubicBezTo>
                      <a:cubicBezTo>
                        <a:pt x="197605" y="267671"/>
                        <a:pt x="197741" y="267521"/>
                        <a:pt x="197886" y="267380"/>
                      </a:cubicBezTo>
                      <a:lnTo>
                        <a:pt x="204827" y="259730"/>
                      </a:lnTo>
                      <a:lnTo>
                        <a:pt x="197602" y="253186"/>
                      </a:lnTo>
                      <a:cubicBezTo>
                        <a:pt x="195585" y="251406"/>
                        <a:pt x="195393" y="248327"/>
                        <a:pt x="197172" y="246308"/>
                      </a:cubicBezTo>
                      <a:cubicBezTo>
                        <a:pt x="197175" y="246306"/>
                        <a:pt x="197175" y="246304"/>
                        <a:pt x="197178" y="246302"/>
                      </a:cubicBezTo>
                      <a:close/>
                      <a:moveTo>
                        <a:pt x="0" y="23712"/>
                      </a:moveTo>
                      <a:cubicBezTo>
                        <a:pt x="0" y="36808"/>
                        <a:pt x="10615" y="47425"/>
                        <a:pt x="23712" y="47425"/>
                      </a:cubicBezTo>
                      <a:cubicBezTo>
                        <a:pt x="36809" y="47425"/>
                        <a:pt x="47425" y="36808"/>
                        <a:pt x="47425" y="23712"/>
                      </a:cubicBezTo>
                      <a:cubicBezTo>
                        <a:pt x="47425" y="10616"/>
                        <a:pt x="36809" y="0"/>
                        <a:pt x="23712" y="0"/>
                      </a:cubicBezTo>
                      <a:cubicBezTo>
                        <a:pt x="23704" y="0"/>
                        <a:pt x="23692" y="0"/>
                        <a:pt x="23684" y="0"/>
                      </a:cubicBezTo>
                      <a:cubicBezTo>
                        <a:pt x="10604" y="0"/>
                        <a:pt x="0" y="10604"/>
                        <a:pt x="0" y="23684"/>
                      </a:cubicBezTo>
                      <a:cubicBezTo>
                        <a:pt x="0" y="23693"/>
                        <a:pt x="0" y="23703"/>
                        <a:pt x="0" y="23712"/>
                      </a:cubicBezTo>
                      <a:close/>
                    </a:path>
                  </a:pathLst>
                </a:custGeom>
                <a:solidFill>
                  <a:schemeClr val="accent1"/>
                </a:solidFill>
                <a:ln w="2811" cap="flat">
                  <a:noFill/>
                  <a:prstDash val="solid"/>
                  <a:miter/>
                </a:ln>
              </p:spPr>
              <p:txBody>
                <a:bodyPr rtlCol="0" anchor="ctr"/>
                <a:lstStyle/>
                <a:p>
                  <a:endParaRPr lang="en-US"/>
                </a:p>
              </p:txBody>
            </p:sp>
            <p:sp>
              <p:nvSpPr>
                <p:cNvPr id="206" name="Graphic 10">
                  <a:extLst>
                    <a:ext uri="{FF2B5EF4-FFF2-40B4-BE49-F238E27FC236}">
                      <a16:creationId xmlns:a16="http://schemas.microsoft.com/office/drawing/2014/main" id="{145670A6-24BF-824C-ADFF-1223886E340C}"/>
                    </a:ext>
                  </a:extLst>
                </p:cNvPr>
                <p:cNvSpPr/>
                <p:nvPr/>
              </p:nvSpPr>
              <p:spPr>
                <a:xfrm>
                  <a:off x="1983714" y="3248468"/>
                  <a:ext cx="773201" cy="767757"/>
                </a:xfrm>
                <a:custGeom>
                  <a:avLst/>
                  <a:gdLst>
                    <a:gd name="connsiteX0" fmla="*/ 452249 w 773201"/>
                    <a:gd name="connsiteY0" fmla="*/ 295 h 767757"/>
                    <a:gd name="connsiteX1" fmla="*/ 451541 w 773201"/>
                    <a:gd name="connsiteY1" fmla="*/ 295 h 767757"/>
                    <a:gd name="connsiteX2" fmla="*/ 449841 w 773201"/>
                    <a:gd name="connsiteY2" fmla="*/ 12 h 767757"/>
                    <a:gd name="connsiteX3" fmla="*/ 437081 w 773201"/>
                    <a:gd name="connsiteY3" fmla="*/ 12863 h 767757"/>
                    <a:gd name="connsiteX4" fmla="*/ 446725 w 773201"/>
                    <a:gd name="connsiteY4" fmla="*/ 25225 h 767757"/>
                    <a:gd name="connsiteX5" fmla="*/ 447008 w 773201"/>
                    <a:gd name="connsiteY5" fmla="*/ 25225 h 767757"/>
                    <a:gd name="connsiteX6" fmla="*/ 448142 w 773201"/>
                    <a:gd name="connsiteY6" fmla="*/ 25509 h 767757"/>
                    <a:gd name="connsiteX7" fmla="*/ 452391 w 773201"/>
                    <a:gd name="connsiteY7" fmla="*/ 26075 h 767757"/>
                    <a:gd name="connsiteX8" fmla="*/ 741384 w 773201"/>
                    <a:gd name="connsiteY8" fmla="*/ 447200 h 767757"/>
                    <a:gd name="connsiteX9" fmla="*/ 320259 w 773201"/>
                    <a:gd name="connsiteY9" fmla="*/ 736192 h 767757"/>
                    <a:gd name="connsiteX10" fmla="*/ 25173 w 773201"/>
                    <a:gd name="connsiteY10" fmla="*/ 381052 h 767757"/>
                    <a:gd name="connsiteX11" fmla="*/ 320656 w 773201"/>
                    <a:gd name="connsiteY11" fmla="*/ 26075 h 767757"/>
                    <a:gd name="connsiteX12" fmla="*/ 324906 w 773201"/>
                    <a:gd name="connsiteY12" fmla="*/ 25509 h 767757"/>
                    <a:gd name="connsiteX13" fmla="*/ 326889 w 773201"/>
                    <a:gd name="connsiteY13" fmla="*/ 25225 h 767757"/>
                    <a:gd name="connsiteX14" fmla="*/ 327172 w 773201"/>
                    <a:gd name="connsiteY14" fmla="*/ 25225 h 767757"/>
                    <a:gd name="connsiteX15" fmla="*/ 335951 w 773201"/>
                    <a:gd name="connsiteY15" fmla="*/ 9296 h 767757"/>
                    <a:gd name="connsiteX16" fmla="*/ 323886 w 773201"/>
                    <a:gd name="connsiteY16" fmla="*/ 12 h 767757"/>
                    <a:gd name="connsiteX17" fmla="*/ 323886 w 773201"/>
                    <a:gd name="connsiteY17" fmla="*/ 12 h 767757"/>
                    <a:gd name="connsiteX18" fmla="*/ 321903 w 773201"/>
                    <a:gd name="connsiteY18" fmla="*/ 295 h 767757"/>
                    <a:gd name="connsiteX19" fmla="*/ 5501 w 773201"/>
                    <a:gd name="connsiteY19" fmla="*/ 445916 h 767757"/>
                    <a:gd name="connsiteX20" fmla="*/ 386779 w 773201"/>
                    <a:gd name="connsiteY20" fmla="*/ 767758 h 767757"/>
                    <a:gd name="connsiteX21" fmla="*/ 773201 w 773201"/>
                    <a:gd name="connsiteY21" fmla="*/ 381052 h 767757"/>
                    <a:gd name="connsiteX22" fmla="*/ 452249 w 773201"/>
                    <a:gd name="connsiteY22" fmla="*/ 295 h 7677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73201" h="767757">
                      <a:moveTo>
                        <a:pt x="452249" y="295"/>
                      </a:moveTo>
                      <a:lnTo>
                        <a:pt x="451541" y="295"/>
                      </a:lnTo>
                      <a:cubicBezTo>
                        <a:pt x="450975" y="295"/>
                        <a:pt x="450408" y="12"/>
                        <a:pt x="449841" y="12"/>
                      </a:cubicBezTo>
                      <a:cubicBezTo>
                        <a:pt x="442770" y="37"/>
                        <a:pt x="437056" y="5790"/>
                        <a:pt x="437081" y="12863"/>
                      </a:cubicBezTo>
                      <a:cubicBezTo>
                        <a:pt x="437104" y="18700"/>
                        <a:pt x="441067" y="23784"/>
                        <a:pt x="446725" y="25225"/>
                      </a:cubicBezTo>
                      <a:lnTo>
                        <a:pt x="447008" y="25225"/>
                      </a:lnTo>
                      <a:cubicBezTo>
                        <a:pt x="447292" y="25225"/>
                        <a:pt x="447858" y="25509"/>
                        <a:pt x="448142" y="25509"/>
                      </a:cubicBezTo>
                      <a:lnTo>
                        <a:pt x="452391" y="26075"/>
                      </a:lnTo>
                      <a:cubicBezTo>
                        <a:pt x="648484" y="62563"/>
                        <a:pt x="777870" y="251106"/>
                        <a:pt x="741384" y="447200"/>
                      </a:cubicBezTo>
                      <a:cubicBezTo>
                        <a:pt x="704897" y="643292"/>
                        <a:pt x="516352" y="772678"/>
                        <a:pt x="320259" y="736192"/>
                      </a:cubicBezTo>
                      <a:cubicBezTo>
                        <a:pt x="149185" y="704360"/>
                        <a:pt x="25134" y="555064"/>
                        <a:pt x="25173" y="381052"/>
                      </a:cubicBezTo>
                      <a:cubicBezTo>
                        <a:pt x="25173" y="204272"/>
                        <a:pt x="152659" y="57239"/>
                        <a:pt x="320656" y="26075"/>
                      </a:cubicBezTo>
                      <a:lnTo>
                        <a:pt x="324906" y="25509"/>
                      </a:lnTo>
                      <a:cubicBezTo>
                        <a:pt x="325472" y="25509"/>
                        <a:pt x="326039" y="25225"/>
                        <a:pt x="326889" y="25225"/>
                      </a:cubicBezTo>
                      <a:lnTo>
                        <a:pt x="327172" y="25225"/>
                      </a:lnTo>
                      <a:cubicBezTo>
                        <a:pt x="333997" y="23251"/>
                        <a:pt x="337926" y="16119"/>
                        <a:pt x="335951" y="9296"/>
                      </a:cubicBezTo>
                      <a:cubicBezTo>
                        <a:pt x="334390" y="3897"/>
                        <a:pt x="329504" y="138"/>
                        <a:pt x="323886" y="12"/>
                      </a:cubicBezTo>
                      <a:lnTo>
                        <a:pt x="323886" y="12"/>
                      </a:lnTo>
                      <a:cubicBezTo>
                        <a:pt x="323211" y="-36"/>
                        <a:pt x="322537" y="61"/>
                        <a:pt x="321903" y="295"/>
                      </a:cubicBezTo>
                      <a:cubicBezTo>
                        <a:pt x="111476" y="35978"/>
                        <a:pt x="-30182" y="235490"/>
                        <a:pt x="5501" y="445916"/>
                      </a:cubicBezTo>
                      <a:cubicBezTo>
                        <a:pt x="37033" y="631861"/>
                        <a:pt x="198179" y="767888"/>
                        <a:pt x="386779" y="767758"/>
                      </a:cubicBezTo>
                      <a:cubicBezTo>
                        <a:pt x="600104" y="767758"/>
                        <a:pt x="773201" y="594094"/>
                        <a:pt x="773201" y="381052"/>
                      </a:cubicBezTo>
                      <a:cubicBezTo>
                        <a:pt x="772989" y="192992"/>
                        <a:pt x="637562" y="32329"/>
                        <a:pt x="452249" y="295"/>
                      </a:cubicBezTo>
                      <a:close/>
                    </a:path>
                  </a:pathLst>
                </a:custGeom>
                <a:solidFill>
                  <a:schemeClr val="accent2"/>
                </a:solidFill>
                <a:ln w="2811" cap="flat">
                  <a:noFill/>
                  <a:prstDash val="solid"/>
                  <a:miter/>
                </a:ln>
              </p:spPr>
              <p:txBody>
                <a:bodyPr rtlCol="0" anchor="ctr"/>
                <a:lstStyle/>
                <a:p>
                  <a:endParaRPr lang="en-US"/>
                </a:p>
              </p:txBody>
            </p:sp>
          </p:grpSp>
          <p:grpSp>
            <p:nvGrpSpPr>
              <p:cNvPr id="207" name="Group 206">
                <a:extLst>
                  <a:ext uri="{FF2B5EF4-FFF2-40B4-BE49-F238E27FC236}">
                    <a16:creationId xmlns:a16="http://schemas.microsoft.com/office/drawing/2014/main" id="{4577CD8D-5B82-3349-A0A0-2D0C06AADA9F}"/>
                  </a:ext>
                </a:extLst>
              </p:cNvPr>
              <p:cNvGrpSpPr>
                <a:grpSpLocks noChangeAspect="1"/>
              </p:cNvGrpSpPr>
              <p:nvPr/>
            </p:nvGrpSpPr>
            <p:grpSpPr>
              <a:xfrm>
                <a:off x="8587700" y="4459280"/>
                <a:ext cx="543376" cy="548640"/>
                <a:chOff x="1983714" y="3235532"/>
                <a:chExt cx="773201" cy="780693"/>
              </a:xfrm>
            </p:grpSpPr>
            <p:sp>
              <p:nvSpPr>
                <p:cNvPr id="208" name="Graphic 10">
                  <a:extLst>
                    <a:ext uri="{FF2B5EF4-FFF2-40B4-BE49-F238E27FC236}">
                      <a16:creationId xmlns:a16="http://schemas.microsoft.com/office/drawing/2014/main" id="{46664C30-9A44-0B40-8D01-DD3A6ABAB51C}"/>
                    </a:ext>
                  </a:extLst>
                </p:cNvPr>
                <p:cNvSpPr/>
                <p:nvPr/>
              </p:nvSpPr>
              <p:spPr>
                <a:xfrm>
                  <a:off x="2120289" y="3574814"/>
                  <a:ext cx="520501" cy="163974"/>
                </a:xfrm>
                <a:custGeom>
                  <a:avLst/>
                  <a:gdLst>
                    <a:gd name="connsiteX0" fmla="*/ 82971 w 520501"/>
                    <a:gd name="connsiteY0" fmla="*/ 135078 h 163974"/>
                    <a:gd name="connsiteX1" fmla="*/ 4638 w 520501"/>
                    <a:gd name="connsiteY1" fmla="*/ 135078 h 163974"/>
                    <a:gd name="connsiteX2" fmla="*/ 14 w 520501"/>
                    <a:gd name="connsiteY2" fmla="*/ 129701 h 163974"/>
                    <a:gd name="connsiteX3" fmla="*/ 4638 w 520501"/>
                    <a:gd name="connsiteY3" fmla="*/ 125077 h 163974"/>
                    <a:gd name="connsiteX4" fmla="*/ 82971 w 520501"/>
                    <a:gd name="connsiteY4" fmla="*/ 125077 h 163974"/>
                    <a:gd name="connsiteX5" fmla="*/ 87594 w 520501"/>
                    <a:gd name="connsiteY5" fmla="*/ 130454 h 163974"/>
                    <a:gd name="connsiteX6" fmla="*/ 82971 w 520501"/>
                    <a:gd name="connsiteY6" fmla="*/ 135078 h 163974"/>
                    <a:gd name="connsiteX7" fmla="*/ 66143 w 520501"/>
                    <a:gd name="connsiteY7" fmla="*/ 158989 h 163974"/>
                    <a:gd name="connsiteX8" fmla="*/ 61157 w 520501"/>
                    <a:gd name="connsiteY8" fmla="*/ 154002 h 163974"/>
                    <a:gd name="connsiteX9" fmla="*/ 15829 w 520501"/>
                    <a:gd name="connsiteY9" fmla="*/ 154002 h 163974"/>
                    <a:gd name="connsiteX10" fmla="*/ 10842 w 520501"/>
                    <a:gd name="connsiteY10" fmla="*/ 158989 h 163974"/>
                    <a:gd name="connsiteX11" fmla="*/ 15829 w 520501"/>
                    <a:gd name="connsiteY11" fmla="*/ 163975 h 163974"/>
                    <a:gd name="connsiteX12" fmla="*/ 61157 w 520501"/>
                    <a:gd name="connsiteY12" fmla="*/ 163975 h 163974"/>
                    <a:gd name="connsiteX13" fmla="*/ 66143 w 520501"/>
                    <a:gd name="connsiteY13" fmla="*/ 158989 h 163974"/>
                    <a:gd name="connsiteX14" fmla="*/ 520501 w 520501"/>
                    <a:gd name="connsiteY14" fmla="*/ 4986 h 163974"/>
                    <a:gd name="connsiteX15" fmla="*/ 515515 w 520501"/>
                    <a:gd name="connsiteY15" fmla="*/ 0 h 163974"/>
                    <a:gd name="connsiteX16" fmla="*/ 515487 w 520501"/>
                    <a:gd name="connsiteY16" fmla="*/ 0 h 163974"/>
                    <a:gd name="connsiteX17" fmla="*/ 423867 w 520501"/>
                    <a:gd name="connsiteY17" fmla="*/ 0 h 163974"/>
                    <a:gd name="connsiteX18" fmla="*/ 419244 w 520501"/>
                    <a:gd name="connsiteY18" fmla="*/ 5377 h 163974"/>
                    <a:gd name="connsiteX19" fmla="*/ 423867 w 520501"/>
                    <a:gd name="connsiteY19" fmla="*/ 10001 h 163974"/>
                    <a:gd name="connsiteX20" fmla="*/ 515487 w 520501"/>
                    <a:gd name="connsiteY20" fmla="*/ 10001 h 163974"/>
                    <a:gd name="connsiteX21" fmla="*/ 520501 w 520501"/>
                    <a:gd name="connsiteY21" fmla="*/ 4986 h 163974"/>
                    <a:gd name="connsiteX22" fmla="*/ 467864 w 520501"/>
                    <a:gd name="connsiteY22" fmla="*/ 35724 h 163974"/>
                    <a:gd name="connsiteX23" fmla="*/ 462878 w 520501"/>
                    <a:gd name="connsiteY23" fmla="*/ 30738 h 163974"/>
                    <a:gd name="connsiteX24" fmla="*/ 421856 w 520501"/>
                    <a:gd name="connsiteY24" fmla="*/ 30738 h 163974"/>
                    <a:gd name="connsiteX25" fmla="*/ 416870 w 520501"/>
                    <a:gd name="connsiteY25" fmla="*/ 35724 h 163974"/>
                    <a:gd name="connsiteX26" fmla="*/ 421856 w 520501"/>
                    <a:gd name="connsiteY26" fmla="*/ 40710 h 163974"/>
                    <a:gd name="connsiteX27" fmla="*/ 462878 w 520501"/>
                    <a:gd name="connsiteY27" fmla="*/ 40710 h 163974"/>
                    <a:gd name="connsiteX28" fmla="*/ 467864 w 520501"/>
                    <a:gd name="connsiteY28" fmla="*/ 35753 h 163974"/>
                    <a:gd name="connsiteX29" fmla="*/ 520501 w 520501"/>
                    <a:gd name="connsiteY29" fmla="*/ 66462 h 163974"/>
                    <a:gd name="connsiteX30" fmla="*/ 515515 w 520501"/>
                    <a:gd name="connsiteY30" fmla="*/ 61476 h 163974"/>
                    <a:gd name="connsiteX31" fmla="*/ 515487 w 520501"/>
                    <a:gd name="connsiteY31" fmla="*/ 61476 h 163974"/>
                    <a:gd name="connsiteX32" fmla="*/ 442367 w 520501"/>
                    <a:gd name="connsiteY32" fmla="*/ 61476 h 163974"/>
                    <a:gd name="connsiteX33" fmla="*/ 437381 w 520501"/>
                    <a:gd name="connsiteY33" fmla="*/ 66462 h 163974"/>
                    <a:gd name="connsiteX34" fmla="*/ 442367 w 520501"/>
                    <a:gd name="connsiteY34" fmla="*/ 71449 h 163974"/>
                    <a:gd name="connsiteX35" fmla="*/ 515487 w 520501"/>
                    <a:gd name="connsiteY35" fmla="*/ 71449 h 163974"/>
                    <a:gd name="connsiteX36" fmla="*/ 520501 w 520501"/>
                    <a:gd name="connsiteY36" fmla="*/ 66491 h 163974"/>
                    <a:gd name="connsiteX37" fmla="*/ 520501 w 520501"/>
                    <a:gd name="connsiteY37" fmla="*/ 66491 h 1639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520501" h="163974">
                      <a:moveTo>
                        <a:pt x="82971" y="135078"/>
                      </a:moveTo>
                      <a:lnTo>
                        <a:pt x="4638" y="135078"/>
                      </a:lnTo>
                      <a:cubicBezTo>
                        <a:pt x="1877" y="134871"/>
                        <a:pt x="-194" y="132463"/>
                        <a:pt x="14" y="129701"/>
                      </a:cubicBezTo>
                      <a:cubicBezTo>
                        <a:pt x="201" y="127228"/>
                        <a:pt x="2166" y="125264"/>
                        <a:pt x="4638" y="125077"/>
                      </a:cubicBezTo>
                      <a:lnTo>
                        <a:pt x="82971" y="125077"/>
                      </a:lnTo>
                      <a:cubicBezTo>
                        <a:pt x="85733" y="125284"/>
                        <a:pt x="87803" y="127692"/>
                        <a:pt x="87594" y="130454"/>
                      </a:cubicBezTo>
                      <a:cubicBezTo>
                        <a:pt x="87408" y="132928"/>
                        <a:pt x="85443" y="134891"/>
                        <a:pt x="82971" y="135078"/>
                      </a:cubicBezTo>
                      <a:close/>
                      <a:moveTo>
                        <a:pt x="66143" y="158989"/>
                      </a:moveTo>
                      <a:cubicBezTo>
                        <a:pt x="66143" y="156235"/>
                        <a:pt x="63910" y="154002"/>
                        <a:pt x="61157" y="154002"/>
                      </a:cubicBezTo>
                      <a:lnTo>
                        <a:pt x="15829" y="154002"/>
                      </a:lnTo>
                      <a:cubicBezTo>
                        <a:pt x="13075" y="154002"/>
                        <a:pt x="10842" y="156235"/>
                        <a:pt x="10842" y="158989"/>
                      </a:cubicBezTo>
                      <a:cubicBezTo>
                        <a:pt x="10842" y="161742"/>
                        <a:pt x="13075" y="163975"/>
                        <a:pt x="15829" y="163975"/>
                      </a:cubicBezTo>
                      <a:lnTo>
                        <a:pt x="61157" y="163975"/>
                      </a:lnTo>
                      <a:cubicBezTo>
                        <a:pt x="63910" y="163975"/>
                        <a:pt x="66143" y="161742"/>
                        <a:pt x="66143" y="158989"/>
                      </a:cubicBezTo>
                      <a:close/>
                      <a:moveTo>
                        <a:pt x="520501" y="4986"/>
                      </a:moveTo>
                      <a:cubicBezTo>
                        <a:pt x="520501" y="2232"/>
                        <a:pt x="518269" y="0"/>
                        <a:pt x="515515" y="0"/>
                      </a:cubicBezTo>
                      <a:cubicBezTo>
                        <a:pt x="515506" y="0"/>
                        <a:pt x="515495" y="0"/>
                        <a:pt x="515487" y="0"/>
                      </a:cubicBezTo>
                      <a:lnTo>
                        <a:pt x="423867" y="0"/>
                      </a:lnTo>
                      <a:cubicBezTo>
                        <a:pt x="421105" y="207"/>
                        <a:pt x="419037" y="2615"/>
                        <a:pt x="419244" y="5377"/>
                      </a:cubicBezTo>
                      <a:cubicBezTo>
                        <a:pt x="419431" y="7850"/>
                        <a:pt x="421394" y="9814"/>
                        <a:pt x="423867" y="10001"/>
                      </a:cubicBezTo>
                      <a:lnTo>
                        <a:pt x="515487" y="10001"/>
                      </a:lnTo>
                      <a:cubicBezTo>
                        <a:pt x="518257" y="10001"/>
                        <a:pt x="520501" y="7757"/>
                        <a:pt x="520501" y="4986"/>
                      </a:cubicBezTo>
                      <a:close/>
                      <a:moveTo>
                        <a:pt x="467864" y="35724"/>
                      </a:moveTo>
                      <a:cubicBezTo>
                        <a:pt x="467864" y="32971"/>
                        <a:pt x="465631" y="30738"/>
                        <a:pt x="462878" y="30738"/>
                      </a:cubicBezTo>
                      <a:lnTo>
                        <a:pt x="421856" y="30738"/>
                      </a:lnTo>
                      <a:cubicBezTo>
                        <a:pt x="419102" y="30738"/>
                        <a:pt x="416870" y="32971"/>
                        <a:pt x="416870" y="35724"/>
                      </a:cubicBezTo>
                      <a:cubicBezTo>
                        <a:pt x="416870" y="38478"/>
                        <a:pt x="419102" y="40710"/>
                        <a:pt x="421856" y="40710"/>
                      </a:cubicBezTo>
                      <a:lnTo>
                        <a:pt x="462878" y="40710"/>
                      </a:lnTo>
                      <a:cubicBezTo>
                        <a:pt x="465620" y="40710"/>
                        <a:pt x="467847" y="38495"/>
                        <a:pt x="467864" y="35753"/>
                      </a:cubicBezTo>
                      <a:close/>
                      <a:moveTo>
                        <a:pt x="520501" y="66462"/>
                      </a:moveTo>
                      <a:cubicBezTo>
                        <a:pt x="520501" y="63709"/>
                        <a:pt x="518269" y="61476"/>
                        <a:pt x="515515" y="61476"/>
                      </a:cubicBezTo>
                      <a:cubicBezTo>
                        <a:pt x="515506" y="61476"/>
                        <a:pt x="515495" y="61476"/>
                        <a:pt x="515487" y="61476"/>
                      </a:cubicBezTo>
                      <a:lnTo>
                        <a:pt x="442367" y="61476"/>
                      </a:lnTo>
                      <a:cubicBezTo>
                        <a:pt x="439613" y="61476"/>
                        <a:pt x="437381" y="63709"/>
                        <a:pt x="437381" y="66462"/>
                      </a:cubicBezTo>
                      <a:cubicBezTo>
                        <a:pt x="437381" y="69216"/>
                        <a:pt x="439613" y="71449"/>
                        <a:pt x="442367" y="71449"/>
                      </a:cubicBezTo>
                      <a:lnTo>
                        <a:pt x="515487" y="71449"/>
                      </a:lnTo>
                      <a:cubicBezTo>
                        <a:pt x="518240" y="71466"/>
                        <a:pt x="520484" y="69244"/>
                        <a:pt x="520501" y="66491"/>
                      </a:cubicBezTo>
                      <a:cubicBezTo>
                        <a:pt x="520501" y="66491"/>
                        <a:pt x="520501" y="66491"/>
                        <a:pt x="520501" y="66491"/>
                      </a:cubicBezTo>
                      <a:close/>
                    </a:path>
                  </a:pathLst>
                </a:custGeom>
                <a:solidFill>
                  <a:schemeClr val="accent2"/>
                </a:solidFill>
                <a:ln w="2811" cap="flat">
                  <a:noFill/>
                  <a:prstDash val="solid"/>
                  <a:miter/>
                </a:ln>
              </p:spPr>
              <p:txBody>
                <a:bodyPr rtlCol="0" anchor="ctr"/>
                <a:lstStyle/>
                <a:p>
                  <a:endParaRPr lang="en-US"/>
                </a:p>
              </p:txBody>
            </p:sp>
            <p:sp>
              <p:nvSpPr>
                <p:cNvPr id="209" name="Graphic 10">
                  <a:extLst>
                    <a:ext uri="{FF2B5EF4-FFF2-40B4-BE49-F238E27FC236}">
                      <a16:creationId xmlns:a16="http://schemas.microsoft.com/office/drawing/2014/main" id="{D2DE4DF4-327C-1846-9375-3BE5B6EBA4BA}"/>
                    </a:ext>
                  </a:extLst>
                </p:cNvPr>
                <p:cNvSpPr/>
                <p:nvPr/>
              </p:nvSpPr>
              <p:spPr>
                <a:xfrm>
                  <a:off x="2293151" y="3602996"/>
                  <a:ext cx="154059" cy="61048"/>
                </a:xfrm>
                <a:custGeom>
                  <a:avLst/>
                  <a:gdLst>
                    <a:gd name="connsiteX0" fmla="*/ 148336 w 154059"/>
                    <a:gd name="connsiteY0" fmla="*/ 25843 h 61048"/>
                    <a:gd name="connsiteX1" fmla="*/ 151623 w 154059"/>
                    <a:gd name="connsiteY1" fmla="*/ 23888 h 61048"/>
                    <a:gd name="connsiteX2" fmla="*/ 154059 w 154059"/>
                    <a:gd name="connsiteY2" fmla="*/ 23123 h 61048"/>
                    <a:gd name="connsiteX3" fmla="*/ 154059 w 154059"/>
                    <a:gd name="connsiteY3" fmla="*/ 8958 h 61048"/>
                    <a:gd name="connsiteX4" fmla="*/ 152133 w 154059"/>
                    <a:gd name="connsiteY4" fmla="*/ 7967 h 61048"/>
                    <a:gd name="connsiteX5" fmla="*/ 90911 w 154059"/>
                    <a:gd name="connsiteY5" fmla="*/ 10233 h 61048"/>
                    <a:gd name="connsiteX6" fmla="*/ 63119 w 154059"/>
                    <a:gd name="connsiteY6" fmla="*/ 10233 h 61048"/>
                    <a:gd name="connsiteX7" fmla="*/ 1870 w 154059"/>
                    <a:gd name="connsiteY7" fmla="*/ 7995 h 61048"/>
                    <a:gd name="connsiteX8" fmla="*/ 0 w 154059"/>
                    <a:gd name="connsiteY8" fmla="*/ 8987 h 61048"/>
                    <a:gd name="connsiteX9" fmla="*/ 0 w 154059"/>
                    <a:gd name="connsiteY9" fmla="*/ 23152 h 61048"/>
                    <a:gd name="connsiteX10" fmla="*/ 2408 w 154059"/>
                    <a:gd name="connsiteY10" fmla="*/ 23917 h 61048"/>
                    <a:gd name="connsiteX11" fmla="*/ 5723 w 154059"/>
                    <a:gd name="connsiteY11" fmla="*/ 25871 h 61048"/>
                    <a:gd name="connsiteX12" fmla="*/ 12975 w 154059"/>
                    <a:gd name="connsiteY12" fmla="*/ 50009 h 61048"/>
                    <a:gd name="connsiteX13" fmla="*/ 60434 w 154059"/>
                    <a:gd name="connsiteY13" fmla="*/ 52349 h 61048"/>
                    <a:gd name="connsiteX14" fmla="*/ 65074 w 154059"/>
                    <a:gd name="connsiteY14" fmla="*/ 47176 h 61048"/>
                    <a:gd name="connsiteX15" fmla="*/ 69097 w 154059"/>
                    <a:gd name="connsiteY15" fmla="*/ 20914 h 61048"/>
                    <a:gd name="connsiteX16" fmla="*/ 84934 w 154059"/>
                    <a:gd name="connsiteY16" fmla="*/ 20914 h 61048"/>
                    <a:gd name="connsiteX17" fmla="*/ 88985 w 154059"/>
                    <a:gd name="connsiteY17" fmla="*/ 47147 h 61048"/>
                    <a:gd name="connsiteX18" fmla="*/ 135868 w 154059"/>
                    <a:gd name="connsiteY18" fmla="*/ 54632 h 61048"/>
                    <a:gd name="connsiteX19" fmla="*/ 141056 w 154059"/>
                    <a:gd name="connsiteY19" fmla="*/ 49980 h 61048"/>
                    <a:gd name="connsiteX20" fmla="*/ 148336 w 154059"/>
                    <a:gd name="connsiteY20" fmla="*/ 25843 h 61048"/>
                    <a:gd name="connsiteX21" fmla="*/ 37849 w 154059"/>
                    <a:gd name="connsiteY21" fmla="*/ 50462 h 61048"/>
                    <a:gd name="connsiteX22" fmla="*/ 16400 w 154059"/>
                    <a:gd name="connsiteY22" fmla="*/ 31115 h 61048"/>
                    <a:gd name="connsiteX23" fmla="*/ 16375 w 154059"/>
                    <a:gd name="connsiteY23" fmla="*/ 29724 h 61048"/>
                    <a:gd name="connsiteX24" fmla="*/ 21503 w 154059"/>
                    <a:gd name="connsiteY24" fmla="*/ 16692 h 61048"/>
                    <a:gd name="connsiteX25" fmla="*/ 54196 w 154059"/>
                    <a:gd name="connsiteY25" fmla="*/ 16692 h 61048"/>
                    <a:gd name="connsiteX26" fmla="*/ 59323 w 154059"/>
                    <a:gd name="connsiteY26" fmla="*/ 29753 h 61048"/>
                    <a:gd name="connsiteX27" fmla="*/ 39203 w 154059"/>
                    <a:gd name="connsiteY27" fmla="*/ 50482 h 61048"/>
                    <a:gd name="connsiteX28" fmla="*/ 37962 w 154059"/>
                    <a:gd name="connsiteY28" fmla="*/ 50462 h 61048"/>
                    <a:gd name="connsiteX29" fmla="*/ 115983 w 154059"/>
                    <a:gd name="connsiteY29" fmla="*/ 50462 h 61048"/>
                    <a:gd name="connsiteX30" fmla="*/ 94535 w 154059"/>
                    <a:gd name="connsiteY30" fmla="*/ 31172 h 61048"/>
                    <a:gd name="connsiteX31" fmla="*/ 94509 w 154059"/>
                    <a:gd name="connsiteY31" fmla="*/ 29753 h 61048"/>
                    <a:gd name="connsiteX32" fmla="*/ 99637 w 154059"/>
                    <a:gd name="connsiteY32" fmla="*/ 16692 h 61048"/>
                    <a:gd name="connsiteX33" fmla="*/ 132330 w 154059"/>
                    <a:gd name="connsiteY33" fmla="*/ 16692 h 61048"/>
                    <a:gd name="connsiteX34" fmla="*/ 137458 w 154059"/>
                    <a:gd name="connsiteY34" fmla="*/ 29724 h 61048"/>
                    <a:gd name="connsiteX35" fmla="*/ 117369 w 154059"/>
                    <a:gd name="connsiteY35" fmla="*/ 50482 h 61048"/>
                    <a:gd name="connsiteX36" fmla="*/ 116097 w 154059"/>
                    <a:gd name="connsiteY36" fmla="*/ 50462 h 610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154059" h="61048">
                      <a:moveTo>
                        <a:pt x="148336" y="25843"/>
                      </a:moveTo>
                      <a:cubicBezTo>
                        <a:pt x="149249" y="24925"/>
                        <a:pt x="150379" y="24251"/>
                        <a:pt x="151623" y="23888"/>
                      </a:cubicBezTo>
                      <a:lnTo>
                        <a:pt x="154059" y="23123"/>
                      </a:lnTo>
                      <a:lnTo>
                        <a:pt x="154059" y="8958"/>
                      </a:lnTo>
                      <a:lnTo>
                        <a:pt x="152133" y="7967"/>
                      </a:lnTo>
                      <a:cubicBezTo>
                        <a:pt x="135616" y="-532"/>
                        <a:pt x="105105" y="-5462"/>
                        <a:pt x="90911" y="10233"/>
                      </a:cubicBezTo>
                      <a:cubicBezTo>
                        <a:pt x="81823" y="7683"/>
                        <a:pt x="72208" y="7683"/>
                        <a:pt x="63119" y="10233"/>
                      </a:cubicBezTo>
                      <a:cubicBezTo>
                        <a:pt x="48954" y="-5433"/>
                        <a:pt x="18415" y="-476"/>
                        <a:pt x="1870" y="7995"/>
                      </a:cubicBezTo>
                      <a:lnTo>
                        <a:pt x="0" y="8987"/>
                      </a:lnTo>
                      <a:lnTo>
                        <a:pt x="0" y="23152"/>
                      </a:lnTo>
                      <a:lnTo>
                        <a:pt x="2408" y="23917"/>
                      </a:lnTo>
                      <a:cubicBezTo>
                        <a:pt x="3657" y="24282"/>
                        <a:pt x="4799" y="24953"/>
                        <a:pt x="5723" y="25871"/>
                      </a:cubicBezTo>
                      <a:cubicBezTo>
                        <a:pt x="4578" y="34583"/>
                        <a:pt x="7219" y="43368"/>
                        <a:pt x="12975" y="50009"/>
                      </a:cubicBezTo>
                      <a:cubicBezTo>
                        <a:pt x="25435" y="63760"/>
                        <a:pt x="46682" y="64808"/>
                        <a:pt x="60434" y="52349"/>
                      </a:cubicBezTo>
                      <a:cubicBezTo>
                        <a:pt x="62156" y="50790"/>
                        <a:pt x="63712" y="49057"/>
                        <a:pt x="65074" y="47176"/>
                      </a:cubicBezTo>
                      <a:cubicBezTo>
                        <a:pt x="70412" y="39518"/>
                        <a:pt x="71899" y="29818"/>
                        <a:pt x="69097" y="20914"/>
                      </a:cubicBezTo>
                      <a:cubicBezTo>
                        <a:pt x="74344" y="20078"/>
                        <a:pt x="79687" y="20078"/>
                        <a:pt x="84934" y="20914"/>
                      </a:cubicBezTo>
                      <a:cubicBezTo>
                        <a:pt x="82137" y="29812"/>
                        <a:pt x="83633" y="39507"/>
                        <a:pt x="88985" y="47147"/>
                      </a:cubicBezTo>
                      <a:cubicBezTo>
                        <a:pt x="99864" y="62159"/>
                        <a:pt x="120853" y="65511"/>
                        <a:pt x="135868" y="54632"/>
                      </a:cubicBezTo>
                      <a:cubicBezTo>
                        <a:pt x="137755" y="53267"/>
                        <a:pt x="139492" y="51705"/>
                        <a:pt x="141056" y="49980"/>
                      </a:cubicBezTo>
                      <a:cubicBezTo>
                        <a:pt x="146818" y="43345"/>
                        <a:pt x="149470" y="34560"/>
                        <a:pt x="148336" y="25843"/>
                      </a:cubicBezTo>
                      <a:close/>
                      <a:moveTo>
                        <a:pt x="37849" y="50462"/>
                      </a:moveTo>
                      <a:cubicBezTo>
                        <a:pt x="26582" y="51043"/>
                        <a:pt x="16978" y="42379"/>
                        <a:pt x="16400" y="31115"/>
                      </a:cubicBezTo>
                      <a:cubicBezTo>
                        <a:pt x="16375" y="30651"/>
                        <a:pt x="16366" y="30189"/>
                        <a:pt x="16375" y="29724"/>
                      </a:cubicBezTo>
                      <a:cubicBezTo>
                        <a:pt x="16293" y="24874"/>
                        <a:pt x="18137" y="20185"/>
                        <a:pt x="21503" y="16692"/>
                      </a:cubicBezTo>
                      <a:cubicBezTo>
                        <a:pt x="30968" y="8785"/>
                        <a:pt x="44730" y="8785"/>
                        <a:pt x="54196" y="16692"/>
                      </a:cubicBezTo>
                      <a:cubicBezTo>
                        <a:pt x="57555" y="20202"/>
                        <a:pt x="59397" y="24894"/>
                        <a:pt x="59323" y="29753"/>
                      </a:cubicBezTo>
                      <a:cubicBezTo>
                        <a:pt x="59490" y="41034"/>
                        <a:pt x="50484" y="50312"/>
                        <a:pt x="39203" y="50482"/>
                      </a:cubicBezTo>
                      <a:cubicBezTo>
                        <a:pt x="38790" y="50487"/>
                        <a:pt x="38376" y="50482"/>
                        <a:pt x="37962" y="50462"/>
                      </a:cubicBezTo>
                      <a:close/>
                      <a:moveTo>
                        <a:pt x="115983" y="50462"/>
                      </a:moveTo>
                      <a:cubicBezTo>
                        <a:pt x="104734" y="51057"/>
                        <a:pt x="95132" y="42422"/>
                        <a:pt x="94535" y="31172"/>
                      </a:cubicBezTo>
                      <a:cubicBezTo>
                        <a:pt x="94509" y="30699"/>
                        <a:pt x="94501" y="30226"/>
                        <a:pt x="94509" y="29753"/>
                      </a:cubicBezTo>
                      <a:cubicBezTo>
                        <a:pt x="94421" y="24891"/>
                        <a:pt x="96266" y="20194"/>
                        <a:pt x="99637" y="16692"/>
                      </a:cubicBezTo>
                      <a:cubicBezTo>
                        <a:pt x="109102" y="8785"/>
                        <a:pt x="122865" y="8785"/>
                        <a:pt x="132330" y="16692"/>
                      </a:cubicBezTo>
                      <a:cubicBezTo>
                        <a:pt x="135687" y="20194"/>
                        <a:pt x="137528" y="24874"/>
                        <a:pt x="137458" y="29724"/>
                      </a:cubicBezTo>
                      <a:cubicBezTo>
                        <a:pt x="137642" y="41002"/>
                        <a:pt x="128647" y="50297"/>
                        <a:pt x="117369" y="50482"/>
                      </a:cubicBezTo>
                      <a:cubicBezTo>
                        <a:pt x="116944" y="50487"/>
                        <a:pt x="116519" y="50482"/>
                        <a:pt x="116097" y="50462"/>
                      </a:cubicBezTo>
                      <a:close/>
                    </a:path>
                  </a:pathLst>
                </a:custGeom>
                <a:solidFill>
                  <a:schemeClr val="accent2"/>
                </a:solidFill>
                <a:ln w="2811" cap="flat">
                  <a:noFill/>
                  <a:prstDash val="solid"/>
                  <a:miter/>
                </a:ln>
              </p:spPr>
              <p:txBody>
                <a:bodyPr rtlCol="0" anchor="ctr"/>
                <a:lstStyle/>
                <a:p>
                  <a:endParaRPr lang="en-US"/>
                </a:p>
              </p:txBody>
            </p:sp>
            <p:sp>
              <p:nvSpPr>
                <p:cNvPr id="210" name="Graphic 10">
                  <a:extLst>
                    <a:ext uri="{FF2B5EF4-FFF2-40B4-BE49-F238E27FC236}">
                      <a16:creationId xmlns:a16="http://schemas.microsoft.com/office/drawing/2014/main" id="{BEFA807C-6857-534E-AAF5-77F2664274E7}"/>
                    </a:ext>
                  </a:extLst>
                </p:cNvPr>
                <p:cNvSpPr/>
                <p:nvPr/>
              </p:nvSpPr>
              <p:spPr>
                <a:xfrm>
                  <a:off x="2066765" y="3328398"/>
                  <a:ext cx="604564" cy="604564"/>
                </a:xfrm>
                <a:custGeom>
                  <a:avLst/>
                  <a:gdLst>
                    <a:gd name="connsiteX0" fmla="*/ 604564 w 604564"/>
                    <a:gd name="connsiteY0" fmla="*/ 302396 h 604564"/>
                    <a:gd name="connsiteX1" fmla="*/ 302396 w 604564"/>
                    <a:gd name="connsiteY1" fmla="*/ 0 h 604564"/>
                    <a:gd name="connsiteX2" fmla="*/ 0 w 604564"/>
                    <a:gd name="connsiteY2" fmla="*/ 302169 h 604564"/>
                    <a:gd name="connsiteX3" fmla="*/ 302169 w 604564"/>
                    <a:gd name="connsiteY3" fmla="*/ 604564 h 604564"/>
                    <a:gd name="connsiteX4" fmla="*/ 302339 w 604564"/>
                    <a:gd name="connsiteY4" fmla="*/ 604564 h 604564"/>
                    <a:gd name="connsiteX5" fmla="*/ 304039 w 604564"/>
                    <a:gd name="connsiteY5" fmla="*/ 604564 h 604564"/>
                    <a:gd name="connsiteX6" fmla="*/ 312198 w 604564"/>
                    <a:gd name="connsiteY6" fmla="*/ 604395 h 604564"/>
                    <a:gd name="connsiteX7" fmla="*/ 316929 w 604564"/>
                    <a:gd name="connsiteY7" fmla="*/ 604225 h 604564"/>
                    <a:gd name="connsiteX8" fmla="*/ 320867 w 604564"/>
                    <a:gd name="connsiteY8" fmla="*/ 603998 h 604564"/>
                    <a:gd name="connsiteX9" fmla="*/ 333162 w 604564"/>
                    <a:gd name="connsiteY9" fmla="*/ 603006 h 604564"/>
                    <a:gd name="connsiteX10" fmla="*/ 333162 w 604564"/>
                    <a:gd name="connsiteY10" fmla="*/ 603006 h 604564"/>
                    <a:gd name="connsiteX11" fmla="*/ 348857 w 604564"/>
                    <a:gd name="connsiteY11" fmla="*/ 601080 h 604564"/>
                    <a:gd name="connsiteX12" fmla="*/ 470280 w 604564"/>
                    <a:gd name="connsiteY12" fmla="*/ 553684 h 604564"/>
                    <a:gd name="connsiteX13" fmla="*/ 480592 w 604564"/>
                    <a:gd name="connsiteY13" fmla="*/ 546431 h 604564"/>
                    <a:gd name="connsiteX14" fmla="*/ 480592 w 604564"/>
                    <a:gd name="connsiteY14" fmla="*/ 546261 h 604564"/>
                    <a:gd name="connsiteX15" fmla="*/ 604564 w 604564"/>
                    <a:gd name="connsiteY15" fmla="*/ 302396 h 604564"/>
                    <a:gd name="connsiteX16" fmla="*/ 138024 w 604564"/>
                    <a:gd name="connsiteY16" fmla="*/ 543428 h 604564"/>
                    <a:gd name="connsiteX17" fmla="*/ 248512 w 604564"/>
                    <a:gd name="connsiteY17" fmla="*/ 463877 h 604564"/>
                    <a:gd name="connsiteX18" fmla="*/ 259051 w 604564"/>
                    <a:gd name="connsiteY18" fmla="*/ 518668 h 604564"/>
                    <a:gd name="connsiteX19" fmla="*/ 275199 w 604564"/>
                    <a:gd name="connsiteY19" fmla="*/ 507590 h 604564"/>
                    <a:gd name="connsiteX20" fmla="*/ 303529 w 604564"/>
                    <a:gd name="connsiteY20" fmla="*/ 580626 h 604564"/>
                    <a:gd name="connsiteX21" fmla="*/ 331859 w 604564"/>
                    <a:gd name="connsiteY21" fmla="*/ 507562 h 604564"/>
                    <a:gd name="connsiteX22" fmla="*/ 348035 w 604564"/>
                    <a:gd name="connsiteY22" fmla="*/ 518668 h 604564"/>
                    <a:gd name="connsiteX23" fmla="*/ 358376 w 604564"/>
                    <a:gd name="connsiteY23" fmla="*/ 463877 h 604564"/>
                    <a:gd name="connsiteX24" fmla="*/ 468693 w 604564"/>
                    <a:gd name="connsiteY24" fmla="*/ 542408 h 604564"/>
                    <a:gd name="connsiteX25" fmla="*/ 310668 w 604564"/>
                    <a:gd name="connsiteY25" fmla="*/ 594422 h 604564"/>
                    <a:gd name="connsiteX26" fmla="*/ 307523 w 604564"/>
                    <a:gd name="connsiteY26" fmla="*/ 594422 h 604564"/>
                    <a:gd name="connsiteX27" fmla="*/ 302282 w 604564"/>
                    <a:gd name="connsiteY27" fmla="*/ 594422 h 604564"/>
                    <a:gd name="connsiteX28" fmla="*/ 300044 w 604564"/>
                    <a:gd name="connsiteY28" fmla="*/ 594422 h 604564"/>
                    <a:gd name="connsiteX29" fmla="*/ 293075 w 604564"/>
                    <a:gd name="connsiteY29" fmla="*/ 594281 h 604564"/>
                    <a:gd name="connsiteX30" fmla="*/ 290384 w 604564"/>
                    <a:gd name="connsiteY30" fmla="*/ 594281 h 604564"/>
                    <a:gd name="connsiteX31" fmla="*/ 138024 w 604564"/>
                    <a:gd name="connsiteY31" fmla="*/ 543428 h 604564"/>
                    <a:gd name="connsiteX32" fmla="*/ 299903 w 604564"/>
                    <a:gd name="connsiteY32" fmla="*/ 477249 h 604564"/>
                    <a:gd name="connsiteX33" fmla="*/ 266700 w 604564"/>
                    <a:gd name="connsiteY33" fmla="*/ 499913 h 604564"/>
                    <a:gd name="connsiteX34" fmla="*/ 258597 w 604564"/>
                    <a:gd name="connsiteY34" fmla="*/ 457673 h 604564"/>
                    <a:gd name="connsiteX35" fmla="*/ 263498 w 604564"/>
                    <a:gd name="connsiteY35" fmla="*/ 447304 h 604564"/>
                    <a:gd name="connsiteX36" fmla="*/ 268739 w 604564"/>
                    <a:gd name="connsiteY36" fmla="*/ 420050 h 604564"/>
                    <a:gd name="connsiteX37" fmla="*/ 338091 w 604564"/>
                    <a:gd name="connsiteY37" fmla="*/ 420050 h 604564"/>
                    <a:gd name="connsiteX38" fmla="*/ 338091 w 604564"/>
                    <a:gd name="connsiteY38" fmla="*/ 437700 h 604564"/>
                    <a:gd name="connsiteX39" fmla="*/ 303727 w 604564"/>
                    <a:gd name="connsiteY39" fmla="*/ 466257 h 604564"/>
                    <a:gd name="connsiteX40" fmla="*/ 268739 w 604564"/>
                    <a:gd name="connsiteY40" fmla="*/ 437530 h 604564"/>
                    <a:gd name="connsiteX41" fmla="*/ 303444 w 604564"/>
                    <a:gd name="connsiteY41" fmla="*/ 488043 h 604564"/>
                    <a:gd name="connsiteX42" fmla="*/ 322028 w 604564"/>
                    <a:gd name="connsiteY42" fmla="*/ 500820 h 604564"/>
                    <a:gd name="connsiteX43" fmla="*/ 303444 w 604564"/>
                    <a:gd name="connsiteY43" fmla="*/ 549179 h 604564"/>
                    <a:gd name="connsiteX44" fmla="*/ 284831 w 604564"/>
                    <a:gd name="connsiteY44" fmla="*/ 500820 h 604564"/>
                    <a:gd name="connsiteX45" fmla="*/ 307410 w 604564"/>
                    <a:gd name="connsiteY45" fmla="*/ 477362 h 604564"/>
                    <a:gd name="connsiteX46" fmla="*/ 343446 w 604564"/>
                    <a:gd name="connsiteY46" fmla="*/ 447389 h 604564"/>
                    <a:gd name="connsiteX47" fmla="*/ 348319 w 604564"/>
                    <a:gd name="connsiteY47" fmla="*/ 457645 h 604564"/>
                    <a:gd name="connsiteX48" fmla="*/ 340216 w 604564"/>
                    <a:gd name="connsiteY48" fmla="*/ 499913 h 604564"/>
                    <a:gd name="connsiteX49" fmla="*/ 303302 w 604564"/>
                    <a:gd name="connsiteY49" fmla="*/ 415206 h 604564"/>
                    <a:gd name="connsiteX50" fmla="*/ 211371 w 604564"/>
                    <a:gd name="connsiteY50" fmla="*/ 345571 h 604564"/>
                    <a:gd name="connsiteX51" fmla="*/ 210719 w 604564"/>
                    <a:gd name="connsiteY51" fmla="*/ 344126 h 604564"/>
                    <a:gd name="connsiteX52" fmla="*/ 209161 w 604564"/>
                    <a:gd name="connsiteY52" fmla="*/ 344126 h 604564"/>
                    <a:gd name="connsiteX53" fmla="*/ 193296 w 604564"/>
                    <a:gd name="connsiteY53" fmla="*/ 321717 h 604564"/>
                    <a:gd name="connsiteX54" fmla="*/ 194175 w 604564"/>
                    <a:gd name="connsiteY54" fmla="*/ 305824 h 604564"/>
                    <a:gd name="connsiteX55" fmla="*/ 200152 w 604564"/>
                    <a:gd name="connsiteY55" fmla="*/ 296758 h 604564"/>
                    <a:gd name="connsiteX56" fmla="*/ 201059 w 604564"/>
                    <a:gd name="connsiteY56" fmla="*/ 296758 h 604564"/>
                    <a:gd name="connsiteX57" fmla="*/ 301999 w 604564"/>
                    <a:gd name="connsiteY57" fmla="*/ 223071 h 604564"/>
                    <a:gd name="connsiteX58" fmla="*/ 404639 w 604564"/>
                    <a:gd name="connsiteY58" fmla="*/ 296730 h 604564"/>
                    <a:gd name="connsiteX59" fmla="*/ 405489 w 604564"/>
                    <a:gd name="connsiteY59" fmla="*/ 296730 h 604564"/>
                    <a:gd name="connsiteX60" fmla="*/ 410277 w 604564"/>
                    <a:gd name="connsiteY60" fmla="*/ 303330 h 604564"/>
                    <a:gd name="connsiteX61" fmla="*/ 409483 w 604564"/>
                    <a:gd name="connsiteY61" fmla="*/ 327524 h 604564"/>
                    <a:gd name="connsiteX62" fmla="*/ 397925 w 604564"/>
                    <a:gd name="connsiteY62" fmla="*/ 344097 h 604564"/>
                    <a:gd name="connsiteX63" fmla="*/ 396338 w 604564"/>
                    <a:gd name="connsiteY63" fmla="*/ 344097 h 604564"/>
                    <a:gd name="connsiteX64" fmla="*/ 395658 w 604564"/>
                    <a:gd name="connsiteY64" fmla="*/ 345571 h 604564"/>
                    <a:gd name="connsiteX65" fmla="*/ 303274 w 604564"/>
                    <a:gd name="connsiteY65" fmla="*/ 415319 h 604564"/>
                    <a:gd name="connsiteX66" fmla="*/ 478609 w 604564"/>
                    <a:gd name="connsiteY66" fmla="*/ 535099 h 604564"/>
                    <a:gd name="connsiteX67" fmla="*/ 473708 w 604564"/>
                    <a:gd name="connsiteY67" fmla="*/ 519008 h 604564"/>
                    <a:gd name="connsiteX68" fmla="*/ 429059 w 604564"/>
                    <a:gd name="connsiteY68" fmla="*/ 471923 h 604564"/>
                    <a:gd name="connsiteX69" fmla="*/ 429541 w 604564"/>
                    <a:gd name="connsiteY69" fmla="*/ 456483 h 604564"/>
                    <a:gd name="connsiteX70" fmla="*/ 405574 w 604564"/>
                    <a:gd name="connsiteY70" fmla="*/ 353390 h 604564"/>
                    <a:gd name="connsiteX71" fmla="*/ 418606 w 604564"/>
                    <a:gd name="connsiteY71" fmla="*/ 336817 h 604564"/>
                    <a:gd name="connsiteX72" fmla="*/ 418861 w 604564"/>
                    <a:gd name="connsiteY72" fmla="*/ 336278 h 604564"/>
                    <a:gd name="connsiteX73" fmla="*/ 434074 w 604564"/>
                    <a:gd name="connsiteY73" fmla="*/ 269929 h 604564"/>
                    <a:gd name="connsiteX74" fmla="*/ 302990 w 604564"/>
                    <a:gd name="connsiteY74" fmla="*/ 128279 h 604564"/>
                    <a:gd name="connsiteX75" fmla="*/ 172020 w 604564"/>
                    <a:gd name="connsiteY75" fmla="*/ 269929 h 604564"/>
                    <a:gd name="connsiteX76" fmla="*/ 179840 w 604564"/>
                    <a:gd name="connsiteY76" fmla="*/ 318090 h 604564"/>
                    <a:gd name="connsiteX77" fmla="*/ 201370 w 604564"/>
                    <a:gd name="connsiteY77" fmla="*/ 353248 h 604564"/>
                    <a:gd name="connsiteX78" fmla="*/ 177431 w 604564"/>
                    <a:gd name="connsiteY78" fmla="*/ 456483 h 604564"/>
                    <a:gd name="connsiteX79" fmla="*/ 177913 w 604564"/>
                    <a:gd name="connsiteY79" fmla="*/ 471923 h 604564"/>
                    <a:gd name="connsiteX80" fmla="*/ 133237 w 604564"/>
                    <a:gd name="connsiteY80" fmla="*/ 519008 h 604564"/>
                    <a:gd name="connsiteX81" fmla="*/ 128109 w 604564"/>
                    <a:gd name="connsiteY81" fmla="*/ 536147 h 604564"/>
                    <a:gd name="connsiteX82" fmla="*/ 128109 w 604564"/>
                    <a:gd name="connsiteY82" fmla="*/ 536544 h 604564"/>
                    <a:gd name="connsiteX83" fmla="*/ 67946 w 604564"/>
                    <a:gd name="connsiteY83" fmla="*/ 127637 h 604564"/>
                    <a:gd name="connsiteX84" fmla="*/ 476852 w 604564"/>
                    <a:gd name="connsiteY84" fmla="*/ 67474 h 604564"/>
                    <a:gd name="connsiteX85" fmla="*/ 537014 w 604564"/>
                    <a:gd name="connsiteY85" fmla="*/ 476382 h 604564"/>
                    <a:gd name="connsiteX86" fmla="*/ 478779 w 604564"/>
                    <a:gd name="connsiteY86" fmla="*/ 535099 h 6045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604564" h="604564">
                      <a:moveTo>
                        <a:pt x="604564" y="302396"/>
                      </a:moveTo>
                      <a:cubicBezTo>
                        <a:pt x="604627" y="135450"/>
                        <a:pt x="469342" y="63"/>
                        <a:pt x="302396" y="0"/>
                      </a:cubicBezTo>
                      <a:cubicBezTo>
                        <a:pt x="135450" y="-63"/>
                        <a:pt x="63" y="135223"/>
                        <a:pt x="0" y="302169"/>
                      </a:cubicBezTo>
                      <a:cubicBezTo>
                        <a:pt x="-63" y="469115"/>
                        <a:pt x="135223" y="604502"/>
                        <a:pt x="302169" y="604564"/>
                      </a:cubicBezTo>
                      <a:cubicBezTo>
                        <a:pt x="302226" y="604564"/>
                        <a:pt x="302282" y="604564"/>
                        <a:pt x="302339" y="604564"/>
                      </a:cubicBezTo>
                      <a:lnTo>
                        <a:pt x="304039" y="604564"/>
                      </a:lnTo>
                      <a:cubicBezTo>
                        <a:pt x="306872" y="604564"/>
                        <a:pt x="309506" y="604564"/>
                        <a:pt x="312198" y="604395"/>
                      </a:cubicBezTo>
                      <a:cubicBezTo>
                        <a:pt x="313784" y="604395"/>
                        <a:pt x="315371" y="604395"/>
                        <a:pt x="316929" y="604225"/>
                      </a:cubicBezTo>
                      <a:lnTo>
                        <a:pt x="320867" y="603998"/>
                      </a:lnTo>
                      <a:cubicBezTo>
                        <a:pt x="325003" y="603743"/>
                        <a:pt x="329083" y="603431"/>
                        <a:pt x="333162" y="603006"/>
                      </a:cubicBezTo>
                      <a:lnTo>
                        <a:pt x="333162" y="603006"/>
                      </a:lnTo>
                      <a:cubicBezTo>
                        <a:pt x="338431" y="602496"/>
                        <a:pt x="343673" y="601873"/>
                        <a:pt x="348857" y="601080"/>
                      </a:cubicBezTo>
                      <a:cubicBezTo>
                        <a:pt x="392321" y="594388"/>
                        <a:pt x="433776" y="578206"/>
                        <a:pt x="470280" y="553684"/>
                      </a:cubicBezTo>
                      <a:cubicBezTo>
                        <a:pt x="473764" y="551332"/>
                        <a:pt x="477221" y="548924"/>
                        <a:pt x="480592" y="546431"/>
                      </a:cubicBezTo>
                      <a:lnTo>
                        <a:pt x="480592" y="546261"/>
                      </a:lnTo>
                      <a:cubicBezTo>
                        <a:pt x="558466" y="489414"/>
                        <a:pt x="604525" y="398811"/>
                        <a:pt x="604564" y="302396"/>
                      </a:cubicBezTo>
                      <a:close/>
                      <a:moveTo>
                        <a:pt x="138024" y="543428"/>
                      </a:moveTo>
                      <a:cubicBezTo>
                        <a:pt x="144739" y="505324"/>
                        <a:pt x="168026" y="474331"/>
                        <a:pt x="248512" y="463877"/>
                      </a:cubicBezTo>
                      <a:lnTo>
                        <a:pt x="259051" y="518668"/>
                      </a:lnTo>
                      <a:lnTo>
                        <a:pt x="275199" y="507590"/>
                      </a:lnTo>
                      <a:lnTo>
                        <a:pt x="303529" y="580626"/>
                      </a:lnTo>
                      <a:lnTo>
                        <a:pt x="331859" y="507562"/>
                      </a:lnTo>
                      <a:lnTo>
                        <a:pt x="348035" y="518668"/>
                      </a:lnTo>
                      <a:lnTo>
                        <a:pt x="358376" y="463877"/>
                      </a:lnTo>
                      <a:cubicBezTo>
                        <a:pt x="438125" y="474218"/>
                        <a:pt x="461724" y="504757"/>
                        <a:pt x="468693" y="542408"/>
                      </a:cubicBezTo>
                      <a:cubicBezTo>
                        <a:pt x="422212" y="574773"/>
                        <a:pt x="367286" y="592850"/>
                        <a:pt x="310668" y="594422"/>
                      </a:cubicBezTo>
                      <a:lnTo>
                        <a:pt x="307523" y="594422"/>
                      </a:lnTo>
                      <a:lnTo>
                        <a:pt x="302282" y="594422"/>
                      </a:lnTo>
                      <a:lnTo>
                        <a:pt x="300044" y="594422"/>
                      </a:lnTo>
                      <a:cubicBezTo>
                        <a:pt x="297721" y="594422"/>
                        <a:pt x="295398" y="594422"/>
                        <a:pt x="293075" y="594281"/>
                      </a:cubicBezTo>
                      <a:lnTo>
                        <a:pt x="290384" y="594281"/>
                      </a:lnTo>
                      <a:cubicBezTo>
                        <a:pt x="235828" y="591983"/>
                        <a:pt x="183024" y="574359"/>
                        <a:pt x="138024" y="543428"/>
                      </a:cubicBezTo>
                      <a:close/>
                      <a:moveTo>
                        <a:pt x="299903" y="477249"/>
                      </a:moveTo>
                      <a:lnTo>
                        <a:pt x="266700" y="499913"/>
                      </a:lnTo>
                      <a:lnTo>
                        <a:pt x="258597" y="457673"/>
                      </a:lnTo>
                      <a:lnTo>
                        <a:pt x="263498" y="447304"/>
                      </a:lnTo>
                      <a:close/>
                      <a:moveTo>
                        <a:pt x="268739" y="420050"/>
                      </a:moveTo>
                      <a:cubicBezTo>
                        <a:pt x="291078" y="428530"/>
                        <a:pt x="315750" y="428530"/>
                        <a:pt x="338091" y="420050"/>
                      </a:cubicBezTo>
                      <a:lnTo>
                        <a:pt x="338091" y="437700"/>
                      </a:lnTo>
                      <a:lnTo>
                        <a:pt x="303727" y="466257"/>
                      </a:lnTo>
                      <a:lnTo>
                        <a:pt x="268739" y="437530"/>
                      </a:lnTo>
                      <a:close/>
                      <a:moveTo>
                        <a:pt x="303444" y="488043"/>
                      </a:moveTo>
                      <a:lnTo>
                        <a:pt x="322028" y="500820"/>
                      </a:lnTo>
                      <a:lnTo>
                        <a:pt x="303444" y="549179"/>
                      </a:lnTo>
                      <a:lnTo>
                        <a:pt x="284831" y="500820"/>
                      </a:lnTo>
                      <a:close/>
                      <a:moveTo>
                        <a:pt x="307410" y="477362"/>
                      </a:moveTo>
                      <a:lnTo>
                        <a:pt x="343446" y="447389"/>
                      </a:lnTo>
                      <a:lnTo>
                        <a:pt x="348319" y="457645"/>
                      </a:lnTo>
                      <a:lnTo>
                        <a:pt x="340216" y="499913"/>
                      </a:lnTo>
                      <a:close/>
                      <a:moveTo>
                        <a:pt x="303302" y="415206"/>
                      </a:moveTo>
                      <a:cubicBezTo>
                        <a:pt x="280808" y="415206"/>
                        <a:pt x="238964" y="406169"/>
                        <a:pt x="211371" y="345571"/>
                      </a:cubicBezTo>
                      <a:lnTo>
                        <a:pt x="210719" y="344126"/>
                      </a:lnTo>
                      <a:lnTo>
                        <a:pt x="209161" y="344126"/>
                      </a:lnTo>
                      <a:cubicBezTo>
                        <a:pt x="201370" y="343956"/>
                        <a:pt x="195761" y="331944"/>
                        <a:pt x="193296" y="321717"/>
                      </a:cubicBezTo>
                      <a:cubicBezTo>
                        <a:pt x="192254" y="316430"/>
                        <a:pt x="192554" y="310963"/>
                        <a:pt x="194175" y="305824"/>
                      </a:cubicBezTo>
                      <a:cubicBezTo>
                        <a:pt x="196668" y="296560"/>
                        <a:pt x="199302" y="296701"/>
                        <a:pt x="200152" y="296758"/>
                      </a:cubicBezTo>
                      <a:lnTo>
                        <a:pt x="201059" y="296758"/>
                      </a:lnTo>
                      <a:lnTo>
                        <a:pt x="301999" y="223071"/>
                      </a:lnTo>
                      <a:lnTo>
                        <a:pt x="404639" y="296730"/>
                      </a:lnTo>
                      <a:lnTo>
                        <a:pt x="405489" y="296730"/>
                      </a:lnTo>
                      <a:cubicBezTo>
                        <a:pt x="408010" y="296730"/>
                        <a:pt x="409597" y="300837"/>
                        <a:pt x="410277" y="303330"/>
                      </a:cubicBezTo>
                      <a:cubicBezTo>
                        <a:pt x="413110" y="313218"/>
                        <a:pt x="412175" y="318062"/>
                        <a:pt x="409483" y="327524"/>
                      </a:cubicBezTo>
                      <a:cubicBezTo>
                        <a:pt x="406650" y="338063"/>
                        <a:pt x="402288" y="344097"/>
                        <a:pt x="397925" y="344097"/>
                      </a:cubicBezTo>
                      <a:lnTo>
                        <a:pt x="396338" y="344097"/>
                      </a:lnTo>
                      <a:lnTo>
                        <a:pt x="395658" y="345571"/>
                      </a:lnTo>
                      <a:cubicBezTo>
                        <a:pt x="375516" y="389936"/>
                        <a:pt x="341831" y="415319"/>
                        <a:pt x="303274" y="415319"/>
                      </a:cubicBezTo>
                      <a:close/>
                      <a:moveTo>
                        <a:pt x="478609" y="535099"/>
                      </a:moveTo>
                      <a:cubicBezTo>
                        <a:pt x="477385" y="529620"/>
                        <a:pt x="475747" y="524240"/>
                        <a:pt x="473708" y="519008"/>
                      </a:cubicBezTo>
                      <a:cubicBezTo>
                        <a:pt x="465719" y="498978"/>
                        <a:pt x="450704" y="483142"/>
                        <a:pt x="429059" y="471923"/>
                      </a:cubicBezTo>
                      <a:cubicBezTo>
                        <a:pt x="429371" y="466852"/>
                        <a:pt x="429541" y="461667"/>
                        <a:pt x="429541" y="456483"/>
                      </a:cubicBezTo>
                      <a:cubicBezTo>
                        <a:pt x="429892" y="420699"/>
                        <a:pt x="421674" y="385349"/>
                        <a:pt x="405574" y="353390"/>
                      </a:cubicBezTo>
                      <a:cubicBezTo>
                        <a:pt x="412146" y="349990"/>
                        <a:pt x="415688" y="342738"/>
                        <a:pt x="418606" y="336817"/>
                      </a:cubicBezTo>
                      <a:lnTo>
                        <a:pt x="418861" y="336278"/>
                      </a:lnTo>
                      <a:cubicBezTo>
                        <a:pt x="428898" y="315603"/>
                        <a:pt x="434102" y="292913"/>
                        <a:pt x="434074" y="269929"/>
                      </a:cubicBezTo>
                      <a:cubicBezTo>
                        <a:pt x="434074" y="191738"/>
                        <a:pt x="375261" y="128279"/>
                        <a:pt x="302990" y="128279"/>
                      </a:cubicBezTo>
                      <a:cubicBezTo>
                        <a:pt x="230720" y="128279"/>
                        <a:pt x="172020" y="191738"/>
                        <a:pt x="172020" y="269929"/>
                      </a:cubicBezTo>
                      <a:cubicBezTo>
                        <a:pt x="172009" y="286301"/>
                        <a:pt x="174649" y="302566"/>
                        <a:pt x="179840" y="318090"/>
                      </a:cubicBezTo>
                      <a:cubicBezTo>
                        <a:pt x="186327" y="337525"/>
                        <a:pt x="193410" y="349084"/>
                        <a:pt x="201370" y="353248"/>
                      </a:cubicBezTo>
                      <a:cubicBezTo>
                        <a:pt x="185259" y="385253"/>
                        <a:pt x="177049" y="420654"/>
                        <a:pt x="177431" y="456483"/>
                      </a:cubicBezTo>
                      <a:cubicBezTo>
                        <a:pt x="177431" y="461582"/>
                        <a:pt x="177431" y="466767"/>
                        <a:pt x="177913" y="471923"/>
                      </a:cubicBezTo>
                      <a:cubicBezTo>
                        <a:pt x="156241" y="483255"/>
                        <a:pt x="141084" y="498950"/>
                        <a:pt x="133237" y="519008"/>
                      </a:cubicBezTo>
                      <a:cubicBezTo>
                        <a:pt x="131049" y="524566"/>
                        <a:pt x="129334" y="530300"/>
                        <a:pt x="128109" y="536147"/>
                      </a:cubicBezTo>
                      <a:lnTo>
                        <a:pt x="128109" y="536544"/>
                      </a:lnTo>
                      <a:cubicBezTo>
                        <a:pt x="-1421" y="440241"/>
                        <a:pt x="-28357" y="257167"/>
                        <a:pt x="67946" y="127637"/>
                      </a:cubicBezTo>
                      <a:cubicBezTo>
                        <a:pt x="164248" y="-1892"/>
                        <a:pt x="347321" y="-28828"/>
                        <a:pt x="476852" y="67474"/>
                      </a:cubicBezTo>
                      <a:cubicBezTo>
                        <a:pt x="606383" y="163777"/>
                        <a:pt x="633317" y="346851"/>
                        <a:pt x="537014" y="476382"/>
                      </a:cubicBezTo>
                      <a:cubicBezTo>
                        <a:pt x="520484" y="498616"/>
                        <a:pt x="500876" y="518384"/>
                        <a:pt x="478779" y="535099"/>
                      </a:cubicBezTo>
                      <a:close/>
                    </a:path>
                  </a:pathLst>
                </a:custGeom>
                <a:solidFill>
                  <a:schemeClr val="accent2"/>
                </a:solidFill>
                <a:ln w="2811" cap="flat">
                  <a:noFill/>
                  <a:prstDash val="solid"/>
                  <a:miter/>
                </a:ln>
              </p:spPr>
              <p:txBody>
                <a:bodyPr rtlCol="0" anchor="ctr"/>
                <a:lstStyle/>
                <a:p>
                  <a:endParaRPr lang="en-US"/>
                </a:p>
              </p:txBody>
            </p:sp>
            <p:sp>
              <p:nvSpPr>
                <p:cNvPr id="211" name="Graphic 10">
                  <a:extLst>
                    <a:ext uri="{FF2B5EF4-FFF2-40B4-BE49-F238E27FC236}">
                      <a16:creationId xmlns:a16="http://schemas.microsoft.com/office/drawing/2014/main" id="{ACD3ABF3-D871-A744-93C7-8252EE0A5B8F}"/>
                    </a:ext>
                  </a:extLst>
                </p:cNvPr>
                <p:cNvSpPr/>
                <p:nvPr/>
              </p:nvSpPr>
              <p:spPr>
                <a:xfrm>
                  <a:off x="2346270" y="3235532"/>
                  <a:ext cx="227405" cy="275748"/>
                </a:xfrm>
                <a:custGeom>
                  <a:avLst/>
                  <a:gdLst>
                    <a:gd name="connsiteX0" fmla="*/ 197178 w 227405"/>
                    <a:gd name="connsiteY0" fmla="*/ 246302 h 275748"/>
                    <a:gd name="connsiteX1" fmla="*/ 204056 w 227405"/>
                    <a:gd name="connsiteY1" fmla="*/ 245880 h 275748"/>
                    <a:gd name="connsiteX2" fmla="*/ 204147 w 227405"/>
                    <a:gd name="connsiteY2" fmla="*/ 245962 h 275748"/>
                    <a:gd name="connsiteX3" fmla="*/ 211371 w 227405"/>
                    <a:gd name="connsiteY3" fmla="*/ 252506 h 275748"/>
                    <a:gd name="connsiteX4" fmla="*/ 217915 w 227405"/>
                    <a:gd name="connsiteY4" fmla="*/ 245282 h 275748"/>
                    <a:gd name="connsiteX5" fmla="*/ 224765 w 227405"/>
                    <a:gd name="connsiteY5" fmla="*/ 244528 h 275748"/>
                    <a:gd name="connsiteX6" fmla="*/ 225519 w 227405"/>
                    <a:gd name="connsiteY6" fmla="*/ 251377 h 275748"/>
                    <a:gd name="connsiteX7" fmla="*/ 225111 w 227405"/>
                    <a:gd name="connsiteY7" fmla="*/ 251826 h 275748"/>
                    <a:gd name="connsiteX8" fmla="*/ 218595 w 227405"/>
                    <a:gd name="connsiteY8" fmla="*/ 259051 h 275748"/>
                    <a:gd name="connsiteX9" fmla="*/ 225791 w 227405"/>
                    <a:gd name="connsiteY9" fmla="*/ 265595 h 275748"/>
                    <a:gd name="connsiteX10" fmla="*/ 226171 w 227405"/>
                    <a:gd name="connsiteY10" fmla="*/ 272436 h 275748"/>
                    <a:gd name="connsiteX11" fmla="*/ 226131 w 227405"/>
                    <a:gd name="connsiteY11" fmla="*/ 272479 h 275748"/>
                    <a:gd name="connsiteX12" fmla="*/ 219247 w 227405"/>
                    <a:gd name="connsiteY12" fmla="*/ 272819 h 275748"/>
                    <a:gd name="connsiteX13" fmla="*/ 212051 w 227405"/>
                    <a:gd name="connsiteY13" fmla="*/ 266275 h 275748"/>
                    <a:gd name="connsiteX14" fmla="*/ 205082 w 227405"/>
                    <a:gd name="connsiteY14" fmla="*/ 273924 h 275748"/>
                    <a:gd name="connsiteX15" fmla="*/ 198231 w 227405"/>
                    <a:gd name="connsiteY15" fmla="*/ 274677 h 275748"/>
                    <a:gd name="connsiteX16" fmla="*/ 197478 w 227405"/>
                    <a:gd name="connsiteY16" fmla="*/ 267827 h 275748"/>
                    <a:gd name="connsiteX17" fmla="*/ 197886 w 227405"/>
                    <a:gd name="connsiteY17" fmla="*/ 267380 h 275748"/>
                    <a:gd name="connsiteX18" fmla="*/ 204827 w 227405"/>
                    <a:gd name="connsiteY18" fmla="*/ 259730 h 275748"/>
                    <a:gd name="connsiteX19" fmla="*/ 197602 w 227405"/>
                    <a:gd name="connsiteY19" fmla="*/ 253186 h 275748"/>
                    <a:gd name="connsiteX20" fmla="*/ 197172 w 227405"/>
                    <a:gd name="connsiteY20" fmla="*/ 246308 h 275748"/>
                    <a:gd name="connsiteX21" fmla="*/ 197178 w 227405"/>
                    <a:gd name="connsiteY21" fmla="*/ 246302 h 275748"/>
                    <a:gd name="connsiteX22" fmla="*/ 0 w 227405"/>
                    <a:gd name="connsiteY22" fmla="*/ 23712 h 275748"/>
                    <a:gd name="connsiteX23" fmla="*/ 23712 w 227405"/>
                    <a:gd name="connsiteY23" fmla="*/ 47425 h 275748"/>
                    <a:gd name="connsiteX24" fmla="*/ 47425 w 227405"/>
                    <a:gd name="connsiteY24" fmla="*/ 23712 h 275748"/>
                    <a:gd name="connsiteX25" fmla="*/ 23712 w 227405"/>
                    <a:gd name="connsiteY25" fmla="*/ 0 h 275748"/>
                    <a:gd name="connsiteX26" fmla="*/ 23684 w 227405"/>
                    <a:gd name="connsiteY26" fmla="*/ 0 h 275748"/>
                    <a:gd name="connsiteX27" fmla="*/ 0 w 227405"/>
                    <a:gd name="connsiteY27" fmla="*/ 23684 h 275748"/>
                    <a:gd name="connsiteX28" fmla="*/ 0 w 227405"/>
                    <a:gd name="connsiteY28" fmla="*/ 23712 h 275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227405" h="275748">
                      <a:moveTo>
                        <a:pt x="197178" y="246302"/>
                      </a:moveTo>
                      <a:cubicBezTo>
                        <a:pt x="198960" y="244286"/>
                        <a:pt x="202039" y="244097"/>
                        <a:pt x="204056" y="245880"/>
                      </a:cubicBezTo>
                      <a:cubicBezTo>
                        <a:pt x="204087" y="245906"/>
                        <a:pt x="204116" y="245934"/>
                        <a:pt x="204147" y="245962"/>
                      </a:cubicBezTo>
                      <a:lnTo>
                        <a:pt x="211371" y="252506"/>
                      </a:lnTo>
                      <a:lnTo>
                        <a:pt x="217915" y="245282"/>
                      </a:lnTo>
                      <a:cubicBezTo>
                        <a:pt x="219598" y="243182"/>
                        <a:pt x="222666" y="242845"/>
                        <a:pt x="224765" y="244528"/>
                      </a:cubicBezTo>
                      <a:cubicBezTo>
                        <a:pt x="226865" y="246211"/>
                        <a:pt x="227202" y="249277"/>
                        <a:pt x="225519" y="251377"/>
                      </a:cubicBezTo>
                      <a:cubicBezTo>
                        <a:pt x="225391" y="251535"/>
                        <a:pt x="225256" y="251685"/>
                        <a:pt x="225111" y="251826"/>
                      </a:cubicBezTo>
                      <a:lnTo>
                        <a:pt x="218595" y="259051"/>
                      </a:lnTo>
                      <a:lnTo>
                        <a:pt x="225791" y="265595"/>
                      </a:lnTo>
                      <a:cubicBezTo>
                        <a:pt x="227785" y="267380"/>
                        <a:pt x="227955" y="270442"/>
                        <a:pt x="226171" y="272436"/>
                      </a:cubicBezTo>
                      <a:cubicBezTo>
                        <a:pt x="226156" y="272451"/>
                        <a:pt x="226145" y="272465"/>
                        <a:pt x="226131" y="272479"/>
                      </a:cubicBezTo>
                      <a:cubicBezTo>
                        <a:pt x="224318" y="274459"/>
                        <a:pt x="221247" y="274612"/>
                        <a:pt x="219247" y="272819"/>
                      </a:cubicBezTo>
                      <a:lnTo>
                        <a:pt x="212051" y="266275"/>
                      </a:lnTo>
                      <a:lnTo>
                        <a:pt x="205082" y="273924"/>
                      </a:lnTo>
                      <a:cubicBezTo>
                        <a:pt x="203399" y="276023"/>
                        <a:pt x="200331" y="276360"/>
                        <a:pt x="198231" y="274677"/>
                      </a:cubicBezTo>
                      <a:cubicBezTo>
                        <a:pt x="196132" y="272995"/>
                        <a:pt x="195795" y="269929"/>
                        <a:pt x="197478" y="267827"/>
                      </a:cubicBezTo>
                      <a:cubicBezTo>
                        <a:pt x="197605" y="267671"/>
                        <a:pt x="197741" y="267521"/>
                        <a:pt x="197886" y="267380"/>
                      </a:cubicBezTo>
                      <a:lnTo>
                        <a:pt x="204827" y="259730"/>
                      </a:lnTo>
                      <a:lnTo>
                        <a:pt x="197602" y="253186"/>
                      </a:lnTo>
                      <a:cubicBezTo>
                        <a:pt x="195585" y="251406"/>
                        <a:pt x="195393" y="248327"/>
                        <a:pt x="197172" y="246308"/>
                      </a:cubicBezTo>
                      <a:cubicBezTo>
                        <a:pt x="197175" y="246306"/>
                        <a:pt x="197175" y="246304"/>
                        <a:pt x="197178" y="246302"/>
                      </a:cubicBezTo>
                      <a:close/>
                      <a:moveTo>
                        <a:pt x="0" y="23712"/>
                      </a:moveTo>
                      <a:cubicBezTo>
                        <a:pt x="0" y="36808"/>
                        <a:pt x="10615" y="47425"/>
                        <a:pt x="23712" y="47425"/>
                      </a:cubicBezTo>
                      <a:cubicBezTo>
                        <a:pt x="36809" y="47425"/>
                        <a:pt x="47425" y="36808"/>
                        <a:pt x="47425" y="23712"/>
                      </a:cubicBezTo>
                      <a:cubicBezTo>
                        <a:pt x="47425" y="10616"/>
                        <a:pt x="36809" y="0"/>
                        <a:pt x="23712" y="0"/>
                      </a:cubicBezTo>
                      <a:cubicBezTo>
                        <a:pt x="23704" y="0"/>
                        <a:pt x="23692" y="0"/>
                        <a:pt x="23684" y="0"/>
                      </a:cubicBezTo>
                      <a:cubicBezTo>
                        <a:pt x="10604" y="0"/>
                        <a:pt x="0" y="10604"/>
                        <a:pt x="0" y="23684"/>
                      </a:cubicBezTo>
                      <a:cubicBezTo>
                        <a:pt x="0" y="23693"/>
                        <a:pt x="0" y="23703"/>
                        <a:pt x="0" y="23712"/>
                      </a:cubicBezTo>
                      <a:close/>
                    </a:path>
                  </a:pathLst>
                </a:custGeom>
                <a:solidFill>
                  <a:schemeClr val="accent1"/>
                </a:solidFill>
                <a:ln w="2811" cap="flat">
                  <a:noFill/>
                  <a:prstDash val="solid"/>
                  <a:miter/>
                </a:ln>
              </p:spPr>
              <p:txBody>
                <a:bodyPr rtlCol="0" anchor="ctr"/>
                <a:lstStyle/>
                <a:p>
                  <a:endParaRPr lang="en-US"/>
                </a:p>
              </p:txBody>
            </p:sp>
            <p:sp>
              <p:nvSpPr>
                <p:cNvPr id="212" name="Graphic 10">
                  <a:extLst>
                    <a:ext uri="{FF2B5EF4-FFF2-40B4-BE49-F238E27FC236}">
                      <a16:creationId xmlns:a16="http://schemas.microsoft.com/office/drawing/2014/main" id="{E9B91E87-4B78-EF4B-8748-4C10DDD797FD}"/>
                    </a:ext>
                  </a:extLst>
                </p:cNvPr>
                <p:cNvSpPr/>
                <p:nvPr/>
              </p:nvSpPr>
              <p:spPr>
                <a:xfrm>
                  <a:off x="1983714" y="3248468"/>
                  <a:ext cx="773201" cy="767757"/>
                </a:xfrm>
                <a:custGeom>
                  <a:avLst/>
                  <a:gdLst>
                    <a:gd name="connsiteX0" fmla="*/ 452249 w 773201"/>
                    <a:gd name="connsiteY0" fmla="*/ 295 h 767757"/>
                    <a:gd name="connsiteX1" fmla="*/ 451541 w 773201"/>
                    <a:gd name="connsiteY1" fmla="*/ 295 h 767757"/>
                    <a:gd name="connsiteX2" fmla="*/ 449841 w 773201"/>
                    <a:gd name="connsiteY2" fmla="*/ 12 h 767757"/>
                    <a:gd name="connsiteX3" fmla="*/ 437081 w 773201"/>
                    <a:gd name="connsiteY3" fmla="*/ 12863 h 767757"/>
                    <a:gd name="connsiteX4" fmla="*/ 446725 w 773201"/>
                    <a:gd name="connsiteY4" fmla="*/ 25225 h 767757"/>
                    <a:gd name="connsiteX5" fmla="*/ 447008 w 773201"/>
                    <a:gd name="connsiteY5" fmla="*/ 25225 h 767757"/>
                    <a:gd name="connsiteX6" fmla="*/ 448142 w 773201"/>
                    <a:gd name="connsiteY6" fmla="*/ 25509 h 767757"/>
                    <a:gd name="connsiteX7" fmla="*/ 452391 w 773201"/>
                    <a:gd name="connsiteY7" fmla="*/ 26075 h 767757"/>
                    <a:gd name="connsiteX8" fmla="*/ 741384 w 773201"/>
                    <a:gd name="connsiteY8" fmla="*/ 447200 h 767757"/>
                    <a:gd name="connsiteX9" fmla="*/ 320259 w 773201"/>
                    <a:gd name="connsiteY9" fmla="*/ 736192 h 767757"/>
                    <a:gd name="connsiteX10" fmla="*/ 25173 w 773201"/>
                    <a:gd name="connsiteY10" fmla="*/ 381052 h 767757"/>
                    <a:gd name="connsiteX11" fmla="*/ 320656 w 773201"/>
                    <a:gd name="connsiteY11" fmla="*/ 26075 h 767757"/>
                    <a:gd name="connsiteX12" fmla="*/ 324906 w 773201"/>
                    <a:gd name="connsiteY12" fmla="*/ 25509 h 767757"/>
                    <a:gd name="connsiteX13" fmla="*/ 326889 w 773201"/>
                    <a:gd name="connsiteY13" fmla="*/ 25225 h 767757"/>
                    <a:gd name="connsiteX14" fmla="*/ 327172 w 773201"/>
                    <a:gd name="connsiteY14" fmla="*/ 25225 h 767757"/>
                    <a:gd name="connsiteX15" fmla="*/ 335951 w 773201"/>
                    <a:gd name="connsiteY15" fmla="*/ 9296 h 767757"/>
                    <a:gd name="connsiteX16" fmla="*/ 323886 w 773201"/>
                    <a:gd name="connsiteY16" fmla="*/ 12 h 767757"/>
                    <a:gd name="connsiteX17" fmla="*/ 323886 w 773201"/>
                    <a:gd name="connsiteY17" fmla="*/ 12 h 767757"/>
                    <a:gd name="connsiteX18" fmla="*/ 321903 w 773201"/>
                    <a:gd name="connsiteY18" fmla="*/ 295 h 767757"/>
                    <a:gd name="connsiteX19" fmla="*/ 5501 w 773201"/>
                    <a:gd name="connsiteY19" fmla="*/ 445916 h 767757"/>
                    <a:gd name="connsiteX20" fmla="*/ 386779 w 773201"/>
                    <a:gd name="connsiteY20" fmla="*/ 767758 h 767757"/>
                    <a:gd name="connsiteX21" fmla="*/ 773201 w 773201"/>
                    <a:gd name="connsiteY21" fmla="*/ 381052 h 767757"/>
                    <a:gd name="connsiteX22" fmla="*/ 452249 w 773201"/>
                    <a:gd name="connsiteY22" fmla="*/ 295 h 7677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73201" h="767757">
                      <a:moveTo>
                        <a:pt x="452249" y="295"/>
                      </a:moveTo>
                      <a:lnTo>
                        <a:pt x="451541" y="295"/>
                      </a:lnTo>
                      <a:cubicBezTo>
                        <a:pt x="450975" y="295"/>
                        <a:pt x="450408" y="12"/>
                        <a:pt x="449841" y="12"/>
                      </a:cubicBezTo>
                      <a:cubicBezTo>
                        <a:pt x="442770" y="37"/>
                        <a:pt x="437056" y="5790"/>
                        <a:pt x="437081" y="12863"/>
                      </a:cubicBezTo>
                      <a:cubicBezTo>
                        <a:pt x="437104" y="18700"/>
                        <a:pt x="441067" y="23784"/>
                        <a:pt x="446725" y="25225"/>
                      </a:cubicBezTo>
                      <a:lnTo>
                        <a:pt x="447008" y="25225"/>
                      </a:lnTo>
                      <a:cubicBezTo>
                        <a:pt x="447292" y="25225"/>
                        <a:pt x="447858" y="25509"/>
                        <a:pt x="448142" y="25509"/>
                      </a:cubicBezTo>
                      <a:lnTo>
                        <a:pt x="452391" y="26075"/>
                      </a:lnTo>
                      <a:cubicBezTo>
                        <a:pt x="648484" y="62563"/>
                        <a:pt x="777870" y="251106"/>
                        <a:pt x="741384" y="447200"/>
                      </a:cubicBezTo>
                      <a:cubicBezTo>
                        <a:pt x="704897" y="643292"/>
                        <a:pt x="516352" y="772678"/>
                        <a:pt x="320259" y="736192"/>
                      </a:cubicBezTo>
                      <a:cubicBezTo>
                        <a:pt x="149185" y="704360"/>
                        <a:pt x="25134" y="555064"/>
                        <a:pt x="25173" y="381052"/>
                      </a:cubicBezTo>
                      <a:cubicBezTo>
                        <a:pt x="25173" y="204272"/>
                        <a:pt x="152659" y="57239"/>
                        <a:pt x="320656" y="26075"/>
                      </a:cubicBezTo>
                      <a:lnTo>
                        <a:pt x="324906" y="25509"/>
                      </a:lnTo>
                      <a:cubicBezTo>
                        <a:pt x="325472" y="25509"/>
                        <a:pt x="326039" y="25225"/>
                        <a:pt x="326889" y="25225"/>
                      </a:cubicBezTo>
                      <a:lnTo>
                        <a:pt x="327172" y="25225"/>
                      </a:lnTo>
                      <a:cubicBezTo>
                        <a:pt x="333997" y="23251"/>
                        <a:pt x="337926" y="16119"/>
                        <a:pt x="335951" y="9296"/>
                      </a:cubicBezTo>
                      <a:cubicBezTo>
                        <a:pt x="334390" y="3897"/>
                        <a:pt x="329504" y="138"/>
                        <a:pt x="323886" y="12"/>
                      </a:cubicBezTo>
                      <a:lnTo>
                        <a:pt x="323886" y="12"/>
                      </a:lnTo>
                      <a:cubicBezTo>
                        <a:pt x="323211" y="-36"/>
                        <a:pt x="322537" y="61"/>
                        <a:pt x="321903" y="295"/>
                      </a:cubicBezTo>
                      <a:cubicBezTo>
                        <a:pt x="111476" y="35978"/>
                        <a:pt x="-30182" y="235490"/>
                        <a:pt x="5501" y="445916"/>
                      </a:cubicBezTo>
                      <a:cubicBezTo>
                        <a:pt x="37033" y="631861"/>
                        <a:pt x="198179" y="767888"/>
                        <a:pt x="386779" y="767758"/>
                      </a:cubicBezTo>
                      <a:cubicBezTo>
                        <a:pt x="600104" y="767758"/>
                        <a:pt x="773201" y="594094"/>
                        <a:pt x="773201" y="381052"/>
                      </a:cubicBezTo>
                      <a:cubicBezTo>
                        <a:pt x="772989" y="192992"/>
                        <a:pt x="637562" y="32329"/>
                        <a:pt x="452249" y="295"/>
                      </a:cubicBezTo>
                      <a:close/>
                    </a:path>
                  </a:pathLst>
                </a:custGeom>
                <a:solidFill>
                  <a:schemeClr val="accent2"/>
                </a:solidFill>
                <a:ln w="2811" cap="flat">
                  <a:noFill/>
                  <a:prstDash val="solid"/>
                  <a:miter/>
                </a:ln>
              </p:spPr>
              <p:txBody>
                <a:bodyPr rtlCol="0" anchor="ctr"/>
                <a:lstStyle/>
                <a:p>
                  <a:endParaRPr lang="en-US"/>
                </a:p>
              </p:txBody>
            </p:sp>
          </p:grpSp>
          <p:grpSp>
            <p:nvGrpSpPr>
              <p:cNvPr id="213" name="Group 212">
                <a:extLst>
                  <a:ext uri="{FF2B5EF4-FFF2-40B4-BE49-F238E27FC236}">
                    <a16:creationId xmlns:a16="http://schemas.microsoft.com/office/drawing/2014/main" id="{31407CBD-7790-F34F-ACE5-944241BB6844}"/>
                  </a:ext>
                </a:extLst>
              </p:cNvPr>
              <p:cNvGrpSpPr>
                <a:grpSpLocks noChangeAspect="1"/>
              </p:cNvGrpSpPr>
              <p:nvPr/>
            </p:nvGrpSpPr>
            <p:grpSpPr>
              <a:xfrm>
                <a:off x="10225080" y="4459280"/>
                <a:ext cx="543376" cy="548640"/>
                <a:chOff x="1983714" y="3235532"/>
                <a:chExt cx="773201" cy="780693"/>
              </a:xfrm>
            </p:grpSpPr>
            <p:sp>
              <p:nvSpPr>
                <p:cNvPr id="214" name="Graphic 10">
                  <a:extLst>
                    <a:ext uri="{FF2B5EF4-FFF2-40B4-BE49-F238E27FC236}">
                      <a16:creationId xmlns:a16="http://schemas.microsoft.com/office/drawing/2014/main" id="{23DC53FF-221C-7A4F-8D3D-06EE157D77FF}"/>
                    </a:ext>
                  </a:extLst>
                </p:cNvPr>
                <p:cNvSpPr/>
                <p:nvPr/>
              </p:nvSpPr>
              <p:spPr>
                <a:xfrm>
                  <a:off x="2120289" y="3574814"/>
                  <a:ext cx="520501" cy="163974"/>
                </a:xfrm>
                <a:custGeom>
                  <a:avLst/>
                  <a:gdLst>
                    <a:gd name="connsiteX0" fmla="*/ 82971 w 520501"/>
                    <a:gd name="connsiteY0" fmla="*/ 135078 h 163974"/>
                    <a:gd name="connsiteX1" fmla="*/ 4638 w 520501"/>
                    <a:gd name="connsiteY1" fmla="*/ 135078 h 163974"/>
                    <a:gd name="connsiteX2" fmla="*/ 14 w 520501"/>
                    <a:gd name="connsiteY2" fmla="*/ 129701 h 163974"/>
                    <a:gd name="connsiteX3" fmla="*/ 4638 w 520501"/>
                    <a:gd name="connsiteY3" fmla="*/ 125077 h 163974"/>
                    <a:gd name="connsiteX4" fmla="*/ 82971 w 520501"/>
                    <a:gd name="connsiteY4" fmla="*/ 125077 h 163974"/>
                    <a:gd name="connsiteX5" fmla="*/ 87594 w 520501"/>
                    <a:gd name="connsiteY5" fmla="*/ 130454 h 163974"/>
                    <a:gd name="connsiteX6" fmla="*/ 82971 w 520501"/>
                    <a:gd name="connsiteY6" fmla="*/ 135078 h 163974"/>
                    <a:gd name="connsiteX7" fmla="*/ 66143 w 520501"/>
                    <a:gd name="connsiteY7" fmla="*/ 158989 h 163974"/>
                    <a:gd name="connsiteX8" fmla="*/ 61157 w 520501"/>
                    <a:gd name="connsiteY8" fmla="*/ 154002 h 163974"/>
                    <a:gd name="connsiteX9" fmla="*/ 15829 w 520501"/>
                    <a:gd name="connsiteY9" fmla="*/ 154002 h 163974"/>
                    <a:gd name="connsiteX10" fmla="*/ 10842 w 520501"/>
                    <a:gd name="connsiteY10" fmla="*/ 158989 h 163974"/>
                    <a:gd name="connsiteX11" fmla="*/ 15829 w 520501"/>
                    <a:gd name="connsiteY11" fmla="*/ 163975 h 163974"/>
                    <a:gd name="connsiteX12" fmla="*/ 61157 w 520501"/>
                    <a:gd name="connsiteY12" fmla="*/ 163975 h 163974"/>
                    <a:gd name="connsiteX13" fmla="*/ 66143 w 520501"/>
                    <a:gd name="connsiteY13" fmla="*/ 158989 h 163974"/>
                    <a:gd name="connsiteX14" fmla="*/ 520501 w 520501"/>
                    <a:gd name="connsiteY14" fmla="*/ 4986 h 163974"/>
                    <a:gd name="connsiteX15" fmla="*/ 515515 w 520501"/>
                    <a:gd name="connsiteY15" fmla="*/ 0 h 163974"/>
                    <a:gd name="connsiteX16" fmla="*/ 515487 w 520501"/>
                    <a:gd name="connsiteY16" fmla="*/ 0 h 163974"/>
                    <a:gd name="connsiteX17" fmla="*/ 423867 w 520501"/>
                    <a:gd name="connsiteY17" fmla="*/ 0 h 163974"/>
                    <a:gd name="connsiteX18" fmla="*/ 419244 w 520501"/>
                    <a:gd name="connsiteY18" fmla="*/ 5377 h 163974"/>
                    <a:gd name="connsiteX19" fmla="*/ 423867 w 520501"/>
                    <a:gd name="connsiteY19" fmla="*/ 10001 h 163974"/>
                    <a:gd name="connsiteX20" fmla="*/ 515487 w 520501"/>
                    <a:gd name="connsiteY20" fmla="*/ 10001 h 163974"/>
                    <a:gd name="connsiteX21" fmla="*/ 520501 w 520501"/>
                    <a:gd name="connsiteY21" fmla="*/ 4986 h 163974"/>
                    <a:gd name="connsiteX22" fmla="*/ 467864 w 520501"/>
                    <a:gd name="connsiteY22" fmla="*/ 35724 h 163974"/>
                    <a:gd name="connsiteX23" fmla="*/ 462878 w 520501"/>
                    <a:gd name="connsiteY23" fmla="*/ 30738 h 163974"/>
                    <a:gd name="connsiteX24" fmla="*/ 421856 w 520501"/>
                    <a:gd name="connsiteY24" fmla="*/ 30738 h 163974"/>
                    <a:gd name="connsiteX25" fmla="*/ 416870 w 520501"/>
                    <a:gd name="connsiteY25" fmla="*/ 35724 h 163974"/>
                    <a:gd name="connsiteX26" fmla="*/ 421856 w 520501"/>
                    <a:gd name="connsiteY26" fmla="*/ 40710 h 163974"/>
                    <a:gd name="connsiteX27" fmla="*/ 462878 w 520501"/>
                    <a:gd name="connsiteY27" fmla="*/ 40710 h 163974"/>
                    <a:gd name="connsiteX28" fmla="*/ 467864 w 520501"/>
                    <a:gd name="connsiteY28" fmla="*/ 35753 h 163974"/>
                    <a:gd name="connsiteX29" fmla="*/ 520501 w 520501"/>
                    <a:gd name="connsiteY29" fmla="*/ 66462 h 163974"/>
                    <a:gd name="connsiteX30" fmla="*/ 515515 w 520501"/>
                    <a:gd name="connsiteY30" fmla="*/ 61476 h 163974"/>
                    <a:gd name="connsiteX31" fmla="*/ 515487 w 520501"/>
                    <a:gd name="connsiteY31" fmla="*/ 61476 h 163974"/>
                    <a:gd name="connsiteX32" fmla="*/ 442367 w 520501"/>
                    <a:gd name="connsiteY32" fmla="*/ 61476 h 163974"/>
                    <a:gd name="connsiteX33" fmla="*/ 437381 w 520501"/>
                    <a:gd name="connsiteY33" fmla="*/ 66462 h 163974"/>
                    <a:gd name="connsiteX34" fmla="*/ 442367 w 520501"/>
                    <a:gd name="connsiteY34" fmla="*/ 71449 h 163974"/>
                    <a:gd name="connsiteX35" fmla="*/ 515487 w 520501"/>
                    <a:gd name="connsiteY35" fmla="*/ 71449 h 163974"/>
                    <a:gd name="connsiteX36" fmla="*/ 520501 w 520501"/>
                    <a:gd name="connsiteY36" fmla="*/ 66491 h 163974"/>
                    <a:gd name="connsiteX37" fmla="*/ 520501 w 520501"/>
                    <a:gd name="connsiteY37" fmla="*/ 66491 h 1639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520501" h="163974">
                      <a:moveTo>
                        <a:pt x="82971" y="135078"/>
                      </a:moveTo>
                      <a:lnTo>
                        <a:pt x="4638" y="135078"/>
                      </a:lnTo>
                      <a:cubicBezTo>
                        <a:pt x="1877" y="134871"/>
                        <a:pt x="-194" y="132463"/>
                        <a:pt x="14" y="129701"/>
                      </a:cubicBezTo>
                      <a:cubicBezTo>
                        <a:pt x="201" y="127228"/>
                        <a:pt x="2166" y="125264"/>
                        <a:pt x="4638" y="125077"/>
                      </a:cubicBezTo>
                      <a:lnTo>
                        <a:pt x="82971" y="125077"/>
                      </a:lnTo>
                      <a:cubicBezTo>
                        <a:pt x="85733" y="125284"/>
                        <a:pt x="87803" y="127692"/>
                        <a:pt x="87594" y="130454"/>
                      </a:cubicBezTo>
                      <a:cubicBezTo>
                        <a:pt x="87408" y="132928"/>
                        <a:pt x="85443" y="134891"/>
                        <a:pt x="82971" y="135078"/>
                      </a:cubicBezTo>
                      <a:close/>
                      <a:moveTo>
                        <a:pt x="66143" y="158989"/>
                      </a:moveTo>
                      <a:cubicBezTo>
                        <a:pt x="66143" y="156235"/>
                        <a:pt x="63910" y="154002"/>
                        <a:pt x="61157" y="154002"/>
                      </a:cubicBezTo>
                      <a:lnTo>
                        <a:pt x="15829" y="154002"/>
                      </a:lnTo>
                      <a:cubicBezTo>
                        <a:pt x="13075" y="154002"/>
                        <a:pt x="10842" y="156235"/>
                        <a:pt x="10842" y="158989"/>
                      </a:cubicBezTo>
                      <a:cubicBezTo>
                        <a:pt x="10842" y="161742"/>
                        <a:pt x="13075" y="163975"/>
                        <a:pt x="15829" y="163975"/>
                      </a:cubicBezTo>
                      <a:lnTo>
                        <a:pt x="61157" y="163975"/>
                      </a:lnTo>
                      <a:cubicBezTo>
                        <a:pt x="63910" y="163975"/>
                        <a:pt x="66143" y="161742"/>
                        <a:pt x="66143" y="158989"/>
                      </a:cubicBezTo>
                      <a:close/>
                      <a:moveTo>
                        <a:pt x="520501" y="4986"/>
                      </a:moveTo>
                      <a:cubicBezTo>
                        <a:pt x="520501" y="2232"/>
                        <a:pt x="518269" y="0"/>
                        <a:pt x="515515" y="0"/>
                      </a:cubicBezTo>
                      <a:cubicBezTo>
                        <a:pt x="515506" y="0"/>
                        <a:pt x="515495" y="0"/>
                        <a:pt x="515487" y="0"/>
                      </a:cubicBezTo>
                      <a:lnTo>
                        <a:pt x="423867" y="0"/>
                      </a:lnTo>
                      <a:cubicBezTo>
                        <a:pt x="421105" y="207"/>
                        <a:pt x="419037" y="2615"/>
                        <a:pt x="419244" y="5377"/>
                      </a:cubicBezTo>
                      <a:cubicBezTo>
                        <a:pt x="419431" y="7850"/>
                        <a:pt x="421394" y="9814"/>
                        <a:pt x="423867" y="10001"/>
                      </a:cubicBezTo>
                      <a:lnTo>
                        <a:pt x="515487" y="10001"/>
                      </a:lnTo>
                      <a:cubicBezTo>
                        <a:pt x="518257" y="10001"/>
                        <a:pt x="520501" y="7757"/>
                        <a:pt x="520501" y="4986"/>
                      </a:cubicBezTo>
                      <a:close/>
                      <a:moveTo>
                        <a:pt x="467864" y="35724"/>
                      </a:moveTo>
                      <a:cubicBezTo>
                        <a:pt x="467864" y="32971"/>
                        <a:pt x="465631" y="30738"/>
                        <a:pt x="462878" y="30738"/>
                      </a:cubicBezTo>
                      <a:lnTo>
                        <a:pt x="421856" y="30738"/>
                      </a:lnTo>
                      <a:cubicBezTo>
                        <a:pt x="419102" y="30738"/>
                        <a:pt x="416870" y="32971"/>
                        <a:pt x="416870" y="35724"/>
                      </a:cubicBezTo>
                      <a:cubicBezTo>
                        <a:pt x="416870" y="38478"/>
                        <a:pt x="419102" y="40710"/>
                        <a:pt x="421856" y="40710"/>
                      </a:cubicBezTo>
                      <a:lnTo>
                        <a:pt x="462878" y="40710"/>
                      </a:lnTo>
                      <a:cubicBezTo>
                        <a:pt x="465620" y="40710"/>
                        <a:pt x="467847" y="38495"/>
                        <a:pt x="467864" y="35753"/>
                      </a:cubicBezTo>
                      <a:close/>
                      <a:moveTo>
                        <a:pt x="520501" y="66462"/>
                      </a:moveTo>
                      <a:cubicBezTo>
                        <a:pt x="520501" y="63709"/>
                        <a:pt x="518269" y="61476"/>
                        <a:pt x="515515" y="61476"/>
                      </a:cubicBezTo>
                      <a:cubicBezTo>
                        <a:pt x="515506" y="61476"/>
                        <a:pt x="515495" y="61476"/>
                        <a:pt x="515487" y="61476"/>
                      </a:cubicBezTo>
                      <a:lnTo>
                        <a:pt x="442367" y="61476"/>
                      </a:lnTo>
                      <a:cubicBezTo>
                        <a:pt x="439613" y="61476"/>
                        <a:pt x="437381" y="63709"/>
                        <a:pt x="437381" y="66462"/>
                      </a:cubicBezTo>
                      <a:cubicBezTo>
                        <a:pt x="437381" y="69216"/>
                        <a:pt x="439613" y="71449"/>
                        <a:pt x="442367" y="71449"/>
                      </a:cubicBezTo>
                      <a:lnTo>
                        <a:pt x="515487" y="71449"/>
                      </a:lnTo>
                      <a:cubicBezTo>
                        <a:pt x="518240" y="71466"/>
                        <a:pt x="520484" y="69244"/>
                        <a:pt x="520501" y="66491"/>
                      </a:cubicBezTo>
                      <a:cubicBezTo>
                        <a:pt x="520501" y="66491"/>
                        <a:pt x="520501" y="66491"/>
                        <a:pt x="520501" y="66491"/>
                      </a:cubicBezTo>
                      <a:close/>
                    </a:path>
                  </a:pathLst>
                </a:custGeom>
                <a:solidFill>
                  <a:schemeClr val="accent2"/>
                </a:solidFill>
                <a:ln w="2811" cap="flat">
                  <a:noFill/>
                  <a:prstDash val="solid"/>
                  <a:miter/>
                </a:ln>
              </p:spPr>
              <p:txBody>
                <a:bodyPr rtlCol="0" anchor="ctr"/>
                <a:lstStyle/>
                <a:p>
                  <a:endParaRPr lang="en-US"/>
                </a:p>
              </p:txBody>
            </p:sp>
            <p:sp>
              <p:nvSpPr>
                <p:cNvPr id="215" name="Graphic 10">
                  <a:extLst>
                    <a:ext uri="{FF2B5EF4-FFF2-40B4-BE49-F238E27FC236}">
                      <a16:creationId xmlns:a16="http://schemas.microsoft.com/office/drawing/2014/main" id="{8C94C642-18AC-1D45-97E2-64264D80DE35}"/>
                    </a:ext>
                  </a:extLst>
                </p:cNvPr>
                <p:cNvSpPr/>
                <p:nvPr/>
              </p:nvSpPr>
              <p:spPr>
                <a:xfrm>
                  <a:off x="2293151" y="3602996"/>
                  <a:ext cx="154059" cy="61048"/>
                </a:xfrm>
                <a:custGeom>
                  <a:avLst/>
                  <a:gdLst>
                    <a:gd name="connsiteX0" fmla="*/ 148336 w 154059"/>
                    <a:gd name="connsiteY0" fmla="*/ 25843 h 61048"/>
                    <a:gd name="connsiteX1" fmla="*/ 151623 w 154059"/>
                    <a:gd name="connsiteY1" fmla="*/ 23888 h 61048"/>
                    <a:gd name="connsiteX2" fmla="*/ 154059 w 154059"/>
                    <a:gd name="connsiteY2" fmla="*/ 23123 h 61048"/>
                    <a:gd name="connsiteX3" fmla="*/ 154059 w 154059"/>
                    <a:gd name="connsiteY3" fmla="*/ 8958 h 61048"/>
                    <a:gd name="connsiteX4" fmla="*/ 152133 w 154059"/>
                    <a:gd name="connsiteY4" fmla="*/ 7967 h 61048"/>
                    <a:gd name="connsiteX5" fmla="*/ 90911 w 154059"/>
                    <a:gd name="connsiteY5" fmla="*/ 10233 h 61048"/>
                    <a:gd name="connsiteX6" fmla="*/ 63119 w 154059"/>
                    <a:gd name="connsiteY6" fmla="*/ 10233 h 61048"/>
                    <a:gd name="connsiteX7" fmla="*/ 1870 w 154059"/>
                    <a:gd name="connsiteY7" fmla="*/ 7995 h 61048"/>
                    <a:gd name="connsiteX8" fmla="*/ 0 w 154059"/>
                    <a:gd name="connsiteY8" fmla="*/ 8987 h 61048"/>
                    <a:gd name="connsiteX9" fmla="*/ 0 w 154059"/>
                    <a:gd name="connsiteY9" fmla="*/ 23152 h 61048"/>
                    <a:gd name="connsiteX10" fmla="*/ 2408 w 154059"/>
                    <a:gd name="connsiteY10" fmla="*/ 23917 h 61048"/>
                    <a:gd name="connsiteX11" fmla="*/ 5723 w 154059"/>
                    <a:gd name="connsiteY11" fmla="*/ 25871 h 61048"/>
                    <a:gd name="connsiteX12" fmla="*/ 12975 w 154059"/>
                    <a:gd name="connsiteY12" fmla="*/ 50009 h 61048"/>
                    <a:gd name="connsiteX13" fmla="*/ 60434 w 154059"/>
                    <a:gd name="connsiteY13" fmla="*/ 52349 h 61048"/>
                    <a:gd name="connsiteX14" fmla="*/ 65074 w 154059"/>
                    <a:gd name="connsiteY14" fmla="*/ 47176 h 61048"/>
                    <a:gd name="connsiteX15" fmla="*/ 69097 w 154059"/>
                    <a:gd name="connsiteY15" fmla="*/ 20914 h 61048"/>
                    <a:gd name="connsiteX16" fmla="*/ 84934 w 154059"/>
                    <a:gd name="connsiteY16" fmla="*/ 20914 h 61048"/>
                    <a:gd name="connsiteX17" fmla="*/ 88985 w 154059"/>
                    <a:gd name="connsiteY17" fmla="*/ 47147 h 61048"/>
                    <a:gd name="connsiteX18" fmla="*/ 135868 w 154059"/>
                    <a:gd name="connsiteY18" fmla="*/ 54632 h 61048"/>
                    <a:gd name="connsiteX19" fmla="*/ 141056 w 154059"/>
                    <a:gd name="connsiteY19" fmla="*/ 49980 h 61048"/>
                    <a:gd name="connsiteX20" fmla="*/ 148336 w 154059"/>
                    <a:gd name="connsiteY20" fmla="*/ 25843 h 61048"/>
                    <a:gd name="connsiteX21" fmla="*/ 37849 w 154059"/>
                    <a:gd name="connsiteY21" fmla="*/ 50462 h 61048"/>
                    <a:gd name="connsiteX22" fmla="*/ 16400 w 154059"/>
                    <a:gd name="connsiteY22" fmla="*/ 31115 h 61048"/>
                    <a:gd name="connsiteX23" fmla="*/ 16375 w 154059"/>
                    <a:gd name="connsiteY23" fmla="*/ 29724 h 61048"/>
                    <a:gd name="connsiteX24" fmla="*/ 21503 w 154059"/>
                    <a:gd name="connsiteY24" fmla="*/ 16692 h 61048"/>
                    <a:gd name="connsiteX25" fmla="*/ 54196 w 154059"/>
                    <a:gd name="connsiteY25" fmla="*/ 16692 h 61048"/>
                    <a:gd name="connsiteX26" fmla="*/ 59323 w 154059"/>
                    <a:gd name="connsiteY26" fmla="*/ 29753 h 61048"/>
                    <a:gd name="connsiteX27" fmla="*/ 39203 w 154059"/>
                    <a:gd name="connsiteY27" fmla="*/ 50482 h 61048"/>
                    <a:gd name="connsiteX28" fmla="*/ 37962 w 154059"/>
                    <a:gd name="connsiteY28" fmla="*/ 50462 h 61048"/>
                    <a:gd name="connsiteX29" fmla="*/ 115983 w 154059"/>
                    <a:gd name="connsiteY29" fmla="*/ 50462 h 61048"/>
                    <a:gd name="connsiteX30" fmla="*/ 94535 w 154059"/>
                    <a:gd name="connsiteY30" fmla="*/ 31172 h 61048"/>
                    <a:gd name="connsiteX31" fmla="*/ 94509 w 154059"/>
                    <a:gd name="connsiteY31" fmla="*/ 29753 h 61048"/>
                    <a:gd name="connsiteX32" fmla="*/ 99637 w 154059"/>
                    <a:gd name="connsiteY32" fmla="*/ 16692 h 61048"/>
                    <a:gd name="connsiteX33" fmla="*/ 132330 w 154059"/>
                    <a:gd name="connsiteY33" fmla="*/ 16692 h 61048"/>
                    <a:gd name="connsiteX34" fmla="*/ 137458 w 154059"/>
                    <a:gd name="connsiteY34" fmla="*/ 29724 h 61048"/>
                    <a:gd name="connsiteX35" fmla="*/ 117369 w 154059"/>
                    <a:gd name="connsiteY35" fmla="*/ 50482 h 61048"/>
                    <a:gd name="connsiteX36" fmla="*/ 116097 w 154059"/>
                    <a:gd name="connsiteY36" fmla="*/ 50462 h 610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154059" h="61048">
                      <a:moveTo>
                        <a:pt x="148336" y="25843"/>
                      </a:moveTo>
                      <a:cubicBezTo>
                        <a:pt x="149249" y="24925"/>
                        <a:pt x="150379" y="24251"/>
                        <a:pt x="151623" y="23888"/>
                      </a:cubicBezTo>
                      <a:lnTo>
                        <a:pt x="154059" y="23123"/>
                      </a:lnTo>
                      <a:lnTo>
                        <a:pt x="154059" y="8958"/>
                      </a:lnTo>
                      <a:lnTo>
                        <a:pt x="152133" y="7967"/>
                      </a:lnTo>
                      <a:cubicBezTo>
                        <a:pt x="135616" y="-532"/>
                        <a:pt x="105105" y="-5462"/>
                        <a:pt x="90911" y="10233"/>
                      </a:cubicBezTo>
                      <a:cubicBezTo>
                        <a:pt x="81823" y="7683"/>
                        <a:pt x="72208" y="7683"/>
                        <a:pt x="63119" y="10233"/>
                      </a:cubicBezTo>
                      <a:cubicBezTo>
                        <a:pt x="48954" y="-5433"/>
                        <a:pt x="18415" y="-476"/>
                        <a:pt x="1870" y="7995"/>
                      </a:cubicBezTo>
                      <a:lnTo>
                        <a:pt x="0" y="8987"/>
                      </a:lnTo>
                      <a:lnTo>
                        <a:pt x="0" y="23152"/>
                      </a:lnTo>
                      <a:lnTo>
                        <a:pt x="2408" y="23917"/>
                      </a:lnTo>
                      <a:cubicBezTo>
                        <a:pt x="3657" y="24282"/>
                        <a:pt x="4799" y="24953"/>
                        <a:pt x="5723" y="25871"/>
                      </a:cubicBezTo>
                      <a:cubicBezTo>
                        <a:pt x="4578" y="34583"/>
                        <a:pt x="7219" y="43368"/>
                        <a:pt x="12975" y="50009"/>
                      </a:cubicBezTo>
                      <a:cubicBezTo>
                        <a:pt x="25435" y="63760"/>
                        <a:pt x="46682" y="64808"/>
                        <a:pt x="60434" y="52349"/>
                      </a:cubicBezTo>
                      <a:cubicBezTo>
                        <a:pt x="62156" y="50790"/>
                        <a:pt x="63712" y="49057"/>
                        <a:pt x="65074" y="47176"/>
                      </a:cubicBezTo>
                      <a:cubicBezTo>
                        <a:pt x="70412" y="39518"/>
                        <a:pt x="71899" y="29818"/>
                        <a:pt x="69097" y="20914"/>
                      </a:cubicBezTo>
                      <a:cubicBezTo>
                        <a:pt x="74344" y="20078"/>
                        <a:pt x="79687" y="20078"/>
                        <a:pt x="84934" y="20914"/>
                      </a:cubicBezTo>
                      <a:cubicBezTo>
                        <a:pt x="82137" y="29812"/>
                        <a:pt x="83633" y="39507"/>
                        <a:pt x="88985" y="47147"/>
                      </a:cubicBezTo>
                      <a:cubicBezTo>
                        <a:pt x="99864" y="62159"/>
                        <a:pt x="120853" y="65511"/>
                        <a:pt x="135868" y="54632"/>
                      </a:cubicBezTo>
                      <a:cubicBezTo>
                        <a:pt x="137755" y="53267"/>
                        <a:pt x="139492" y="51705"/>
                        <a:pt x="141056" y="49980"/>
                      </a:cubicBezTo>
                      <a:cubicBezTo>
                        <a:pt x="146818" y="43345"/>
                        <a:pt x="149470" y="34560"/>
                        <a:pt x="148336" y="25843"/>
                      </a:cubicBezTo>
                      <a:close/>
                      <a:moveTo>
                        <a:pt x="37849" y="50462"/>
                      </a:moveTo>
                      <a:cubicBezTo>
                        <a:pt x="26582" y="51043"/>
                        <a:pt x="16978" y="42379"/>
                        <a:pt x="16400" y="31115"/>
                      </a:cubicBezTo>
                      <a:cubicBezTo>
                        <a:pt x="16375" y="30651"/>
                        <a:pt x="16366" y="30189"/>
                        <a:pt x="16375" y="29724"/>
                      </a:cubicBezTo>
                      <a:cubicBezTo>
                        <a:pt x="16293" y="24874"/>
                        <a:pt x="18137" y="20185"/>
                        <a:pt x="21503" y="16692"/>
                      </a:cubicBezTo>
                      <a:cubicBezTo>
                        <a:pt x="30968" y="8785"/>
                        <a:pt x="44730" y="8785"/>
                        <a:pt x="54196" y="16692"/>
                      </a:cubicBezTo>
                      <a:cubicBezTo>
                        <a:pt x="57555" y="20202"/>
                        <a:pt x="59397" y="24894"/>
                        <a:pt x="59323" y="29753"/>
                      </a:cubicBezTo>
                      <a:cubicBezTo>
                        <a:pt x="59490" y="41034"/>
                        <a:pt x="50484" y="50312"/>
                        <a:pt x="39203" y="50482"/>
                      </a:cubicBezTo>
                      <a:cubicBezTo>
                        <a:pt x="38790" y="50487"/>
                        <a:pt x="38376" y="50482"/>
                        <a:pt x="37962" y="50462"/>
                      </a:cubicBezTo>
                      <a:close/>
                      <a:moveTo>
                        <a:pt x="115983" y="50462"/>
                      </a:moveTo>
                      <a:cubicBezTo>
                        <a:pt x="104734" y="51057"/>
                        <a:pt x="95132" y="42422"/>
                        <a:pt x="94535" y="31172"/>
                      </a:cubicBezTo>
                      <a:cubicBezTo>
                        <a:pt x="94509" y="30699"/>
                        <a:pt x="94501" y="30226"/>
                        <a:pt x="94509" y="29753"/>
                      </a:cubicBezTo>
                      <a:cubicBezTo>
                        <a:pt x="94421" y="24891"/>
                        <a:pt x="96266" y="20194"/>
                        <a:pt x="99637" y="16692"/>
                      </a:cubicBezTo>
                      <a:cubicBezTo>
                        <a:pt x="109102" y="8785"/>
                        <a:pt x="122865" y="8785"/>
                        <a:pt x="132330" y="16692"/>
                      </a:cubicBezTo>
                      <a:cubicBezTo>
                        <a:pt x="135687" y="20194"/>
                        <a:pt x="137528" y="24874"/>
                        <a:pt x="137458" y="29724"/>
                      </a:cubicBezTo>
                      <a:cubicBezTo>
                        <a:pt x="137642" y="41002"/>
                        <a:pt x="128647" y="50297"/>
                        <a:pt x="117369" y="50482"/>
                      </a:cubicBezTo>
                      <a:cubicBezTo>
                        <a:pt x="116944" y="50487"/>
                        <a:pt x="116519" y="50482"/>
                        <a:pt x="116097" y="50462"/>
                      </a:cubicBezTo>
                      <a:close/>
                    </a:path>
                  </a:pathLst>
                </a:custGeom>
                <a:solidFill>
                  <a:schemeClr val="accent2"/>
                </a:solidFill>
                <a:ln w="2811" cap="flat">
                  <a:noFill/>
                  <a:prstDash val="solid"/>
                  <a:miter/>
                </a:ln>
              </p:spPr>
              <p:txBody>
                <a:bodyPr rtlCol="0" anchor="ctr"/>
                <a:lstStyle/>
                <a:p>
                  <a:endParaRPr lang="en-US"/>
                </a:p>
              </p:txBody>
            </p:sp>
            <p:sp>
              <p:nvSpPr>
                <p:cNvPr id="216" name="Graphic 10">
                  <a:extLst>
                    <a:ext uri="{FF2B5EF4-FFF2-40B4-BE49-F238E27FC236}">
                      <a16:creationId xmlns:a16="http://schemas.microsoft.com/office/drawing/2014/main" id="{D8BC4876-33A2-8240-B447-3161F8EF613B}"/>
                    </a:ext>
                  </a:extLst>
                </p:cNvPr>
                <p:cNvSpPr/>
                <p:nvPr/>
              </p:nvSpPr>
              <p:spPr>
                <a:xfrm>
                  <a:off x="2066765" y="3328398"/>
                  <a:ext cx="604564" cy="604564"/>
                </a:xfrm>
                <a:custGeom>
                  <a:avLst/>
                  <a:gdLst>
                    <a:gd name="connsiteX0" fmla="*/ 604564 w 604564"/>
                    <a:gd name="connsiteY0" fmla="*/ 302396 h 604564"/>
                    <a:gd name="connsiteX1" fmla="*/ 302396 w 604564"/>
                    <a:gd name="connsiteY1" fmla="*/ 0 h 604564"/>
                    <a:gd name="connsiteX2" fmla="*/ 0 w 604564"/>
                    <a:gd name="connsiteY2" fmla="*/ 302169 h 604564"/>
                    <a:gd name="connsiteX3" fmla="*/ 302169 w 604564"/>
                    <a:gd name="connsiteY3" fmla="*/ 604564 h 604564"/>
                    <a:gd name="connsiteX4" fmla="*/ 302339 w 604564"/>
                    <a:gd name="connsiteY4" fmla="*/ 604564 h 604564"/>
                    <a:gd name="connsiteX5" fmla="*/ 304039 w 604564"/>
                    <a:gd name="connsiteY5" fmla="*/ 604564 h 604564"/>
                    <a:gd name="connsiteX6" fmla="*/ 312198 w 604564"/>
                    <a:gd name="connsiteY6" fmla="*/ 604395 h 604564"/>
                    <a:gd name="connsiteX7" fmla="*/ 316929 w 604564"/>
                    <a:gd name="connsiteY7" fmla="*/ 604225 h 604564"/>
                    <a:gd name="connsiteX8" fmla="*/ 320867 w 604564"/>
                    <a:gd name="connsiteY8" fmla="*/ 603998 h 604564"/>
                    <a:gd name="connsiteX9" fmla="*/ 333162 w 604564"/>
                    <a:gd name="connsiteY9" fmla="*/ 603006 h 604564"/>
                    <a:gd name="connsiteX10" fmla="*/ 333162 w 604564"/>
                    <a:gd name="connsiteY10" fmla="*/ 603006 h 604564"/>
                    <a:gd name="connsiteX11" fmla="*/ 348857 w 604564"/>
                    <a:gd name="connsiteY11" fmla="*/ 601080 h 604564"/>
                    <a:gd name="connsiteX12" fmla="*/ 470280 w 604564"/>
                    <a:gd name="connsiteY12" fmla="*/ 553684 h 604564"/>
                    <a:gd name="connsiteX13" fmla="*/ 480592 w 604564"/>
                    <a:gd name="connsiteY13" fmla="*/ 546431 h 604564"/>
                    <a:gd name="connsiteX14" fmla="*/ 480592 w 604564"/>
                    <a:gd name="connsiteY14" fmla="*/ 546261 h 604564"/>
                    <a:gd name="connsiteX15" fmla="*/ 604564 w 604564"/>
                    <a:gd name="connsiteY15" fmla="*/ 302396 h 604564"/>
                    <a:gd name="connsiteX16" fmla="*/ 138024 w 604564"/>
                    <a:gd name="connsiteY16" fmla="*/ 543428 h 604564"/>
                    <a:gd name="connsiteX17" fmla="*/ 248512 w 604564"/>
                    <a:gd name="connsiteY17" fmla="*/ 463877 h 604564"/>
                    <a:gd name="connsiteX18" fmla="*/ 259051 w 604564"/>
                    <a:gd name="connsiteY18" fmla="*/ 518668 h 604564"/>
                    <a:gd name="connsiteX19" fmla="*/ 275199 w 604564"/>
                    <a:gd name="connsiteY19" fmla="*/ 507590 h 604564"/>
                    <a:gd name="connsiteX20" fmla="*/ 303529 w 604564"/>
                    <a:gd name="connsiteY20" fmla="*/ 580626 h 604564"/>
                    <a:gd name="connsiteX21" fmla="*/ 331859 w 604564"/>
                    <a:gd name="connsiteY21" fmla="*/ 507562 h 604564"/>
                    <a:gd name="connsiteX22" fmla="*/ 348035 w 604564"/>
                    <a:gd name="connsiteY22" fmla="*/ 518668 h 604564"/>
                    <a:gd name="connsiteX23" fmla="*/ 358376 w 604564"/>
                    <a:gd name="connsiteY23" fmla="*/ 463877 h 604564"/>
                    <a:gd name="connsiteX24" fmla="*/ 468693 w 604564"/>
                    <a:gd name="connsiteY24" fmla="*/ 542408 h 604564"/>
                    <a:gd name="connsiteX25" fmla="*/ 310668 w 604564"/>
                    <a:gd name="connsiteY25" fmla="*/ 594422 h 604564"/>
                    <a:gd name="connsiteX26" fmla="*/ 307523 w 604564"/>
                    <a:gd name="connsiteY26" fmla="*/ 594422 h 604564"/>
                    <a:gd name="connsiteX27" fmla="*/ 302282 w 604564"/>
                    <a:gd name="connsiteY27" fmla="*/ 594422 h 604564"/>
                    <a:gd name="connsiteX28" fmla="*/ 300044 w 604564"/>
                    <a:gd name="connsiteY28" fmla="*/ 594422 h 604564"/>
                    <a:gd name="connsiteX29" fmla="*/ 293075 w 604564"/>
                    <a:gd name="connsiteY29" fmla="*/ 594281 h 604564"/>
                    <a:gd name="connsiteX30" fmla="*/ 290384 w 604564"/>
                    <a:gd name="connsiteY30" fmla="*/ 594281 h 604564"/>
                    <a:gd name="connsiteX31" fmla="*/ 138024 w 604564"/>
                    <a:gd name="connsiteY31" fmla="*/ 543428 h 604564"/>
                    <a:gd name="connsiteX32" fmla="*/ 299903 w 604564"/>
                    <a:gd name="connsiteY32" fmla="*/ 477249 h 604564"/>
                    <a:gd name="connsiteX33" fmla="*/ 266700 w 604564"/>
                    <a:gd name="connsiteY33" fmla="*/ 499913 h 604564"/>
                    <a:gd name="connsiteX34" fmla="*/ 258597 w 604564"/>
                    <a:gd name="connsiteY34" fmla="*/ 457673 h 604564"/>
                    <a:gd name="connsiteX35" fmla="*/ 263498 w 604564"/>
                    <a:gd name="connsiteY35" fmla="*/ 447304 h 604564"/>
                    <a:gd name="connsiteX36" fmla="*/ 268739 w 604564"/>
                    <a:gd name="connsiteY36" fmla="*/ 420050 h 604564"/>
                    <a:gd name="connsiteX37" fmla="*/ 338091 w 604564"/>
                    <a:gd name="connsiteY37" fmla="*/ 420050 h 604564"/>
                    <a:gd name="connsiteX38" fmla="*/ 338091 w 604564"/>
                    <a:gd name="connsiteY38" fmla="*/ 437700 h 604564"/>
                    <a:gd name="connsiteX39" fmla="*/ 303727 w 604564"/>
                    <a:gd name="connsiteY39" fmla="*/ 466257 h 604564"/>
                    <a:gd name="connsiteX40" fmla="*/ 268739 w 604564"/>
                    <a:gd name="connsiteY40" fmla="*/ 437530 h 604564"/>
                    <a:gd name="connsiteX41" fmla="*/ 303444 w 604564"/>
                    <a:gd name="connsiteY41" fmla="*/ 488043 h 604564"/>
                    <a:gd name="connsiteX42" fmla="*/ 322028 w 604564"/>
                    <a:gd name="connsiteY42" fmla="*/ 500820 h 604564"/>
                    <a:gd name="connsiteX43" fmla="*/ 303444 w 604564"/>
                    <a:gd name="connsiteY43" fmla="*/ 549179 h 604564"/>
                    <a:gd name="connsiteX44" fmla="*/ 284831 w 604564"/>
                    <a:gd name="connsiteY44" fmla="*/ 500820 h 604564"/>
                    <a:gd name="connsiteX45" fmla="*/ 307410 w 604564"/>
                    <a:gd name="connsiteY45" fmla="*/ 477362 h 604564"/>
                    <a:gd name="connsiteX46" fmla="*/ 343446 w 604564"/>
                    <a:gd name="connsiteY46" fmla="*/ 447389 h 604564"/>
                    <a:gd name="connsiteX47" fmla="*/ 348319 w 604564"/>
                    <a:gd name="connsiteY47" fmla="*/ 457645 h 604564"/>
                    <a:gd name="connsiteX48" fmla="*/ 340216 w 604564"/>
                    <a:gd name="connsiteY48" fmla="*/ 499913 h 604564"/>
                    <a:gd name="connsiteX49" fmla="*/ 303302 w 604564"/>
                    <a:gd name="connsiteY49" fmla="*/ 415206 h 604564"/>
                    <a:gd name="connsiteX50" fmla="*/ 211371 w 604564"/>
                    <a:gd name="connsiteY50" fmla="*/ 345571 h 604564"/>
                    <a:gd name="connsiteX51" fmla="*/ 210719 w 604564"/>
                    <a:gd name="connsiteY51" fmla="*/ 344126 h 604564"/>
                    <a:gd name="connsiteX52" fmla="*/ 209161 w 604564"/>
                    <a:gd name="connsiteY52" fmla="*/ 344126 h 604564"/>
                    <a:gd name="connsiteX53" fmla="*/ 193296 w 604564"/>
                    <a:gd name="connsiteY53" fmla="*/ 321717 h 604564"/>
                    <a:gd name="connsiteX54" fmla="*/ 194175 w 604564"/>
                    <a:gd name="connsiteY54" fmla="*/ 305824 h 604564"/>
                    <a:gd name="connsiteX55" fmla="*/ 200152 w 604564"/>
                    <a:gd name="connsiteY55" fmla="*/ 296758 h 604564"/>
                    <a:gd name="connsiteX56" fmla="*/ 201059 w 604564"/>
                    <a:gd name="connsiteY56" fmla="*/ 296758 h 604564"/>
                    <a:gd name="connsiteX57" fmla="*/ 301999 w 604564"/>
                    <a:gd name="connsiteY57" fmla="*/ 223071 h 604564"/>
                    <a:gd name="connsiteX58" fmla="*/ 404639 w 604564"/>
                    <a:gd name="connsiteY58" fmla="*/ 296730 h 604564"/>
                    <a:gd name="connsiteX59" fmla="*/ 405489 w 604564"/>
                    <a:gd name="connsiteY59" fmla="*/ 296730 h 604564"/>
                    <a:gd name="connsiteX60" fmla="*/ 410277 w 604564"/>
                    <a:gd name="connsiteY60" fmla="*/ 303330 h 604564"/>
                    <a:gd name="connsiteX61" fmla="*/ 409483 w 604564"/>
                    <a:gd name="connsiteY61" fmla="*/ 327524 h 604564"/>
                    <a:gd name="connsiteX62" fmla="*/ 397925 w 604564"/>
                    <a:gd name="connsiteY62" fmla="*/ 344097 h 604564"/>
                    <a:gd name="connsiteX63" fmla="*/ 396338 w 604564"/>
                    <a:gd name="connsiteY63" fmla="*/ 344097 h 604564"/>
                    <a:gd name="connsiteX64" fmla="*/ 395658 w 604564"/>
                    <a:gd name="connsiteY64" fmla="*/ 345571 h 604564"/>
                    <a:gd name="connsiteX65" fmla="*/ 303274 w 604564"/>
                    <a:gd name="connsiteY65" fmla="*/ 415319 h 604564"/>
                    <a:gd name="connsiteX66" fmla="*/ 478609 w 604564"/>
                    <a:gd name="connsiteY66" fmla="*/ 535099 h 604564"/>
                    <a:gd name="connsiteX67" fmla="*/ 473708 w 604564"/>
                    <a:gd name="connsiteY67" fmla="*/ 519008 h 604564"/>
                    <a:gd name="connsiteX68" fmla="*/ 429059 w 604564"/>
                    <a:gd name="connsiteY68" fmla="*/ 471923 h 604564"/>
                    <a:gd name="connsiteX69" fmla="*/ 429541 w 604564"/>
                    <a:gd name="connsiteY69" fmla="*/ 456483 h 604564"/>
                    <a:gd name="connsiteX70" fmla="*/ 405574 w 604564"/>
                    <a:gd name="connsiteY70" fmla="*/ 353390 h 604564"/>
                    <a:gd name="connsiteX71" fmla="*/ 418606 w 604564"/>
                    <a:gd name="connsiteY71" fmla="*/ 336817 h 604564"/>
                    <a:gd name="connsiteX72" fmla="*/ 418861 w 604564"/>
                    <a:gd name="connsiteY72" fmla="*/ 336278 h 604564"/>
                    <a:gd name="connsiteX73" fmla="*/ 434074 w 604564"/>
                    <a:gd name="connsiteY73" fmla="*/ 269929 h 604564"/>
                    <a:gd name="connsiteX74" fmla="*/ 302990 w 604564"/>
                    <a:gd name="connsiteY74" fmla="*/ 128279 h 604564"/>
                    <a:gd name="connsiteX75" fmla="*/ 172020 w 604564"/>
                    <a:gd name="connsiteY75" fmla="*/ 269929 h 604564"/>
                    <a:gd name="connsiteX76" fmla="*/ 179840 w 604564"/>
                    <a:gd name="connsiteY76" fmla="*/ 318090 h 604564"/>
                    <a:gd name="connsiteX77" fmla="*/ 201370 w 604564"/>
                    <a:gd name="connsiteY77" fmla="*/ 353248 h 604564"/>
                    <a:gd name="connsiteX78" fmla="*/ 177431 w 604564"/>
                    <a:gd name="connsiteY78" fmla="*/ 456483 h 604564"/>
                    <a:gd name="connsiteX79" fmla="*/ 177913 w 604564"/>
                    <a:gd name="connsiteY79" fmla="*/ 471923 h 604564"/>
                    <a:gd name="connsiteX80" fmla="*/ 133237 w 604564"/>
                    <a:gd name="connsiteY80" fmla="*/ 519008 h 604564"/>
                    <a:gd name="connsiteX81" fmla="*/ 128109 w 604564"/>
                    <a:gd name="connsiteY81" fmla="*/ 536147 h 604564"/>
                    <a:gd name="connsiteX82" fmla="*/ 128109 w 604564"/>
                    <a:gd name="connsiteY82" fmla="*/ 536544 h 604564"/>
                    <a:gd name="connsiteX83" fmla="*/ 67946 w 604564"/>
                    <a:gd name="connsiteY83" fmla="*/ 127637 h 604564"/>
                    <a:gd name="connsiteX84" fmla="*/ 476852 w 604564"/>
                    <a:gd name="connsiteY84" fmla="*/ 67474 h 604564"/>
                    <a:gd name="connsiteX85" fmla="*/ 537014 w 604564"/>
                    <a:gd name="connsiteY85" fmla="*/ 476382 h 604564"/>
                    <a:gd name="connsiteX86" fmla="*/ 478779 w 604564"/>
                    <a:gd name="connsiteY86" fmla="*/ 535099 h 6045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604564" h="604564">
                      <a:moveTo>
                        <a:pt x="604564" y="302396"/>
                      </a:moveTo>
                      <a:cubicBezTo>
                        <a:pt x="604627" y="135450"/>
                        <a:pt x="469342" y="63"/>
                        <a:pt x="302396" y="0"/>
                      </a:cubicBezTo>
                      <a:cubicBezTo>
                        <a:pt x="135450" y="-63"/>
                        <a:pt x="63" y="135223"/>
                        <a:pt x="0" y="302169"/>
                      </a:cubicBezTo>
                      <a:cubicBezTo>
                        <a:pt x="-63" y="469115"/>
                        <a:pt x="135223" y="604502"/>
                        <a:pt x="302169" y="604564"/>
                      </a:cubicBezTo>
                      <a:cubicBezTo>
                        <a:pt x="302226" y="604564"/>
                        <a:pt x="302282" y="604564"/>
                        <a:pt x="302339" y="604564"/>
                      </a:cubicBezTo>
                      <a:lnTo>
                        <a:pt x="304039" y="604564"/>
                      </a:lnTo>
                      <a:cubicBezTo>
                        <a:pt x="306872" y="604564"/>
                        <a:pt x="309506" y="604564"/>
                        <a:pt x="312198" y="604395"/>
                      </a:cubicBezTo>
                      <a:cubicBezTo>
                        <a:pt x="313784" y="604395"/>
                        <a:pt x="315371" y="604395"/>
                        <a:pt x="316929" y="604225"/>
                      </a:cubicBezTo>
                      <a:lnTo>
                        <a:pt x="320867" y="603998"/>
                      </a:lnTo>
                      <a:cubicBezTo>
                        <a:pt x="325003" y="603743"/>
                        <a:pt x="329083" y="603431"/>
                        <a:pt x="333162" y="603006"/>
                      </a:cubicBezTo>
                      <a:lnTo>
                        <a:pt x="333162" y="603006"/>
                      </a:lnTo>
                      <a:cubicBezTo>
                        <a:pt x="338431" y="602496"/>
                        <a:pt x="343673" y="601873"/>
                        <a:pt x="348857" y="601080"/>
                      </a:cubicBezTo>
                      <a:cubicBezTo>
                        <a:pt x="392321" y="594388"/>
                        <a:pt x="433776" y="578206"/>
                        <a:pt x="470280" y="553684"/>
                      </a:cubicBezTo>
                      <a:cubicBezTo>
                        <a:pt x="473764" y="551332"/>
                        <a:pt x="477221" y="548924"/>
                        <a:pt x="480592" y="546431"/>
                      </a:cubicBezTo>
                      <a:lnTo>
                        <a:pt x="480592" y="546261"/>
                      </a:lnTo>
                      <a:cubicBezTo>
                        <a:pt x="558466" y="489414"/>
                        <a:pt x="604525" y="398811"/>
                        <a:pt x="604564" y="302396"/>
                      </a:cubicBezTo>
                      <a:close/>
                      <a:moveTo>
                        <a:pt x="138024" y="543428"/>
                      </a:moveTo>
                      <a:cubicBezTo>
                        <a:pt x="144739" y="505324"/>
                        <a:pt x="168026" y="474331"/>
                        <a:pt x="248512" y="463877"/>
                      </a:cubicBezTo>
                      <a:lnTo>
                        <a:pt x="259051" y="518668"/>
                      </a:lnTo>
                      <a:lnTo>
                        <a:pt x="275199" y="507590"/>
                      </a:lnTo>
                      <a:lnTo>
                        <a:pt x="303529" y="580626"/>
                      </a:lnTo>
                      <a:lnTo>
                        <a:pt x="331859" y="507562"/>
                      </a:lnTo>
                      <a:lnTo>
                        <a:pt x="348035" y="518668"/>
                      </a:lnTo>
                      <a:lnTo>
                        <a:pt x="358376" y="463877"/>
                      </a:lnTo>
                      <a:cubicBezTo>
                        <a:pt x="438125" y="474218"/>
                        <a:pt x="461724" y="504757"/>
                        <a:pt x="468693" y="542408"/>
                      </a:cubicBezTo>
                      <a:cubicBezTo>
                        <a:pt x="422212" y="574773"/>
                        <a:pt x="367286" y="592850"/>
                        <a:pt x="310668" y="594422"/>
                      </a:cubicBezTo>
                      <a:lnTo>
                        <a:pt x="307523" y="594422"/>
                      </a:lnTo>
                      <a:lnTo>
                        <a:pt x="302282" y="594422"/>
                      </a:lnTo>
                      <a:lnTo>
                        <a:pt x="300044" y="594422"/>
                      </a:lnTo>
                      <a:cubicBezTo>
                        <a:pt x="297721" y="594422"/>
                        <a:pt x="295398" y="594422"/>
                        <a:pt x="293075" y="594281"/>
                      </a:cubicBezTo>
                      <a:lnTo>
                        <a:pt x="290384" y="594281"/>
                      </a:lnTo>
                      <a:cubicBezTo>
                        <a:pt x="235828" y="591983"/>
                        <a:pt x="183024" y="574359"/>
                        <a:pt x="138024" y="543428"/>
                      </a:cubicBezTo>
                      <a:close/>
                      <a:moveTo>
                        <a:pt x="299903" y="477249"/>
                      </a:moveTo>
                      <a:lnTo>
                        <a:pt x="266700" y="499913"/>
                      </a:lnTo>
                      <a:lnTo>
                        <a:pt x="258597" y="457673"/>
                      </a:lnTo>
                      <a:lnTo>
                        <a:pt x="263498" y="447304"/>
                      </a:lnTo>
                      <a:close/>
                      <a:moveTo>
                        <a:pt x="268739" y="420050"/>
                      </a:moveTo>
                      <a:cubicBezTo>
                        <a:pt x="291078" y="428530"/>
                        <a:pt x="315750" y="428530"/>
                        <a:pt x="338091" y="420050"/>
                      </a:cubicBezTo>
                      <a:lnTo>
                        <a:pt x="338091" y="437700"/>
                      </a:lnTo>
                      <a:lnTo>
                        <a:pt x="303727" y="466257"/>
                      </a:lnTo>
                      <a:lnTo>
                        <a:pt x="268739" y="437530"/>
                      </a:lnTo>
                      <a:close/>
                      <a:moveTo>
                        <a:pt x="303444" y="488043"/>
                      </a:moveTo>
                      <a:lnTo>
                        <a:pt x="322028" y="500820"/>
                      </a:lnTo>
                      <a:lnTo>
                        <a:pt x="303444" y="549179"/>
                      </a:lnTo>
                      <a:lnTo>
                        <a:pt x="284831" y="500820"/>
                      </a:lnTo>
                      <a:close/>
                      <a:moveTo>
                        <a:pt x="307410" y="477362"/>
                      </a:moveTo>
                      <a:lnTo>
                        <a:pt x="343446" y="447389"/>
                      </a:lnTo>
                      <a:lnTo>
                        <a:pt x="348319" y="457645"/>
                      </a:lnTo>
                      <a:lnTo>
                        <a:pt x="340216" y="499913"/>
                      </a:lnTo>
                      <a:close/>
                      <a:moveTo>
                        <a:pt x="303302" y="415206"/>
                      </a:moveTo>
                      <a:cubicBezTo>
                        <a:pt x="280808" y="415206"/>
                        <a:pt x="238964" y="406169"/>
                        <a:pt x="211371" y="345571"/>
                      </a:cubicBezTo>
                      <a:lnTo>
                        <a:pt x="210719" y="344126"/>
                      </a:lnTo>
                      <a:lnTo>
                        <a:pt x="209161" y="344126"/>
                      </a:lnTo>
                      <a:cubicBezTo>
                        <a:pt x="201370" y="343956"/>
                        <a:pt x="195761" y="331944"/>
                        <a:pt x="193296" y="321717"/>
                      </a:cubicBezTo>
                      <a:cubicBezTo>
                        <a:pt x="192254" y="316430"/>
                        <a:pt x="192554" y="310963"/>
                        <a:pt x="194175" y="305824"/>
                      </a:cubicBezTo>
                      <a:cubicBezTo>
                        <a:pt x="196668" y="296560"/>
                        <a:pt x="199302" y="296701"/>
                        <a:pt x="200152" y="296758"/>
                      </a:cubicBezTo>
                      <a:lnTo>
                        <a:pt x="201059" y="296758"/>
                      </a:lnTo>
                      <a:lnTo>
                        <a:pt x="301999" y="223071"/>
                      </a:lnTo>
                      <a:lnTo>
                        <a:pt x="404639" y="296730"/>
                      </a:lnTo>
                      <a:lnTo>
                        <a:pt x="405489" y="296730"/>
                      </a:lnTo>
                      <a:cubicBezTo>
                        <a:pt x="408010" y="296730"/>
                        <a:pt x="409597" y="300837"/>
                        <a:pt x="410277" y="303330"/>
                      </a:cubicBezTo>
                      <a:cubicBezTo>
                        <a:pt x="413110" y="313218"/>
                        <a:pt x="412175" y="318062"/>
                        <a:pt x="409483" y="327524"/>
                      </a:cubicBezTo>
                      <a:cubicBezTo>
                        <a:pt x="406650" y="338063"/>
                        <a:pt x="402288" y="344097"/>
                        <a:pt x="397925" y="344097"/>
                      </a:cubicBezTo>
                      <a:lnTo>
                        <a:pt x="396338" y="344097"/>
                      </a:lnTo>
                      <a:lnTo>
                        <a:pt x="395658" y="345571"/>
                      </a:lnTo>
                      <a:cubicBezTo>
                        <a:pt x="375516" y="389936"/>
                        <a:pt x="341831" y="415319"/>
                        <a:pt x="303274" y="415319"/>
                      </a:cubicBezTo>
                      <a:close/>
                      <a:moveTo>
                        <a:pt x="478609" y="535099"/>
                      </a:moveTo>
                      <a:cubicBezTo>
                        <a:pt x="477385" y="529620"/>
                        <a:pt x="475747" y="524240"/>
                        <a:pt x="473708" y="519008"/>
                      </a:cubicBezTo>
                      <a:cubicBezTo>
                        <a:pt x="465719" y="498978"/>
                        <a:pt x="450704" y="483142"/>
                        <a:pt x="429059" y="471923"/>
                      </a:cubicBezTo>
                      <a:cubicBezTo>
                        <a:pt x="429371" y="466852"/>
                        <a:pt x="429541" y="461667"/>
                        <a:pt x="429541" y="456483"/>
                      </a:cubicBezTo>
                      <a:cubicBezTo>
                        <a:pt x="429892" y="420699"/>
                        <a:pt x="421674" y="385349"/>
                        <a:pt x="405574" y="353390"/>
                      </a:cubicBezTo>
                      <a:cubicBezTo>
                        <a:pt x="412146" y="349990"/>
                        <a:pt x="415688" y="342738"/>
                        <a:pt x="418606" y="336817"/>
                      </a:cubicBezTo>
                      <a:lnTo>
                        <a:pt x="418861" y="336278"/>
                      </a:lnTo>
                      <a:cubicBezTo>
                        <a:pt x="428898" y="315603"/>
                        <a:pt x="434102" y="292913"/>
                        <a:pt x="434074" y="269929"/>
                      </a:cubicBezTo>
                      <a:cubicBezTo>
                        <a:pt x="434074" y="191738"/>
                        <a:pt x="375261" y="128279"/>
                        <a:pt x="302990" y="128279"/>
                      </a:cubicBezTo>
                      <a:cubicBezTo>
                        <a:pt x="230720" y="128279"/>
                        <a:pt x="172020" y="191738"/>
                        <a:pt x="172020" y="269929"/>
                      </a:cubicBezTo>
                      <a:cubicBezTo>
                        <a:pt x="172009" y="286301"/>
                        <a:pt x="174649" y="302566"/>
                        <a:pt x="179840" y="318090"/>
                      </a:cubicBezTo>
                      <a:cubicBezTo>
                        <a:pt x="186327" y="337525"/>
                        <a:pt x="193410" y="349084"/>
                        <a:pt x="201370" y="353248"/>
                      </a:cubicBezTo>
                      <a:cubicBezTo>
                        <a:pt x="185259" y="385253"/>
                        <a:pt x="177049" y="420654"/>
                        <a:pt x="177431" y="456483"/>
                      </a:cubicBezTo>
                      <a:cubicBezTo>
                        <a:pt x="177431" y="461582"/>
                        <a:pt x="177431" y="466767"/>
                        <a:pt x="177913" y="471923"/>
                      </a:cubicBezTo>
                      <a:cubicBezTo>
                        <a:pt x="156241" y="483255"/>
                        <a:pt x="141084" y="498950"/>
                        <a:pt x="133237" y="519008"/>
                      </a:cubicBezTo>
                      <a:cubicBezTo>
                        <a:pt x="131049" y="524566"/>
                        <a:pt x="129334" y="530300"/>
                        <a:pt x="128109" y="536147"/>
                      </a:cubicBezTo>
                      <a:lnTo>
                        <a:pt x="128109" y="536544"/>
                      </a:lnTo>
                      <a:cubicBezTo>
                        <a:pt x="-1421" y="440241"/>
                        <a:pt x="-28357" y="257167"/>
                        <a:pt x="67946" y="127637"/>
                      </a:cubicBezTo>
                      <a:cubicBezTo>
                        <a:pt x="164248" y="-1892"/>
                        <a:pt x="347321" y="-28828"/>
                        <a:pt x="476852" y="67474"/>
                      </a:cubicBezTo>
                      <a:cubicBezTo>
                        <a:pt x="606383" y="163777"/>
                        <a:pt x="633317" y="346851"/>
                        <a:pt x="537014" y="476382"/>
                      </a:cubicBezTo>
                      <a:cubicBezTo>
                        <a:pt x="520484" y="498616"/>
                        <a:pt x="500876" y="518384"/>
                        <a:pt x="478779" y="535099"/>
                      </a:cubicBezTo>
                      <a:close/>
                    </a:path>
                  </a:pathLst>
                </a:custGeom>
                <a:solidFill>
                  <a:schemeClr val="accent2"/>
                </a:solidFill>
                <a:ln w="2811" cap="flat">
                  <a:noFill/>
                  <a:prstDash val="solid"/>
                  <a:miter/>
                </a:ln>
              </p:spPr>
              <p:txBody>
                <a:bodyPr rtlCol="0" anchor="ctr"/>
                <a:lstStyle/>
                <a:p>
                  <a:endParaRPr lang="en-US"/>
                </a:p>
              </p:txBody>
            </p:sp>
            <p:sp>
              <p:nvSpPr>
                <p:cNvPr id="217" name="Graphic 10">
                  <a:extLst>
                    <a:ext uri="{FF2B5EF4-FFF2-40B4-BE49-F238E27FC236}">
                      <a16:creationId xmlns:a16="http://schemas.microsoft.com/office/drawing/2014/main" id="{F7AAA4CA-96EF-344A-A7B8-439F79EB5A03}"/>
                    </a:ext>
                  </a:extLst>
                </p:cNvPr>
                <p:cNvSpPr/>
                <p:nvPr/>
              </p:nvSpPr>
              <p:spPr>
                <a:xfrm>
                  <a:off x="2346270" y="3235532"/>
                  <a:ext cx="227405" cy="275748"/>
                </a:xfrm>
                <a:custGeom>
                  <a:avLst/>
                  <a:gdLst>
                    <a:gd name="connsiteX0" fmla="*/ 197178 w 227405"/>
                    <a:gd name="connsiteY0" fmla="*/ 246302 h 275748"/>
                    <a:gd name="connsiteX1" fmla="*/ 204056 w 227405"/>
                    <a:gd name="connsiteY1" fmla="*/ 245880 h 275748"/>
                    <a:gd name="connsiteX2" fmla="*/ 204147 w 227405"/>
                    <a:gd name="connsiteY2" fmla="*/ 245962 h 275748"/>
                    <a:gd name="connsiteX3" fmla="*/ 211371 w 227405"/>
                    <a:gd name="connsiteY3" fmla="*/ 252506 h 275748"/>
                    <a:gd name="connsiteX4" fmla="*/ 217915 w 227405"/>
                    <a:gd name="connsiteY4" fmla="*/ 245282 h 275748"/>
                    <a:gd name="connsiteX5" fmla="*/ 224765 w 227405"/>
                    <a:gd name="connsiteY5" fmla="*/ 244528 h 275748"/>
                    <a:gd name="connsiteX6" fmla="*/ 225519 w 227405"/>
                    <a:gd name="connsiteY6" fmla="*/ 251377 h 275748"/>
                    <a:gd name="connsiteX7" fmla="*/ 225111 w 227405"/>
                    <a:gd name="connsiteY7" fmla="*/ 251826 h 275748"/>
                    <a:gd name="connsiteX8" fmla="*/ 218595 w 227405"/>
                    <a:gd name="connsiteY8" fmla="*/ 259051 h 275748"/>
                    <a:gd name="connsiteX9" fmla="*/ 225791 w 227405"/>
                    <a:gd name="connsiteY9" fmla="*/ 265595 h 275748"/>
                    <a:gd name="connsiteX10" fmla="*/ 226171 w 227405"/>
                    <a:gd name="connsiteY10" fmla="*/ 272436 h 275748"/>
                    <a:gd name="connsiteX11" fmla="*/ 226131 w 227405"/>
                    <a:gd name="connsiteY11" fmla="*/ 272479 h 275748"/>
                    <a:gd name="connsiteX12" fmla="*/ 219247 w 227405"/>
                    <a:gd name="connsiteY12" fmla="*/ 272819 h 275748"/>
                    <a:gd name="connsiteX13" fmla="*/ 212051 w 227405"/>
                    <a:gd name="connsiteY13" fmla="*/ 266275 h 275748"/>
                    <a:gd name="connsiteX14" fmla="*/ 205082 w 227405"/>
                    <a:gd name="connsiteY14" fmla="*/ 273924 h 275748"/>
                    <a:gd name="connsiteX15" fmla="*/ 198231 w 227405"/>
                    <a:gd name="connsiteY15" fmla="*/ 274677 h 275748"/>
                    <a:gd name="connsiteX16" fmla="*/ 197478 w 227405"/>
                    <a:gd name="connsiteY16" fmla="*/ 267827 h 275748"/>
                    <a:gd name="connsiteX17" fmla="*/ 197886 w 227405"/>
                    <a:gd name="connsiteY17" fmla="*/ 267380 h 275748"/>
                    <a:gd name="connsiteX18" fmla="*/ 204827 w 227405"/>
                    <a:gd name="connsiteY18" fmla="*/ 259730 h 275748"/>
                    <a:gd name="connsiteX19" fmla="*/ 197602 w 227405"/>
                    <a:gd name="connsiteY19" fmla="*/ 253186 h 275748"/>
                    <a:gd name="connsiteX20" fmla="*/ 197172 w 227405"/>
                    <a:gd name="connsiteY20" fmla="*/ 246308 h 275748"/>
                    <a:gd name="connsiteX21" fmla="*/ 197178 w 227405"/>
                    <a:gd name="connsiteY21" fmla="*/ 246302 h 275748"/>
                    <a:gd name="connsiteX22" fmla="*/ 0 w 227405"/>
                    <a:gd name="connsiteY22" fmla="*/ 23712 h 275748"/>
                    <a:gd name="connsiteX23" fmla="*/ 23712 w 227405"/>
                    <a:gd name="connsiteY23" fmla="*/ 47425 h 275748"/>
                    <a:gd name="connsiteX24" fmla="*/ 47425 w 227405"/>
                    <a:gd name="connsiteY24" fmla="*/ 23712 h 275748"/>
                    <a:gd name="connsiteX25" fmla="*/ 23712 w 227405"/>
                    <a:gd name="connsiteY25" fmla="*/ 0 h 275748"/>
                    <a:gd name="connsiteX26" fmla="*/ 23684 w 227405"/>
                    <a:gd name="connsiteY26" fmla="*/ 0 h 275748"/>
                    <a:gd name="connsiteX27" fmla="*/ 0 w 227405"/>
                    <a:gd name="connsiteY27" fmla="*/ 23684 h 275748"/>
                    <a:gd name="connsiteX28" fmla="*/ 0 w 227405"/>
                    <a:gd name="connsiteY28" fmla="*/ 23712 h 275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227405" h="275748">
                      <a:moveTo>
                        <a:pt x="197178" y="246302"/>
                      </a:moveTo>
                      <a:cubicBezTo>
                        <a:pt x="198960" y="244286"/>
                        <a:pt x="202039" y="244097"/>
                        <a:pt x="204056" y="245880"/>
                      </a:cubicBezTo>
                      <a:cubicBezTo>
                        <a:pt x="204087" y="245906"/>
                        <a:pt x="204116" y="245934"/>
                        <a:pt x="204147" y="245962"/>
                      </a:cubicBezTo>
                      <a:lnTo>
                        <a:pt x="211371" y="252506"/>
                      </a:lnTo>
                      <a:lnTo>
                        <a:pt x="217915" y="245282"/>
                      </a:lnTo>
                      <a:cubicBezTo>
                        <a:pt x="219598" y="243182"/>
                        <a:pt x="222666" y="242845"/>
                        <a:pt x="224765" y="244528"/>
                      </a:cubicBezTo>
                      <a:cubicBezTo>
                        <a:pt x="226865" y="246211"/>
                        <a:pt x="227202" y="249277"/>
                        <a:pt x="225519" y="251377"/>
                      </a:cubicBezTo>
                      <a:cubicBezTo>
                        <a:pt x="225391" y="251535"/>
                        <a:pt x="225256" y="251685"/>
                        <a:pt x="225111" y="251826"/>
                      </a:cubicBezTo>
                      <a:lnTo>
                        <a:pt x="218595" y="259051"/>
                      </a:lnTo>
                      <a:lnTo>
                        <a:pt x="225791" y="265595"/>
                      </a:lnTo>
                      <a:cubicBezTo>
                        <a:pt x="227785" y="267380"/>
                        <a:pt x="227955" y="270442"/>
                        <a:pt x="226171" y="272436"/>
                      </a:cubicBezTo>
                      <a:cubicBezTo>
                        <a:pt x="226156" y="272451"/>
                        <a:pt x="226145" y="272465"/>
                        <a:pt x="226131" y="272479"/>
                      </a:cubicBezTo>
                      <a:cubicBezTo>
                        <a:pt x="224318" y="274459"/>
                        <a:pt x="221247" y="274612"/>
                        <a:pt x="219247" y="272819"/>
                      </a:cubicBezTo>
                      <a:lnTo>
                        <a:pt x="212051" y="266275"/>
                      </a:lnTo>
                      <a:lnTo>
                        <a:pt x="205082" y="273924"/>
                      </a:lnTo>
                      <a:cubicBezTo>
                        <a:pt x="203399" y="276023"/>
                        <a:pt x="200331" y="276360"/>
                        <a:pt x="198231" y="274677"/>
                      </a:cubicBezTo>
                      <a:cubicBezTo>
                        <a:pt x="196132" y="272995"/>
                        <a:pt x="195795" y="269929"/>
                        <a:pt x="197478" y="267827"/>
                      </a:cubicBezTo>
                      <a:cubicBezTo>
                        <a:pt x="197605" y="267671"/>
                        <a:pt x="197741" y="267521"/>
                        <a:pt x="197886" y="267380"/>
                      </a:cubicBezTo>
                      <a:lnTo>
                        <a:pt x="204827" y="259730"/>
                      </a:lnTo>
                      <a:lnTo>
                        <a:pt x="197602" y="253186"/>
                      </a:lnTo>
                      <a:cubicBezTo>
                        <a:pt x="195585" y="251406"/>
                        <a:pt x="195393" y="248327"/>
                        <a:pt x="197172" y="246308"/>
                      </a:cubicBezTo>
                      <a:cubicBezTo>
                        <a:pt x="197175" y="246306"/>
                        <a:pt x="197175" y="246304"/>
                        <a:pt x="197178" y="246302"/>
                      </a:cubicBezTo>
                      <a:close/>
                      <a:moveTo>
                        <a:pt x="0" y="23712"/>
                      </a:moveTo>
                      <a:cubicBezTo>
                        <a:pt x="0" y="36808"/>
                        <a:pt x="10615" y="47425"/>
                        <a:pt x="23712" y="47425"/>
                      </a:cubicBezTo>
                      <a:cubicBezTo>
                        <a:pt x="36809" y="47425"/>
                        <a:pt x="47425" y="36808"/>
                        <a:pt x="47425" y="23712"/>
                      </a:cubicBezTo>
                      <a:cubicBezTo>
                        <a:pt x="47425" y="10616"/>
                        <a:pt x="36809" y="0"/>
                        <a:pt x="23712" y="0"/>
                      </a:cubicBezTo>
                      <a:cubicBezTo>
                        <a:pt x="23704" y="0"/>
                        <a:pt x="23692" y="0"/>
                        <a:pt x="23684" y="0"/>
                      </a:cubicBezTo>
                      <a:cubicBezTo>
                        <a:pt x="10604" y="0"/>
                        <a:pt x="0" y="10604"/>
                        <a:pt x="0" y="23684"/>
                      </a:cubicBezTo>
                      <a:cubicBezTo>
                        <a:pt x="0" y="23693"/>
                        <a:pt x="0" y="23703"/>
                        <a:pt x="0" y="23712"/>
                      </a:cubicBezTo>
                      <a:close/>
                    </a:path>
                  </a:pathLst>
                </a:custGeom>
                <a:solidFill>
                  <a:schemeClr val="accent1"/>
                </a:solidFill>
                <a:ln w="2811" cap="flat">
                  <a:noFill/>
                  <a:prstDash val="solid"/>
                  <a:miter/>
                </a:ln>
              </p:spPr>
              <p:txBody>
                <a:bodyPr rtlCol="0" anchor="ctr"/>
                <a:lstStyle/>
                <a:p>
                  <a:endParaRPr lang="en-US"/>
                </a:p>
              </p:txBody>
            </p:sp>
            <p:sp>
              <p:nvSpPr>
                <p:cNvPr id="218" name="Graphic 10">
                  <a:extLst>
                    <a:ext uri="{FF2B5EF4-FFF2-40B4-BE49-F238E27FC236}">
                      <a16:creationId xmlns:a16="http://schemas.microsoft.com/office/drawing/2014/main" id="{5DDCF76A-FC31-9540-BFAF-C25E7FA61090}"/>
                    </a:ext>
                  </a:extLst>
                </p:cNvPr>
                <p:cNvSpPr/>
                <p:nvPr/>
              </p:nvSpPr>
              <p:spPr>
                <a:xfrm>
                  <a:off x="1983714" y="3248468"/>
                  <a:ext cx="773201" cy="767757"/>
                </a:xfrm>
                <a:custGeom>
                  <a:avLst/>
                  <a:gdLst>
                    <a:gd name="connsiteX0" fmla="*/ 452249 w 773201"/>
                    <a:gd name="connsiteY0" fmla="*/ 295 h 767757"/>
                    <a:gd name="connsiteX1" fmla="*/ 451541 w 773201"/>
                    <a:gd name="connsiteY1" fmla="*/ 295 h 767757"/>
                    <a:gd name="connsiteX2" fmla="*/ 449841 w 773201"/>
                    <a:gd name="connsiteY2" fmla="*/ 12 h 767757"/>
                    <a:gd name="connsiteX3" fmla="*/ 437081 w 773201"/>
                    <a:gd name="connsiteY3" fmla="*/ 12863 h 767757"/>
                    <a:gd name="connsiteX4" fmla="*/ 446725 w 773201"/>
                    <a:gd name="connsiteY4" fmla="*/ 25225 h 767757"/>
                    <a:gd name="connsiteX5" fmla="*/ 447008 w 773201"/>
                    <a:gd name="connsiteY5" fmla="*/ 25225 h 767757"/>
                    <a:gd name="connsiteX6" fmla="*/ 448142 w 773201"/>
                    <a:gd name="connsiteY6" fmla="*/ 25509 h 767757"/>
                    <a:gd name="connsiteX7" fmla="*/ 452391 w 773201"/>
                    <a:gd name="connsiteY7" fmla="*/ 26075 h 767757"/>
                    <a:gd name="connsiteX8" fmla="*/ 741384 w 773201"/>
                    <a:gd name="connsiteY8" fmla="*/ 447200 h 767757"/>
                    <a:gd name="connsiteX9" fmla="*/ 320259 w 773201"/>
                    <a:gd name="connsiteY9" fmla="*/ 736192 h 767757"/>
                    <a:gd name="connsiteX10" fmla="*/ 25173 w 773201"/>
                    <a:gd name="connsiteY10" fmla="*/ 381052 h 767757"/>
                    <a:gd name="connsiteX11" fmla="*/ 320656 w 773201"/>
                    <a:gd name="connsiteY11" fmla="*/ 26075 h 767757"/>
                    <a:gd name="connsiteX12" fmla="*/ 324906 w 773201"/>
                    <a:gd name="connsiteY12" fmla="*/ 25509 h 767757"/>
                    <a:gd name="connsiteX13" fmla="*/ 326889 w 773201"/>
                    <a:gd name="connsiteY13" fmla="*/ 25225 h 767757"/>
                    <a:gd name="connsiteX14" fmla="*/ 327172 w 773201"/>
                    <a:gd name="connsiteY14" fmla="*/ 25225 h 767757"/>
                    <a:gd name="connsiteX15" fmla="*/ 335951 w 773201"/>
                    <a:gd name="connsiteY15" fmla="*/ 9296 h 767757"/>
                    <a:gd name="connsiteX16" fmla="*/ 323886 w 773201"/>
                    <a:gd name="connsiteY16" fmla="*/ 12 h 767757"/>
                    <a:gd name="connsiteX17" fmla="*/ 323886 w 773201"/>
                    <a:gd name="connsiteY17" fmla="*/ 12 h 767757"/>
                    <a:gd name="connsiteX18" fmla="*/ 321903 w 773201"/>
                    <a:gd name="connsiteY18" fmla="*/ 295 h 767757"/>
                    <a:gd name="connsiteX19" fmla="*/ 5501 w 773201"/>
                    <a:gd name="connsiteY19" fmla="*/ 445916 h 767757"/>
                    <a:gd name="connsiteX20" fmla="*/ 386779 w 773201"/>
                    <a:gd name="connsiteY20" fmla="*/ 767758 h 767757"/>
                    <a:gd name="connsiteX21" fmla="*/ 773201 w 773201"/>
                    <a:gd name="connsiteY21" fmla="*/ 381052 h 767757"/>
                    <a:gd name="connsiteX22" fmla="*/ 452249 w 773201"/>
                    <a:gd name="connsiteY22" fmla="*/ 295 h 7677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73201" h="767757">
                      <a:moveTo>
                        <a:pt x="452249" y="295"/>
                      </a:moveTo>
                      <a:lnTo>
                        <a:pt x="451541" y="295"/>
                      </a:lnTo>
                      <a:cubicBezTo>
                        <a:pt x="450975" y="295"/>
                        <a:pt x="450408" y="12"/>
                        <a:pt x="449841" y="12"/>
                      </a:cubicBezTo>
                      <a:cubicBezTo>
                        <a:pt x="442770" y="37"/>
                        <a:pt x="437056" y="5790"/>
                        <a:pt x="437081" y="12863"/>
                      </a:cubicBezTo>
                      <a:cubicBezTo>
                        <a:pt x="437104" y="18700"/>
                        <a:pt x="441067" y="23784"/>
                        <a:pt x="446725" y="25225"/>
                      </a:cubicBezTo>
                      <a:lnTo>
                        <a:pt x="447008" y="25225"/>
                      </a:lnTo>
                      <a:cubicBezTo>
                        <a:pt x="447292" y="25225"/>
                        <a:pt x="447858" y="25509"/>
                        <a:pt x="448142" y="25509"/>
                      </a:cubicBezTo>
                      <a:lnTo>
                        <a:pt x="452391" y="26075"/>
                      </a:lnTo>
                      <a:cubicBezTo>
                        <a:pt x="648484" y="62563"/>
                        <a:pt x="777870" y="251106"/>
                        <a:pt x="741384" y="447200"/>
                      </a:cubicBezTo>
                      <a:cubicBezTo>
                        <a:pt x="704897" y="643292"/>
                        <a:pt x="516352" y="772678"/>
                        <a:pt x="320259" y="736192"/>
                      </a:cubicBezTo>
                      <a:cubicBezTo>
                        <a:pt x="149185" y="704360"/>
                        <a:pt x="25134" y="555064"/>
                        <a:pt x="25173" y="381052"/>
                      </a:cubicBezTo>
                      <a:cubicBezTo>
                        <a:pt x="25173" y="204272"/>
                        <a:pt x="152659" y="57239"/>
                        <a:pt x="320656" y="26075"/>
                      </a:cubicBezTo>
                      <a:lnTo>
                        <a:pt x="324906" y="25509"/>
                      </a:lnTo>
                      <a:cubicBezTo>
                        <a:pt x="325472" y="25509"/>
                        <a:pt x="326039" y="25225"/>
                        <a:pt x="326889" y="25225"/>
                      </a:cubicBezTo>
                      <a:lnTo>
                        <a:pt x="327172" y="25225"/>
                      </a:lnTo>
                      <a:cubicBezTo>
                        <a:pt x="333997" y="23251"/>
                        <a:pt x="337926" y="16119"/>
                        <a:pt x="335951" y="9296"/>
                      </a:cubicBezTo>
                      <a:cubicBezTo>
                        <a:pt x="334390" y="3897"/>
                        <a:pt x="329504" y="138"/>
                        <a:pt x="323886" y="12"/>
                      </a:cubicBezTo>
                      <a:lnTo>
                        <a:pt x="323886" y="12"/>
                      </a:lnTo>
                      <a:cubicBezTo>
                        <a:pt x="323211" y="-36"/>
                        <a:pt x="322537" y="61"/>
                        <a:pt x="321903" y="295"/>
                      </a:cubicBezTo>
                      <a:cubicBezTo>
                        <a:pt x="111476" y="35978"/>
                        <a:pt x="-30182" y="235490"/>
                        <a:pt x="5501" y="445916"/>
                      </a:cubicBezTo>
                      <a:cubicBezTo>
                        <a:pt x="37033" y="631861"/>
                        <a:pt x="198179" y="767888"/>
                        <a:pt x="386779" y="767758"/>
                      </a:cubicBezTo>
                      <a:cubicBezTo>
                        <a:pt x="600104" y="767758"/>
                        <a:pt x="773201" y="594094"/>
                        <a:pt x="773201" y="381052"/>
                      </a:cubicBezTo>
                      <a:cubicBezTo>
                        <a:pt x="772989" y="192992"/>
                        <a:pt x="637562" y="32329"/>
                        <a:pt x="452249" y="295"/>
                      </a:cubicBezTo>
                      <a:close/>
                    </a:path>
                  </a:pathLst>
                </a:custGeom>
                <a:solidFill>
                  <a:schemeClr val="accent2"/>
                </a:solidFill>
                <a:ln w="2811" cap="flat">
                  <a:noFill/>
                  <a:prstDash val="solid"/>
                  <a:miter/>
                </a:ln>
              </p:spPr>
              <p:txBody>
                <a:bodyPr rtlCol="0" anchor="ctr"/>
                <a:lstStyle/>
                <a:p>
                  <a:endParaRPr lang="en-US"/>
                </a:p>
              </p:txBody>
            </p:sp>
          </p:grpSp>
          <p:grpSp>
            <p:nvGrpSpPr>
              <p:cNvPr id="219" name="Group 218">
                <a:extLst>
                  <a:ext uri="{FF2B5EF4-FFF2-40B4-BE49-F238E27FC236}">
                    <a16:creationId xmlns:a16="http://schemas.microsoft.com/office/drawing/2014/main" id="{24117BA5-9EDA-564C-B167-C9DD01930DEB}"/>
                  </a:ext>
                </a:extLst>
              </p:cNvPr>
              <p:cNvGrpSpPr>
                <a:grpSpLocks noChangeAspect="1"/>
              </p:cNvGrpSpPr>
              <p:nvPr/>
            </p:nvGrpSpPr>
            <p:grpSpPr>
              <a:xfrm>
                <a:off x="6542306" y="5881243"/>
                <a:ext cx="542254" cy="548640"/>
                <a:chOff x="1530686" y="4897949"/>
                <a:chExt cx="773201" cy="782307"/>
              </a:xfrm>
            </p:grpSpPr>
            <p:sp>
              <p:nvSpPr>
                <p:cNvPr id="220" name="Graphic 4">
                  <a:extLst>
                    <a:ext uri="{FF2B5EF4-FFF2-40B4-BE49-F238E27FC236}">
                      <a16:creationId xmlns:a16="http://schemas.microsoft.com/office/drawing/2014/main" id="{5DF67825-F905-754E-B720-87A48BAB77B4}"/>
                    </a:ext>
                  </a:extLst>
                </p:cNvPr>
                <p:cNvSpPr/>
                <p:nvPr/>
              </p:nvSpPr>
              <p:spPr>
                <a:xfrm>
                  <a:off x="1673239" y="5130596"/>
                  <a:ext cx="489054" cy="257435"/>
                </a:xfrm>
                <a:custGeom>
                  <a:avLst/>
                  <a:gdLst>
                    <a:gd name="connsiteX0" fmla="*/ 459875 w 489054"/>
                    <a:gd name="connsiteY0" fmla="*/ 10001 h 257435"/>
                    <a:gd name="connsiteX1" fmla="*/ 394489 w 489054"/>
                    <a:gd name="connsiteY1" fmla="*/ 10001 h 257435"/>
                    <a:gd name="connsiteX2" fmla="*/ 389865 w 489054"/>
                    <a:gd name="connsiteY2" fmla="*/ 4623 h 257435"/>
                    <a:gd name="connsiteX3" fmla="*/ 394489 w 489054"/>
                    <a:gd name="connsiteY3" fmla="*/ 0 h 257435"/>
                    <a:gd name="connsiteX4" fmla="*/ 459648 w 489054"/>
                    <a:gd name="connsiteY4" fmla="*/ 0 h 257435"/>
                    <a:gd name="connsiteX5" fmla="*/ 464271 w 489054"/>
                    <a:gd name="connsiteY5" fmla="*/ 5377 h 257435"/>
                    <a:gd name="connsiteX6" fmla="*/ 459648 w 489054"/>
                    <a:gd name="connsiteY6" fmla="*/ 10001 h 257435"/>
                    <a:gd name="connsiteX7" fmla="*/ 489055 w 489054"/>
                    <a:gd name="connsiteY7" fmla="*/ 35498 h 257435"/>
                    <a:gd name="connsiteX8" fmla="*/ 484069 w 489054"/>
                    <a:gd name="connsiteY8" fmla="*/ 30512 h 257435"/>
                    <a:gd name="connsiteX9" fmla="*/ 419759 w 489054"/>
                    <a:gd name="connsiteY9" fmla="*/ 30512 h 257435"/>
                    <a:gd name="connsiteX10" fmla="*/ 415136 w 489054"/>
                    <a:gd name="connsiteY10" fmla="*/ 35888 h 257435"/>
                    <a:gd name="connsiteX11" fmla="*/ 419759 w 489054"/>
                    <a:gd name="connsiteY11" fmla="*/ 40512 h 257435"/>
                    <a:gd name="connsiteX12" fmla="*/ 484069 w 489054"/>
                    <a:gd name="connsiteY12" fmla="*/ 40512 h 257435"/>
                    <a:gd name="connsiteX13" fmla="*/ 489055 w 489054"/>
                    <a:gd name="connsiteY13" fmla="*/ 35527 h 257435"/>
                    <a:gd name="connsiteX14" fmla="*/ 489055 w 489054"/>
                    <a:gd name="connsiteY14" fmla="*/ 35413 h 257435"/>
                    <a:gd name="connsiteX15" fmla="*/ 451149 w 489054"/>
                    <a:gd name="connsiteY15" fmla="*/ 65839 h 257435"/>
                    <a:gd name="connsiteX16" fmla="*/ 446163 w 489054"/>
                    <a:gd name="connsiteY16" fmla="*/ 60853 h 257435"/>
                    <a:gd name="connsiteX17" fmla="*/ 394489 w 489054"/>
                    <a:gd name="connsiteY17" fmla="*/ 60853 h 257435"/>
                    <a:gd name="connsiteX18" fmla="*/ 389865 w 489054"/>
                    <a:gd name="connsiteY18" fmla="*/ 66230 h 257435"/>
                    <a:gd name="connsiteX19" fmla="*/ 394489 w 489054"/>
                    <a:gd name="connsiteY19" fmla="*/ 70854 h 257435"/>
                    <a:gd name="connsiteX20" fmla="*/ 446163 w 489054"/>
                    <a:gd name="connsiteY20" fmla="*/ 70854 h 257435"/>
                    <a:gd name="connsiteX21" fmla="*/ 451149 w 489054"/>
                    <a:gd name="connsiteY21" fmla="*/ 65867 h 257435"/>
                    <a:gd name="connsiteX22" fmla="*/ 451149 w 489054"/>
                    <a:gd name="connsiteY22" fmla="*/ 65839 h 257435"/>
                    <a:gd name="connsiteX23" fmla="*/ 68409 w 489054"/>
                    <a:gd name="connsiteY23" fmla="*/ 229134 h 257435"/>
                    <a:gd name="connsiteX24" fmla="*/ 63423 w 489054"/>
                    <a:gd name="connsiteY24" fmla="*/ 224148 h 257435"/>
                    <a:gd name="connsiteX25" fmla="*/ 4638 w 489054"/>
                    <a:gd name="connsiteY25" fmla="*/ 224148 h 257435"/>
                    <a:gd name="connsiteX26" fmla="*/ 14 w 489054"/>
                    <a:gd name="connsiteY26" fmla="*/ 229525 h 257435"/>
                    <a:gd name="connsiteX27" fmla="*/ 4638 w 489054"/>
                    <a:gd name="connsiteY27" fmla="*/ 234148 h 257435"/>
                    <a:gd name="connsiteX28" fmla="*/ 63423 w 489054"/>
                    <a:gd name="connsiteY28" fmla="*/ 234148 h 257435"/>
                    <a:gd name="connsiteX29" fmla="*/ 68409 w 489054"/>
                    <a:gd name="connsiteY29" fmla="*/ 229162 h 257435"/>
                    <a:gd name="connsiteX30" fmla="*/ 68409 w 489054"/>
                    <a:gd name="connsiteY30" fmla="*/ 229134 h 257435"/>
                    <a:gd name="connsiteX31" fmla="*/ 68409 w 489054"/>
                    <a:gd name="connsiteY31" fmla="*/ 252450 h 257435"/>
                    <a:gd name="connsiteX32" fmla="*/ 63423 w 489054"/>
                    <a:gd name="connsiteY32" fmla="*/ 247463 h 257435"/>
                    <a:gd name="connsiteX33" fmla="*/ 22571 w 489054"/>
                    <a:gd name="connsiteY33" fmla="*/ 247463 h 257435"/>
                    <a:gd name="connsiteX34" fmla="*/ 17585 w 489054"/>
                    <a:gd name="connsiteY34" fmla="*/ 252450 h 257435"/>
                    <a:gd name="connsiteX35" fmla="*/ 22571 w 489054"/>
                    <a:gd name="connsiteY35" fmla="*/ 257436 h 257435"/>
                    <a:gd name="connsiteX36" fmla="*/ 63423 w 489054"/>
                    <a:gd name="connsiteY36" fmla="*/ 257436 h 257435"/>
                    <a:gd name="connsiteX37" fmla="*/ 68409 w 489054"/>
                    <a:gd name="connsiteY37" fmla="*/ 252450 h 2574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489054" h="257435">
                      <a:moveTo>
                        <a:pt x="459875" y="10001"/>
                      </a:moveTo>
                      <a:lnTo>
                        <a:pt x="394489" y="10001"/>
                      </a:lnTo>
                      <a:cubicBezTo>
                        <a:pt x="391727" y="9793"/>
                        <a:pt x="389658" y="7385"/>
                        <a:pt x="389865" y="4623"/>
                      </a:cubicBezTo>
                      <a:cubicBezTo>
                        <a:pt x="390052" y="2151"/>
                        <a:pt x="392016" y="186"/>
                        <a:pt x="394489" y="0"/>
                      </a:cubicBezTo>
                      <a:lnTo>
                        <a:pt x="459648" y="0"/>
                      </a:lnTo>
                      <a:cubicBezTo>
                        <a:pt x="462410" y="208"/>
                        <a:pt x="464478" y="2615"/>
                        <a:pt x="464271" y="5377"/>
                      </a:cubicBezTo>
                      <a:cubicBezTo>
                        <a:pt x="464084" y="7849"/>
                        <a:pt x="462121" y="9814"/>
                        <a:pt x="459648" y="10001"/>
                      </a:cubicBezTo>
                      <a:close/>
                      <a:moveTo>
                        <a:pt x="489055" y="35498"/>
                      </a:moveTo>
                      <a:cubicBezTo>
                        <a:pt x="489055" y="32744"/>
                        <a:pt x="486822" y="30512"/>
                        <a:pt x="484069" y="30512"/>
                      </a:cubicBezTo>
                      <a:lnTo>
                        <a:pt x="419759" y="30512"/>
                      </a:lnTo>
                      <a:cubicBezTo>
                        <a:pt x="416997" y="30719"/>
                        <a:pt x="414929" y="33127"/>
                        <a:pt x="415136" y="35888"/>
                      </a:cubicBezTo>
                      <a:cubicBezTo>
                        <a:pt x="415323" y="38361"/>
                        <a:pt x="417286" y="40326"/>
                        <a:pt x="419759" y="40512"/>
                      </a:cubicBezTo>
                      <a:lnTo>
                        <a:pt x="484069" y="40512"/>
                      </a:lnTo>
                      <a:cubicBezTo>
                        <a:pt x="486822" y="40513"/>
                        <a:pt x="489055" y="38281"/>
                        <a:pt x="489055" y="35527"/>
                      </a:cubicBezTo>
                      <a:cubicBezTo>
                        <a:pt x="489055" y="35489"/>
                        <a:pt x="489055" y="35451"/>
                        <a:pt x="489055" y="35413"/>
                      </a:cubicBezTo>
                      <a:close/>
                      <a:moveTo>
                        <a:pt x="451149" y="65839"/>
                      </a:moveTo>
                      <a:cubicBezTo>
                        <a:pt x="451149" y="63085"/>
                        <a:pt x="448917" y="60853"/>
                        <a:pt x="446163" y="60853"/>
                      </a:cubicBezTo>
                      <a:lnTo>
                        <a:pt x="394489" y="60853"/>
                      </a:lnTo>
                      <a:cubicBezTo>
                        <a:pt x="391727" y="61060"/>
                        <a:pt x="389658" y="63468"/>
                        <a:pt x="389865" y="66230"/>
                      </a:cubicBezTo>
                      <a:cubicBezTo>
                        <a:pt x="390052" y="68703"/>
                        <a:pt x="392016" y="70667"/>
                        <a:pt x="394489" y="70854"/>
                      </a:cubicBezTo>
                      <a:lnTo>
                        <a:pt x="446163" y="70854"/>
                      </a:lnTo>
                      <a:cubicBezTo>
                        <a:pt x="448917" y="70854"/>
                        <a:pt x="451149" y="68621"/>
                        <a:pt x="451149" y="65867"/>
                      </a:cubicBezTo>
                      <a:cubicBezTo>
                        <a:pt x="451149" y="65859"/>
                        <a:pt x="451149" y="65848"/>
                        <a:pt x="451149" y="65839"/>
                      </a:cubicBezTo>
                      <a:close/>
                      <a:moveTo>
                        <a:pt x="68409" y="229134"/>
                      </a:moveTo>
                      <a:cubicBezTo>
                        <a:pt x="68409" y="226380"/>
                        <a:pt x="66177" y="224148"/>
                        <a:pt x="63423" y="224148"/>
                      </a:cubicBezTo>
                      <a:lnTo>
                        <a:pt x="4638" y="224148"/>
                      </a:lnTo>
                      <a:cubicBezTo>
                        <a:pt x="1877" y="224355"/>
                        <a:pt x="-194" y="226763"/>
                        <a:pt x="14" y="229525"/>
                      </a:cubicBezTo>
                      <a:cubicBezTo>
                        <a:pt x="201" y="231998"/>
                        <a:pt x="2166" y="233961"/>
                        <a:pt x="4638" y="234148"/>
                      </a:cubicBezTo>
                      <a:lnTo>
                        <a:pt x="63423" y="234148"/>
                      </a:lnTo>
                      <a:cubicBezTo>
                        <a:pt x="66177" y="234148"/>
                        <a:pt x="68409" y="231916"/>
                        <a:pt x="68409" y="229162"/>
                      </a:cubicBezTo>
                      <a:cubicBezTo>
                        <a:pt x="68409" y="229154"/>
                        <a:pt x="68409" y="229142"/>
                        <a:pt x="68409" y="229134"/>
                      </a:cubicBezTo>
                      <a:close/>
                      <a:moveTo>
                        <a:pt x="68409" y="252450"/>
                      </a:moveTo>
                      <a:cubicBezTo>
                        <a:pt x="68409" y="249696"/>
                        <a:pt x="66177" y="247463"/>
                        <a:pt x="63423" y="247463"/>
                      </a:cubicBezTo>
                      <a:lnTo>
                        <a:pt x="22571" y="247463"/>
                      </a:lnTo>
                      <a:cubicBezTo>
                        <a:pt x="19817" y="247463"/>
                        <a:pt x="17585" y="249696"/>
                        <a:pt x="17585" y="252450"/>
                      </a:cubicBezTo>
                      <a:cubicBezTo>
                        <a:pt x="17585" y="255203"/>
                        <a:pt x="19817" y="257436"/>
                        <a:pt x="22571" y="257436"/>
                      </a:cubicBezTo>
                      <a:lnTo>
                        <a:pt x="63423" y="257436"/>
                      </a:lnTo>
                      <a:cubicBezTo>
                        <a:pt x="66177" y="257436"/>
                        <a:pt x="68409" y="255203"/>
                        <a:pt x="68409" y="252450"/>
                      </a:cubicBezTo>
                      <a:close/>
                    </a:path>
                  </a:pathLst>
                </a:custGeom>
                <a:solidFill>
                  <a:schemeClr val="accent2"/>
                </a:solidFill>
                <a:ln w="2811" cap="flat">
                  <a:noFill/>
                  <a:prstDash val="solid"/>
                  <a:miter/>
                </a:ln>
              </p:spPr>
              <p:txBody>
                <a:bodyPr rtlCol="0" anchor="ctr"/>
                <a:lstStyle/>
                <a:p>
                  <a:endParaRPr lang="en-US"/>
                </a:p>
              </p:txBody>
            </p:sp>
            <p:sp>
              <p:nvSpPr>
                <p:cNvPr id="221" name="Graphic 4">
                  <a:extLst>
                    <a:ext uri="{FF2B5EF4-FFF2-40B4-BE49-F238E27FC236}">
                      <a16:creationId xmlns:a16="http://schemas.microsoft.com/office/drawing/2014/main" id="{257A6C6D-E345-644B-AC69-0A9BB7AE1ADE}"/>
                    </a:ext>
                  </a:extLst>
                </p:cNvPr>
                <p:cNvSpPr/>
                <p:nvPr/>
              </p:nvSpPr>
              <p:spPr>
                <a:xfrm>
                  <a:off x="1618020" y="4991864"/>
                  <a:ext cx="601747" cy="604536"/>
                </a:xfrm>
                <a:custGeom>
                  <a:avLst/>
                  <a:gdLst>
                    <a:gd name="connsiteX0" fmla="*/ 302391 w 601747"/>
                    <a:gd name="connsiteY0" fmla="*/ 482 h 604536"/>
                    <a:gd name="connsiteX1" fmla="*/ 0 w 601747"/>
                    <a:gd name="connsiteY1" fmla="*/ 302373 h 604536"/>
                    <a:gd name="connsiteX2" fmla="*/ 119804 w 601747"/>
                    <a:gd name="connsiteY2" fmla="*/ 543541 h 604536"/>
                    <a:gd name="connsiteX3" fmla="*/ 119804 w 601747"/>
                    <a:gd name="connsiteY3" fmla="*/ 543541 h 604536"/>
                    <a:gd name="connsiteX4" fmla="*/ 130087 w 601747"/>
                    <a:gd name="connsiteY4" fmla="*/ 551021 h 604536"/>
                    <a:gd name="connsiteX5" fmla="*/ 163262 w 601747"/>
                    <a:gd name="connsiteY5" fmla="*/ 571050 h 604536"/>
                    <a:gd name="connsiteX6" fmla="*/ 173942 w 601747"/>
                    <a:gd name="connsiteY6" fmla="*/ 576348 h 604536"/>
                    <a:gd name="connsiteX7" fmla="*/ 248819 w 601747"/>
                    <a:gd name="connsiteY7" fmla="*/ 600145 h 604536"/>
                    <a:gd name="connsiteX8" fmla="*/ 248819 w 601747"/>
                    <a:gd name="connsiteY8" fmla="*/ 600145 h 604536"/>
                    <a:gd name="connsiteX9" fmla="*/ 255788 w 601747"/>
                    <a:gd name="connsiteY9" fmla="*/ 601307 h 604536"/>
                    <a:gd name="connsiteX10" fmla="*/ 256553 w 601747"/>
                    <a:gd name="connsiteY10" fmla="*/ 601307 h 604536"/>
                    <a:gd name="connsiteX11" fmla="*/ 262956 w 601747"/>
                    <a:gd name="connsiteY11" fmla="*/ 602213 h 604536"/>
                    <a:gd name="connsiteX12" fmla="*/ 264145 w 601747"/>
                    <a:gd name="connsiteY12" fmla="*/ 602355 h 604536"/>
                    <a:gd name="connsiteX13" fmla="*/ 270236 w 601747"/>
                    <a:gd name="connsiteY13" fmla="*/ 603063 h 604536"/>
                    <a:gd name="connsiteX14" fmla="*/ 271653 w 601747"/>
                    <a:gd name="connsiteY14" fmla="*/ 603205 h 604536"/>
                    <a:gd name="connsiteX15" fmla="*/ 277772 w 601747"/>
                    <a:gd name="connsiteY15" fmla="*/ 603771 h 604536"/>
                    <a:gd name="connsiteX16" fmla="*/ 279160 w 601747"/>
                    <a:gd name="connsiteY16" fmla="*/ 603771 h 604536"/>
                    <a:gd name="connsiteX17" fmla="*/ 280010 w 601747"/>
                    <a:gd name="connsiteY17" fmla="*/ 603771 h 604536"/>
                    <a:gd name="connsiteX18" fmla="*/ 291144 w 601747"/>
                    <a:gd name="connsiteY18" fmla="*/ 604366 h 604536"/>
                    <a:gd name="connsiteX19" fmla="*/ 292136 w 601747"/>
                    <a:gd name="connsiteY19" fmla="*/ 604366 h 604536"/>
                    <a:gd name="connsiteX20" fmla="*/ 301513 w 601747"/>
                    <a:gd name="connsiteY20" fmla="*/ 604536 h 604536"/>
                    <a:gd name="connsiteX21" fmla="*/ 302391 w 601747"/>
                    <a:gd name="connsiteY21" fmla="*/ 604536 h 604536"/>
                    <a:gd name="connsiteX22" fmla="*/ 601733 w 601747"/>
                    <a:gd name="connsiteY22" fmla="*/ 299342 h 604536"/>
                    <a:gd name="connsiteX23" fmla="*/ 302391 w 601747"/>
                    <a:gd name="connsiteY23" fmla="*/ 0 h 604536"/>
                    <a:gd name="connsiteX24" fmla="*/ 302731 w 601747"/>
                    <a:gd name="connsiteY24" fmla="*/ 467135 h 604536"/>
                    <a:gd name="connsiteX25" fmla="*/ 361686 w 601747"/>
                    <a:gd name="connsiteY25" fmla="*/ 491471 h 604536"/>
                    <a:gd name="connsiteX26" fmla="*/ 361686 w 601747"/>
                    <a:gd name="connsiteY26" fmla="*/ 463764 h 604536"/>
                    <a:gd name="connsiteX27" fmla="*/ 373670 w 601747"/>
                    <a:gd name="connsiteY27" fmla="*/ 465577 h 604536"/>
                    <a:gd name="connsiteX28" fmla="*/ 317746 w 601747"/>
                    <a:gd name="connsiteY28" fmla="*/ 594592 h 604536"/>
                    <a:gd name="connsiteX29" fmla="*/ 302391 w 601747"/>
                    <a:gd name="connsiteY29" fmla="*/ 594989 h 604536"/>
                    <a:gd name="connsiteX30" fmla="*/ 287489 w 601747"/>
                    <a:gd name="connsiteY30" fmla="*/ 594621 h 604536"/>
                    <a:gd name="connsiteX31" fmla="*/ 231566 w 601747"/>
                    <a:gd name="connsiteY31" fmla="*/ 465577 h 604536"/>
                    <a:gd name="connsiteX32" fmla="*/ 243521 w 601747"/>
                    <a:gd name="connsiteY32" fmla="*/ 463764 h 604536"/>
                    <a:gd name="connsiteX33" fmla="*/ 243521 w 601747"/>
                    <a:gd name="connsiteY33" fmla="*/ 491471 h 604536"/>
                    <a:gd name="connsiteX34" fmla="*/ 220149 w 601747"/>
                    <a:gd name="connsiteY34" fmla="*/ 298118 h 604536"/>
                    <a:gd name="connsiteX35" fmla="*/ 219667 w 601747"/>
                    <a:gd name="connsiteY35" fmla="*/ 277125 h 604536"/>
                    <a:gd name="connsiteX36" fmla="*/ 261086 w 601747"/>
                    <a:gd name="connsiteY36" fmla="*/ 190180 h 604536"/>
                    <a:gd name="connsiteX37" fmla="*/ 386532 w 601747"/>
                    <a:gd name="connsiteY37" fmla="*/ 298118 h 604536"/>
                    <a:gd name="connsiteX38" fmla="*/ 386532 w 601747"/>
                    <a:gd name="connsiteY38" fmla="*/ 300667 h 604536"/>
                    <a:gd name="connsiteX39" fmla="*/ 401008 w 601747"/>
                    <a:gd name="connsiteY39" fmla="*/ 300356 h 604536"/>
                    <a:gd name="connsiteX40" fmla="*/ 401008 w 601747"/>
                    <a:gd name="connsiteY40" fmla="*/ 297919 h 604536"/>
                    <a:gd name="connsiteX41" fmla="*/ 405201 w 601747"/>
                    <a:gd name="connsiteY41" fmla="*/ 275454 h 604536"/>
                    <a:gd name="connsiteX42" fmla="*/ 414352 w 601747"/>
                    <a:gd name="connsiteY42" fmla="*/ 271572 h 604536"/>
                    <a:gd name="connsiteX43" fmla="*/ 416958 w 601747"/>
                    <a:gd name="connsiteY43" fmla="*/ 291403 h 604536"/>
                    <a:gd name="connsiteX44" fmla="*/ 416958 w 601747"/>
                    <a:gd name="connsiteY44" fmla="*/ 292933 h 604536"/>
                    <a:gd name="connsiteX45" fmla="*/ 400782 w 601747"/>
                    <a:gd name="connsiteY45" fmla="*/ 339706 h 604536"/>
                    <a:gd name="connsiteX46" fmla="*/ 399195 w 601747"/>
                    <a:gd name="connsiteY46" fmla="*/ 339706 h 604536"/>
                    <a:gd name="connsiteX47" fmla="*/ 398515 w 601747"/>
                    <a:gd name="connsiteY47" fmla="*/ 341179 h 604536"/>
                    <a:gd name="connsiteX48" fmla="*/ 302618 w 601747"/>
                    <a:gd name="connsiteY48" fmla="*/ 413450 h 604536"/>
                    <a:gd name="connsiteX49" fmla="*/ 207174 w 601747"/>
                    <a:gd name="connsiteY49" fmla="*/ 341179 h 604536"/>
                    <a:gd name="connsiteX50" fmla="*/ 206494 w 601747"/>
                    <a:gd name="connsiteY50" fmla="*/ 339678 h 604536"/>
                    <a:gd name="connsiteX51" fmla="*/ 204822 w 601747"/>
                    <a:gd name="connsiteY51" fmla="*/ 339678 h 604536"/>
                    <a:gd name="connsiteX52" fmla="*/ 198816 w 601747"/>
                    <a:gd name="connsiteY52" fmla="*/ 337100 h 604536"/>
                    <a:gd name="connsiteX53" fmla="*/ 187852 w 601747"/>
                    <a:gd name="connsiteY53" fmla="*/ 296276 h 604536"/>
                    <a:gd name="connsiteX54" fmla="*/ 190969 w 601747"/>
                    <a:gd name="connsiteY54" fmla="*/ 270213 h 604536"/>
                    <a:gd name="connsiteX55" fmla="*/ 195813 w 601747"/>
                    <a:gd name="connsiteY55" fmla="*/ 270553 h 604536"/>
                    <a:gd name="connsiteX56" fmla="*/ 204029 w 601747"/>
                    <a:gd name="connsiteY56" fmla="*/ 281630 h 604536"/>
                    <a:gd name="connsiteX57" fmla="*/ 205672 w 601747"/>
                    <a:gd name="connsiteY57" fmla="*/ 298033 h 604536"/>
                    <a:gd name="connsiteX58" fmla="*/ 205672 w 601747"/>
                    <a:gd name="connsiteY58" fmla="*/ 300469 h 604536"/>
                    <a:gd name="connsiteX59" fmla="*/ 220149 w 601747"/>
                    <a:gd name="connsiteY59" fmla="*/ 300781 h 604536"/>
                    <a:gd name="connsiteX60" fmla="*/ 302391 w 601747"/>
                    <a:gd name="connsiteY60" fmla="*/ 424583 h 604536"/>
                    <a:gd name="connsiteX61" fmla="*/ 338597 w 601747"/>
                    <a:gd name="connsiteY61" fmla="*/ 417926 h 604536"/>
                    <a:gd name="connsiteX62" fmla="*/ 338597 w 601747"/>
                    <a:gd name="connsiteY62" fmla="*/ 432969 h 604536"/>
                    <a:gd name="connsiteX63" fmla="*/ 302589 w 601747"/>
                    <a:gd name="connsiteY63" fmla="*/ 447814 h 604536"/>
                    <a:gd name="connsiteX64" fmla="*/ 266525 w 601747"/>
                    <a:gd name="connsiteY64" fmla="*/ 432941 h 604536"/>
                    <a:gd name="connsiteX65" fmla="*/ 266525 w 601747"/>
                    <a:gd name="connsiteY65" fmla="*/ 418011 h 604536"/>
                    <a:gd name="connsiteX66" fmla="*/ 302391 w 601747"/>
                    <a:gd name="connsiteY66" fmla="*/ 424583 h 604536"/>
                    <a:gd name="connsiteX67" fmla="*/ 350297 w 601747"/>
                    <a:gd name="connsiteY67" fmla="*/ 440250 h 604536"/>
                    <a:gd name="connsiteX68" fmla="*/ 350297 w 601747"/>
                    <a:gd name="connsiteY68" fmla="*/ 474558 h 604536"/>
                    <a:gd name="connsiteX69" fmla="*/ 308737 w 601747"/>
                    <a:gd name="connsiteY69" fmla="*/ 457390 h 604536"/>
                    <a:gd name="connsiteX70" fmla="*/ 296470 w 601747"/>
                    <a:gd name="connsiteY70" fmla="*/ 457390 h 604536"/>
                    <a:gd name="connsiteX71" fmla="*/ 254910 w 601747"/>
                    <a:gd name="connsiteY71" fmla="*/ 474558 h 604536"/>
                    <a:gd name="connsiteX72" fmla="*/ 254910 w 601747"/>
                    <a:gd name="connsiteY72" fmla="*/ 440250 h 604536"/>
                    <a:gd name="connsiteX73" fmla="*/ 430953 w 601747"/>
                    <a:gd name="connsiteY73" fmla="*/ 483822 h 604536"/>
                    <a:gd name="connsiteX74" fmla="*/ 473023 w 601747"/>
                    <a:gd name="connsiteY74" fmla="*/ 539377 h 604536"/>
                    <a:gd name="connsiteX75" fmla="*/ 440585 w 601747"/>
                    <a:gd name="connsiteY75" fmla="*/ 559860 h 604536"/>
                    <a:gd name="connsiteX76" fmla="*/ 330098 w 601747"/>
                    <a:gd name="connsiteY76" fmla="*/ 593572 h 604536"/>
                    <a:gd name="connsiteX77" fmla="*/ 330098 w 601747"/>
                    <a:gd name="connsiteY77" fmla="*/ 593572 h 604536"/>
                    <a:gd name="connsiteX78" fmla="*/ 384775 w 601747"/>
                    <a:gd name="connsiteY78" fmla="*/ 467645 h 604536"/>
                    <a:gd name="connsiteX79" fmla="*/ 418771 w 601747"/>
                    <a:gd name="connsiteY79" fmla="*/ 478014 h 604536"/>
                    <a:gd name="connsiteX80" fmla="*/ 429877 w 601747"/>
                    <a:gd name="connsiteY80" fmla="*/ 565441 h 604536"/>
                    <a:gd name="connsiteX81" fmla="*/ 330098 w 601747"/>
                    <a:gd name="connsiteY81" fmla="*/ 593657 h 604536"/>
                    <a:gd name="connsiteX82" fmla="*/ 274996 w 601747"/>
                    <a:gd name="connsiteY82" fmla="*/ 593572 h 604536"/>
                    <a:gd name="connsiteX83" fmla="*/ 175274 w 601747"/>
                    <a:gd name="connsiteY83" fmla="*/ 565781 h 604536"/>
                    <a:gd name="connsiteX84" fmla="*/ 186408 w 601747"/>
                    <a:gd name="connsiteY84" fmla="*/ 477957 h 604536"/>
                    <a:gd name="connsiteX85" fmla="*/ 220404 w 601747"/>
                    <a:gd name="connsiteY85" fmla="*/ 467617 h 604536"/>
                    <a:gd name="connsiteX86" fmla="*/ 164508 w 601747"/>
                    <a:gd name="connsiteY86" fmla="*/ 560313 h 604536"/>
                    <a:gd name="connsiteX87" fmla="*/ 131929 w 601747"/>
                    <a:gd name="connsiteY87" fmla="*/ 540000 h 604536"/>
                    <a:gd name="connsiteX88" fmla="*/ 174226 w 601747"/>
                    <a:gd name="connsiteY88" fmla="*/ 483737 h 604536"/>
                    <a:gd name="connsiteX89" fmla="*/ 482797 w 601747"/>
                    <a:gd name="connsiteY89" fmla="*/ 532209 h 604536"/>
                    <a:gd name="connsiteX90" fmla="*/ 482797 w 601747"/>
                    <a:gd name="connsiteY90" fmla="*/ 531898 h 604536"/>
                    <a:gd name="connsiteX91" fmla="*/ 479114 w 601747"/>
                    <a:gd name="connsiteY91" fmla="*/ 520792 h 604536"/>
                    <a:gd name="connsiteX92" fmla="*/ 361573 w 601747"/>
                    <a:gd name="connsiteY92" fmla="*/ 452177 h 604536"/>
                    <a:gd name="connsiteX93" fmla="*/ 361573 w 601747"/>
                    <a:gd name="connsiteY93" fmla="*/ 423507 h 604536"/>
                    <a:gd name="connsiteX94" fmla="*/ 349929 w 601747"/>
                    <a:gd name="connsiteY94" fmla="*/ 428295 h 604536"/>
                    <a:gd name="connsiteX95" fmla="*/ 349929 w 601747"/>
                    <a:gd name="connsiteY95" fmla="*/ 412741 h 604536"/>
                    <a:gd name="connsiteX96" fmla="*/ 406731 w 601747"/>
                    <a:gd name="connsiteY96" fmla="*/ 349707 h 604536"/>
                    <a:gd name="connsiteX97" fmla="*/ 427242 w 601747"/>
                    <a:gd name="connsiteY97" fmla="*/ 305795 h 604536"/>
                    <a:gd name="connsiteX98" fmla="*/ 423786 w 601747"/>
                    <a:gd name="connsiteY98" fmla="*/ 264405 h 604536"/>
                    <a:gd name="connsiteX99" fmla="*/ 403785 w 601747"/>
                    <a:gd name="connsiteY99" fmla="*/ 153917 h 604536"/>
                    <a:gd name="connsiteX100" fmla="*/ 303808 w 601747"/>
                    <a:gd name="connsiteY100" fmla="*/ 125786 h 604536"/>
                    <a:gd name="connsiteX101" fmla="*/ 303298 w 601747"/>
                    <a:gd name="connsiteY101" fmla="*/ 125786 h 604536"/>
                    <a:gd name="connsiteX102" fmla="*/ 202896 w 601747"/>
                    <a:gd name="connsiteY102" fmla="*/ 153946 h 604536"/>
                    <a:gd name="connsiteX103" fmla="*/ 182498 w 601747"/>
                    <a:gd name="connsiteY103" fmla="*/ 262082 h 604536"/>
                    <a:gd name="connsiteX104" fmla="*/ 177172 w 601747"/>
                    <a:gd name="connsiteY104" fmla="*/ 305824 h 604536"/>
                    <a:gd name="connsiteX105" fmla="*/ 198675 w 601747"/>
                    <a:gd name="connsiteY105" fmla="*/ 349877 h 604536"/>
                    <a:gd name="connsiteX106" fmla="*/ 255335 w 601747"/>
                    <a:gd name="connsiteY106" fmla="*/ 412968 h 604536"/>
                    <a:gd name="connsiteX107" fmla="*/ 255335 w 601747"/>
                    <a:gd name="connsiteY107" fmla="*/ 428408 h 604536"/>
                    <a:gd name="connsiteX108" fmla="*/ 243691 w 601747"/>
                    <a:gd name="connsiteY108" fmla="*/ 423620 h 604536"/>
                    <a:gd name="connsiteX109" fmla="*/ 243691 w 601747"/>
                    <a:gd name="connsiteY109" fmla="*/ 452432 h 604536"/>
                    <a:gd name="connsiteX110" fmla="*/ 126150 w 601747"/>
                    <a:gd name="connsiteY110" fmla="*/ 521047 h 604536"/>
                    <a:gd name="connsiteX111" fmla="*/ 122268 w 601747"/>
                    <a:gd name="connsiteY111" fmla="*/ 532889 h 604536"/>
                    <a:gd name="connsiteX112" fmla="*/ 72140 w 601747"/>
                    <a:gd name="connsiteY112" fmla="*/ 122632 h 604536"/>
                    <a:gd name="connsiteX113" fmla="*/ 482398 w 601747"/>
                    <a:gd name="connsiteY113" fmla="*/ 72503 h 604536"/>
                    <a:gd name="connsiteX114" fmla="*/ 532525 w 601747"/>
                    <a:gd name="connsiteY114" fmla="*/ 482759 h 604536"/>
                    <a:gd name="connsiteX115" fmla="*/ 482939 w 601747"/>
                    <a:gd name="connsiteY115" fmla="*/ 532464 h 6045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Lst>
                  <a:rect l="l" t="t" r="r" b="b"/>
                  <a:pathLst>
                    <a:path w="601747" h="604536">
                      <a:moveTo>
                        <a:pt x="302391" y="482"/>
                      </a:moveTo>
                      <a:cubicBezTo>
                        <a:pt x="135524" y="343"/>
                        <a:pt x="139" y="135504"/>
                        <a:pt x="0" y="302373"/>
                      </a:cubicBezTo>
                      <a:cubicBezTo>
                        <a:pt x="-78" y="397097"/>
                        <a:pt x="44272" y="486377"/>
                        <a:pt x="119804" y="543541"/>
                      </a:cubicBezTo>
                      <a:lnTo>
                        <a:pt x="119804" y="543541"/>
                      </a:lnTo>
                      <a:cubicBezTo>
                        <a:pt x="123203" y="546128"/>
                        <a:pt x="126631" y="548621"/>
                        <a:pt x="130087" y="551021"/>
                      </a:cubicBezTo>
                      <a:cubicBezTo>
                        <a:pt x="140696" y="558415"/>
                        <a:pt x="151778" y="565106"/>
                        <a:pt x="163262" y="571050"/>
                      </a:cubicBezTo>
                      <a:cubicBezTo>
                        <a:pt x="166803" y="572891"/>
                        <a:pt x="170344" y="574676"/>
                        <a:pt x="173942" y="576348"/>
                      </a:cubicBezTo>
                      <a:cubicBezTo>
                        <a:pt x="197748" y="587532"/>
                        <a:pt x="222922" y="595533"/>
                        <a:pt x="248819" y="600145"/>
                      </a:cubicBezTo>
                      <a:lnTo>
                        <a:pt x="248819" y="600145"/>
                      </a:lnTo>
                      <a:lnTo>
                        <a:pt x="255788" y="601307"/>
                      </a:lnTo>
                      <a:lnTo>
                        <a:pt x="256553" y="601307"/>
                      </a:lnTo>
                      <a:lnTo>
                        <a:pt x="262956" y="602213"/>
                      </a:lnTo>
                      <a:lnTo>
                        <a:pt x="264145" y="602355"/>
                      </a:lnTo>
                      <a:lnTo>
                        <a:pt x="270236" y="603063"/>
                      </a:lnTo>
                      <a:lnTo>
                        <a:pt x="271653" y="603205"/>
                      </a:lnTo>
                      <a:cubicBezTo>
                        <a:pt x="273693" y="603431"/>
                        <a:pt x="275732" y="603601"/>
                        <a:pt x="277772" y="603771"/>
                      </a:cubicBezTo>
                      <a:lnTo>
                        <a:pt x="279160" y="603771"/>
                      </a:lnTo>
                      <a:lnTo>
                        <a:pt x="280010" y="603771"/>
                      </a:lnTo>
                      <a:cubicBezTo>
                        <a:pt x="283787" y="604018"/>
                        <a:pt x="287498" y="604216"/>
                        <a:pt x="291144" y="604366"/>
                      </a:cubicBezTo>
                      <a:lnTo>
                        <a:pt x="292136" y="604366"/>
                      </a:lnTo>
                      <a:cubicBezTo>
                        <a:pt x="295252" y="604366"/>
                        <a:pt x="298368" y="604536"/>
                        <a:pt x="301513" y="604536"/>
                      </a:cubicBezTo>
                      <a:lnTo>
                        <a:pt x="302391" y="604536"/>
                      </a:lnTo>
                      <a:cubicBezTo>
                        <a:pt x="469329" y="602921"/>
                        <a:pt x="603350" y="466280"/>
                        <a:pt x="601733" y="299342"/>
                      </a:cubicBezTo>
                      <a:cubicBezTo>
                        <a:pt x="600138" y="134685"/>
                        <a:pt x="467049" y="1594"/>
                        <a:pt x="302391" y="0"/>
                      </a:cubicBezTo>
                      <a:close/>
                      <a:moveTo>
                        <a:pt x="302731" y="467135"/>
                      </a:moveTo>
                      <a:lnTo>
                        <a:pt x="361686" y="491471"/>
                      </a:lnTo>
                      <a:lnTo>
                        <a:pt x="361686" y="463764"/>
                      </a:lnTo>
                      <a:cubicBezTo>
                        <a:pt x="365766" y="464302"/>
                        <a:pt x="369760" y="464925"/>
                        <a:pt x="373670" y="465577"/>
                      </a:cubicBezTo>
                      <a:lnTo>
                        <a:pt x="317746" y="594592"/>
                      </a:lnTo>
                      <a:cubicBezTo>
                        <a:pt x="312647" y="594847"/>
                        <a:pt x="307547" y="594989"/>
                        <a:pt x="302391" y="594989"/>
                      </a:cubicBezTo>
                      <a:cubicBezTo>
                        <a:pt x="297235" y="594989"/>
                        <a:pt x="292419" y="594989"/>
                        <a:pt x="287489" y="594621"/>
                      </a:cubicBezTo>
                      <a:lnTo>
                        <a:pt x="231566" y="465577"/>
                      </a:lnTo>
                      <a:cubicBezTo>
                        <a:pt x="235447" y="464925"/>
                        <a:pt x="239442" y="464302"/>
                        <a:pt x="243521" y="463764"/>
                      </a:cubicBezTo>
                      <a:lnTo>
                        <a:pt x="243521" y="491471"/>
                      </a:lnTo>
                      <a:close/>
                      <a:moveTo>
                        <a:pt x="220149" y="298118"/>
                      </a:moveTo>
                      <a:cubicBezTo>
                        <a:pt x="220149" y="290752"/>
                        <a:pt x="219894" y="283811"/>
                        <a:pt x="219667" y="277125"/>
                      </a:cubicBezTo>
                      <a:cubicBezTo>
                        <a:pt x="218307" y="238908"/>
                        <a:pt x="217401" y="213609"/>
                        <a:pt x="261086" y="190180"/>
                      </a:cubicBezTo>
                      <a:cubicBezTo>
                        <a:pt x="361374" y="199642"/>
                        <a:pt x="386617" y="213467"/>
                        <a:pt x="386532" y="298118"/>
                      </a:cubicBezTo>
                      <a:lnTo>
                        <a:pt x="386532" y="300667"/>
                      </a:lnTo>
                      <a:lnTo>
                        <a:pt x="401008" y="300356"/>
                      </a:lnTo>
                      <a:lnTo>
                        <a:pt x="401008" y="297919"/>
                      </a:lnTo>
                      <a:cubicBezTo>
                        <a:pt x="401008" y="286587"/>
                        <a:pt x="402368" y="279816"/>
                        <a:pt x="405201" y="275454"/>
                      </a:cubicBezTo>
                      <a:cubicBezTo>
                        <a:pt x="406958" y="272621"/>
                        <a:pt x="409989" y="269788"/>
                        <a:pt x="414352" y="271572"/>
                      </a:cubicBezTo>
                      <a:cubicBezTo>
                        <a:pt x="417326" y="272706"/>
                        <a:pt x="417185" y="282904"/>
                        <a:pt x="416958" y="291403"/>
                      </a:cubicBezTo>
                      <a:lnTo>
                        <a:pt x="416958" y="292933"/>
                      </a:lnTo>
                      <a:cubicBezTo>
                        <a:pt x="416533" y="315597"/>
                        <a:pt x="409932" y="339706"/>
                        <a:pt x="400782" y="339706"/>
                      </a:cubicBezTo>
                      <a:lnTo>
                        <a:pt x="399195" y="339706"/>
                      </a:lnTo>
                      <a:lnTo>
                        <a:pt x="398515" y="341179"/>
                      </a:lnTo>
                      <a:cubicBezTo>
                        <a:pt x="377608" y="387103"/>
                        <a:pt x="342648" y="413450"/>
                        <a:pt x="302618" y="413450"/>
                      </a:cubicBezTo>
                      <a:cubicBezTo>
                        <a:pt x="279274" y="413450"/>
                        <a:pt x="235815" y="404072"/>
                        <a:pt x="207174" y="341179"/>
                      </a:cubicBezTo>
                      <a:lnTo>
                        <a:pt x="206494" y="339678"/>
                      </a:lnTo>
                      <a:lnTo>
                        <a:pt x="204822" y="339678"/>
                      </a:lnTo>
                      <a:cubicBezTo>
                        <a:pt x="202547" y="339703"/>
                        <a:pt x="200366" y="338769"/>
                        <a:pt x="198816" y="337100"/>
                      </a:cubicBezTo>
                      <a:cubicBezTo>
                        <a:pt x="192555" y="331122"/>
                        <a:pt x="188249" y="315087"/>
                        <a:pt x="187852" y="296276"/>
                      </a:cubicBezTo>
                      <a:cubicBezTo>
                        <a:pt x="187343" y="272167"/>
                        <a:pt x="190940" y="270213"/>
                        <a:pt x="190969" y="270213"/>
                      </a:cubicBezTo>
                      <a:cubicBezTo>
                        <a:pt x="192552" y="269592"/>
                        <a:pt x="194332" y="269717"/>
                        <a:pt x="195813" y="270553"/>
                      </a:cubicBezTo>
                      <a:cubicBezTo>
                        <a:pt x="199830" y="273099"/>
                        <a:pt x="202760" y="277046"/>
                        <a:pt x="204029" y="281630"/>
                      </a:cubicBezTo>
                      <a:cubicBezTo>
                        <a:pt x="205247" y="287009"/>
                        <a:pt x="205800" y="292520"/>
                        <a:pt x="205672" y="298033"/>
                      </a:cubicBezTo>
                      <a:lnTo>
                        <a:pt x="205672" y="300469"/>
                      </a:lnTo>
                      <a:lnTo>
                        <a:pt x="220149" y="300781"/>
                      </a:lnTo>
                      <a:close/>
                      <a:moveTo>
                        <a:pt x="302391" y="424583"/>
                      </a:moveTo>
                      <a:cubicBezTo>
                        <a:pt x="314769" y="424620"/>
                        <a:pt x="327044" y="422362"/>
                        <a:pt x="338597" y="417926"/>
                      </a:cubicBezTo>
                      <a:lnTo>
                        <a:pt x="338597" y="432969"/>
                      </a:lnTo>
                      <a:lnTo>
                        <a:pt x="302589" y="447814"/>
                      </a:lnTo>
                      <a:lnTo>
                        <a:pt x="266525" y="432941"/>
                      </a:lnTo>
                      <a:lnTo>
                        <a:pt x="266525" y="418011"/>
                      </a:lnTo>
                      <a:cubicBezTo>
                        <a:pt x="277973" y="422391"/>
                        <a:pt x="290133" y="424617"/>
                        <a:pt x="302391" y="424583"/>
                      </a:cubicBezTo>
                      <a:close/>
                      <a:moveTo>
                        <a:pt x="350297" y="440250"/>
                      </a:moveTo>
                      <a:lnTo>
                        <a:pt x="350297" y="474558"/>
                      </a:lnTo>
                      <a:lnTo>
                        <a:pt x="308737" y="457390"/>
                      </a:lnTo>
                      <a:close/>
                      <a:moveTo>
                        <a:pt x="296470" y="457390"/>
                      </a:moveTo>
                      <a:lnTo>
                        <a:pt x="254910" y="474558"/>
                      </a:lnTo>
                      <a:lnTo>
                        <a:pt x="254910" y="440250"/>
                      </a:lnTo>
                      <a:close/>
                      <a:moveTo>
                        <a:pt x="430953" y="483822"/>
                      </a:moveTo>
                      <a:cubicBezTo>
                        <a:pt x="456450" y="497987"/>
                        <a:pt x="467924" y="517251"/>
                        <a:pt x="473023" y="539377"/>
                      </a:cubicBezTo>
                      <a:cubicBezTo>
                        <a:pt x="462669" y="546904"/>
                        <a:pt x="451832" y="553746"/>
                        <a:pt x="440585" y="559860"/>
                      </a:cubicBezTo>
                      <a:close/>
                      <a:moveTo>
                        <a:pt x="330098" y="593572"/>
                      </a:moveTo>
                      <a:lnTo>
                        <a:pt x="330098" y="593572"/>
                      </a:lnTo>
                      <a:lnTo>
                        <a:pt x="384775" y="467645"/>
                      </a:lnTo>
                      <a:cubicBezTo>
                        <a:pt x="396402" y="470056"/>
                        <a:pt x="407779" y="473526"/>
                        <a:pt x="418771" y="478014"/>
                      </a:cubicBezTo>
                      <a:lnTo>
                        <a:pt x="429877" y="565441"/>
                      </a:lnTo>
                      <a:cubicBezTo>
                        <a:pt x="398589" y="580779"/>
                        <a:pt x="364785" y="590337"/>
                        <a:pt x="330098" y="593657"/>
                      </a:cubicBezTo>
                      <a:close/>
                      <a:moveTo>
                        <a:pt x="274996" y="593572"/>
                      </a:moveTo>
                      <a:cubicBezTo>
                        <a:pt x="240360" y="590351"/>
                        <a:pt x="206582" y="580940"/>
                        <a:pt x="175274" y="565781"/>
                      </a:cubicBezTo>
                      <a:lnTo>
                        <a:pt x="186408" y="477957"/>
                      </a:lnTo>
                      <a:cubicBezTo>
                        <a:pt x="197405" y="473492"/>
                        <a:pt x="208783" y="470030"/>
                        <a:pt x="220404" y="467617"/>
                      </a:cubicBezTo>
                      <a:close/>
                      <a:moveTo>
                        <a:pt x="164508" y="560313"/>
                      </a:moveTo>
                      <a:cubicBezTo>
                        <a:pt x="153221" y="554253"/>
                        <a:pt x="142339" y="547468"/>
                        <a:pt x="131929" y="540000"/>
                      </a:cubicBezTo>
                      <a:cubicBezTo>
                        <a:pt x="136972" y="517591"/>
                        <a:pt x="148360" y="497958"/>
                        <a:pt x="174226" y="483737"/>
                      </a:cubicBezTo>
                      <a:close/>
                      <a:moveTo>
                        <a:pt x="482797" y="532209"/>
                      </a:moveTo>
                      <a:lnTo>
                        <a:pt x="482797" y="531898"/>
                      </a:lnTo>
                      <a:cubicBezTo>
                        <a:pt x="481783" y="528130"/>
                        <a:pt x="480553" y="524421"/>
                        <a:pt x="479114" y="520792"/>
                      </a:cubicBezTo>
                      <a:cubicBezTo>
                        <a:pt x="463986" y="482802"/>
                        <a:pt x="425514" y="460364"/>
                        <a:pt x="361573" y="452177"/>
                      </a:cubicBezTo>
                      <a:lnTo>
                        <a:pt x="361573" y="423507"/>
                      </a:lnTo>
                      <a:lnTo>
                        <a:pt x="349929" y="428295"/>
                      </a:lnTo>
                      <a:lnTo>
                        <a:pt x="349929" y="412741"/>
                      </a:lnTo>
                      <a:cubicBezTo>
                        <a:pt x="379109" y="397160"/>
                        <a:pt x="396872" y="370246"/>
                        <a:pt x="406731" y="349707"/>
                      </a:cubicBezTo>
                      <a:cubicBezTo>
                        <a:pt x="420896" y="344182"/>
                        <a:pt x="425712" y="319960"/>
                        <a:pt x="427242" y="305795"/>
                      </a:cubicBezTo>
                      <a:cubicBezTo>
                        <a:pt x="427780" y="301036"/>
                        <a:pt x="430075" y="276955"/>
                        <a:pt x="423786" y="264405"/>
                      </a:cubicBezTo>
                      <a:cubicBezTo>
                        <a:pt x="427185" y="212872"/>
                        <a:pt x="424975" y="176383"/>
                        <a:pt x="403785" y="153917"/>
                      </a:cubicBezTo>
                      <a:cubicBezTo>
                        <a:pt x="385823" y="134625"/>
                        <a:pt x="354037" y="125786"/>
                        <a:pt x="303808" y="125786"/>
                      </a:cubicBezTo>
                      <a:lnTo>
                        <a:pt x="303298" y="125786"/>
                      </a:lnTo>
                      <a:cubicBezTo>
                        <a:pt x="252842" y="125786"/>
                        <a:pt x="220942" y="134738"/>
                        <a:pt x="202896" y="153946"/>
                      </a:cubicBezTo>
                      <a:cubicBezTo>
                        <a:pt x="181875" y="176298"/>
                        <a:pt x="179467" y="211909"/>
                        <a:pt x="182498" y="262082"/>
                      </a:cubicBezTo>
                      <a:cubicBezTo>
                        <a:pt x="174396" y="273924"/>
                        <a:pt x="176634" y="300526"/>
                        <a:pt x="177172" y="305824"/>
                      </a:cubicBezTo>
                      <a:cubicBezTo>
                        <a:pt x="178617" y="319989"/>
                        <a:pt x="183348" y="344437"/>
                        <a:pt x="198675" y="349877"/>
                      </a:cubicBezTo>
                      <a:cubicBezTo>
                        <a:pt x="212840" y="378859"/>
                        <a:pt x="232246" y="400616"/>
                        <a:pt x="255335" y="412968"/>
                      </a:cubicBezTo>
                      <a:lnTo>
                        <a:pt x="255335" y="428408"/>
                      </a:lnTo>
                      <a:lnTo>
                        <a:pt x="243691" y="423620"/>
                      </a:lnTo>
                      <a:lnTo>
                        <a:pt x="243691" y="452432"/>
                      </a:lnTo>
                      <a:cubicBezTo>
                        <a:pt x="179722" y="460619"/>
                        <a:pt x="141278" y="483085"/>
                        <a:pt x="126150" y="521047"/>
                      </a:cubicBezTo>
                      <a:cubicBezTo>
                        <a:pt x="124614" y="524912"/>
                        <a:pt x="123318" y="528866"/>
                        <a:pt x="122268" y="532889"/>
                      </a:cubicBezTo>
                      <a:cubicBezTo>
                        <a:pt x="-4864" y="433442"/>
                        <a:pt x="-27307" y="249764"/>
                        <a:pt x="72140" y="122632"/>
                      </a:cubicBezTo>
                      <a:cubicBezTo>
                        <a:pt x="171586" y="-4500"/>
                        <a:pt x="355264" y="-26944"/>
                        <a:pt x="482398" y="72503"/>
                      </a:cubicBezTo>
                      <a:cubicBezTo>
                        <a:pt x="609529" y="171950"/>
                        <a:pt x="631972" y="355628"/>
                        <a:pt x="532525" y="482759"/>
                      </a:cubicBezTo>
                      <a:cubicBezTo>
                        <a:pt x="518054" y="501262"/>
                        <a:pt x="501404" y="517948"/>
                        <a:pt x="482939" y="532464"/>
                      </a:cubicBezTo>
                      <a:close/>
                    </a:path>
                  </a:pathLst>
                </a:custGeom>
                <a:solidFill>
                  <a:schemeClr val="accent2"/>
                </a:solidFill>
                <a:ln w="2811" cap="flat">
                  <a:noFill/>
                  <a:prstDash val="solid"/>
                  <a:miter/>
                </a:ln>
              </p:spPr>
              <p:txBody>
                <a:bodyPr rtlCol="0" anchor="ctr"/>
                <a:lstStyle/>
                <a:p>
                  <a:endParaRPr lang="en-US"/>
                </a:p>
              </p:txBody>
            </p:sp>
            <p:sp>
              <p:nvSpPr>
                <p:cNvPr id="222" name="Graphic 4">
                  <a:extLst>
                    <a:ext uri="{FF2B5EF4-FFF2-40B4-BE49-F238E27FC236}">
                      <a16:creationId xmlns:a16="http://schemas.microsoft.com/office/drawing/2014/main" id="{07868EAE-8716-1C40-9FA9-66F7EC11222B}"/>
                    </a:ext>
                  </a:extLst>
                </p:cNvPr>
                <p:cNvSpPr/>
                <p:nvPr/>
              </p:nvSpPr>
              <p:spPr>
                <a:xfrm>
                  <a:off x="1891713" y="4897949"/>
                  <a:ext cx="295328" cy="514330"/>
                </a:xfrm>
                <a:custGeom>
                  <a:avLst/>
                  <a:gdLst>
                    <a:gd name="connsiteX0" fmla="*/ 265085 w 295328"/>
                    <a:gd name="connsiteY0" fmla="*/ 407444 h 514330"/>
                    <a:gd name="connsiteX1" fmla="*/ 271966 w 295328"/>
                    <a:gd name="connsiteY1" fmla="*/ 407104 h 514330"/>
                    <a:gd name="connsiteX2" fmla="*/ 271969 w 295328"/>
                    <a:gd name="connsiteY2" fmla="*/ 407104 h 514330"/>
                    <a:gd name="connsiteX3" fmla="*/ 279165 w 295328"/>
                    <a:gd name="connsiteY3" fmla="*/ 413648 h 514330"/>
                    <a:gd name="connsiteX4" fmla="*/ 285709 w 295328"/>
                    <a:gd name="connsiteY4" fmla="*/ 406424 h 514330"/>
                    <a:gd name="connsiteX5" fmla="*/ 292593 w 295328"/>
                    <a:gd name="connsiteY5" fmla="*/ 406084 h 514330"/>
                    <a:gd name="connsiteX6" fmla="*/ 292973 w 295328"/>
                    <a:gd name="connsiteY6" fmla="*/ 412925 h 514330"/>
                    <a:gd name="connsiteX7" fmla="*/ 292933 w 295328"/>
                    <a:gd name="connsiteY7" fmla="*/ 412968 h 514330"/>
                    <a:gd name="connsiteX8" fmla="*/ 286502 w 295328"/>
                    <a:gd name="connsiteY8" fmla="*/ 420192 h 514330"/>
                    <a:gd name="connsiteX9" fmla="*/ 293727 w 295328"/>
                    <a:gd name="connsiteY9" fmla="*/ 426736 h 514330"/>
                    <a:gd name="connsiteX10" fmla="*/ 294067 w 295328"/>
                    <a:gd name="connsiteY10" fmla="*/ 433621 h 514330"/>
                    <a:gd name="connsiteX11" fmla="*/ 287182 w 295328"/>
                    <a:gd name="connsiteY11" fmla="*/ 433961 h 514330"/>
                    <a:gd name="connsiteX12" fmla="*/ 279958 w 295328"/>
                    <a:gd name="connsiteY12" fmla="*/ 427416 h 514330"/>
                    <a:gd name="connsiteX13" fmla="*/ 272904 w 295328"/>
                    <a:gd name="connsiteY13" fmla="*/ 435009 h 514330"/>
                    <a:gd name="connsiteX14" fmla="*/ 266020 w 295328"/>
                    <a:gd name="connsiteY14" fmla="*/ 435349 h 514330"/>
                    <a:gd name="connsiteX15" fmla="*/ 265680 w 295328"/>
                    <a:gd name="connsiteY15" fmla="*/ 428465 h 514330"/>
                    <a:gd name="connsiteX16" fmla="*/ 272649 w 295328"/>
                    <a:gd name="connsiteY16" fmla="*/ 420815 h 514330"/>
                    <a:gd name="connsiteX17" fmla="*/ 265425 w 295328"/>
                    <a:gd name="connsiteY17" fmla="*/ 414271 h 514330"/>
                    <a:gd name="connsiteX18" fmla="*/ 265085 w 295328"/>
                    <a:gd name="connsiteY18" fmla="*/ 407444 h 514330"/>
                    <a:gd name="connsiteX19" fmla="*/ 259702 w 295328"/>
                    <a:gd name="connsiteY19" fmla="*/ 481612 h 514330"/>
                    <a:gd name="connsiteX20" fmla="*/ 239049 w 295328"/>
                    <a:gd name="connsiteY20" fmla="*/ 460987 h 514330"/>
                    <a:gd name="connsiteX21" fmla="*/ 235270 w 295328"/>
                    <a:gd name="connsiteY21" fmla="*/ 456523 h 514330"/>
                    <a:gd name="connsiteX22" fmla="*/ 230805 w 295328"/>
                    <a:gd name="connsiteY22" fmla="*/ 460305 h 514330"/>
                    <a:gd name="connsiteX23" fmla="*/ 230805 w 295328"/>
                    <a:gd name="connsiteY23" fmla="*/ 460987 h 514330"/>
                    <a:gd name="connsiteX24" fmla="*/ 210153 w 295328"/>
                    <a:gd name="connsiteY24" fmla="*/ 481612 h 514330"/>
                    <a:gd name="connsiteX25" fmla="*/ 206017 w 295328"/>
                    <a:gd name="connsiteY25" fmla="*/ 485748 h 514330"/>
                    <a:gd name="connsiteX26" fmla="*/ 210153 w 295328"/>
                    <a:gd name="connsiteY26" fmla="*/ 489884 h 514330"/>
                    <a:gd name="connsiteX27" fmla="*/ 230805 w 295328"/>
                    <a:gd name="connsiteY27" fmla="*/ 510537 h 514330"/>
                    <a:gd name="connsiteX28" fmla="*/ 235270 w 295328"/>
                    <a:gd name="connsiteY28" fmla="*/ 514316 h 514330"/>
                    <a:gd name="connsiteX29" fmla="*/ 239049 w 295328"/>
                    <a:gd name="connsiteY29" fmla="*/ 510537 h 514330"/>
                    <a:gd name="connsiteX30" fmla="*/ 259702 w 295328"/>
                    <a:gd name="connsiteY30" fmla="*/ 489884 h 514330"/>
                    <a:gd name="connsiteX31" fmla="*/ 263838 w 295328"/>
                    <a:gd name="connsiteY31" fmla="*/ 485748 h 514330"/>
                    <a:gd name="connsiteX32" fmla="*/ 259702 w 295328"/>
                    <a:gd name="connsiteY32" fmla="*/ 481612 h 514330"/>
                    <a:gd name="connsiteX33" fmla="*/ 25214 w 295328"/>
                    <a:gd name="connsiteY33" fmla="*/ 0 h 514330"/>
                    <a:gd name="connsiteX34" fmla="*/ 50428 w 295328"/>
                    <a:gd name="connsiteY34" fmla="*/ 25214 h 514330"/>
                    <a:gd name="connsiteX35" fmla="*/ 25214 w 295328"/>
                    <a:gd name="connsiteY35" fmla="*/ 50428 h 514330"/>
                    <a:gd name="connsiteX36" fmla="*/ 0 w 295328"/>
                    <a:gd name="connsiteY36" fmla="*/ 25214 h 514330"/>
                    <a:gd name="connsiteX37" fmla="*/ 25214 w 295328"/>
                    <a:gd name="connsiteY37" fmla="*/ 113 h 5143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5328" h="514330">
                      <a:moveTo>
                        <a:pt x="265085" y="407444"/>
                      </a:moveTo>
                      <a:cubicBezTo>
                        <a:pt x="266892" y="405449"/>
                        <a:pt x="269972" y="405296"/>
                        <a:pt x="271966" y="407104"/>
                      </a:cubicBezTo>
                      <a:cubicBezTo>
                        <a:pt x="271969" y="407104"/>
                        <a:pt x="271969" y="407104"/>
                        <a:pt x="271969" y="407104"/>
                      </a:cubicBezTo>
                      <a:lnTo>
                        <a:pt x="279165" y="413648"/>
                      </a:lnTo>
                      <a:lnTo>
                        <a:pt x="285709" y="406424"/>
                      </a:lnTo>
                      <a:cubicBezTo>
                        <a:pt x="287522" y="404443"/>
                        <a:pt x="290593" y="404290"/>
                        <a:pt x="292593" y="406084"/>
                      </a:cubicBezTo>
                      <a:cubicBezTo>
                        <a:pt x="294588" y="407869"/>
                        <a:pt x="294758" y="410931"/>
                        <a:pt x="292973" y="412925"/>
                      </a:cubicBezTo>
                      <a:cubicBezTo>
                        <a:pt x="292959" y="412940"/>
                        <a:pt x="292947" y="412954"/>
                        <a:pt x="292933" y="412968"/>
                      </a:cubicBezTo>
                      <a:lnTo>
                        <a:pt x="286502" y="420192"/>
                      </a:lnTo>
                      <a:lnTo>
                        <a:pt x="293727" y="426736"/>
                      </a:lnTo>
                      <a:cubicBezTo>
                        <a:pt x="295721" y="428544"/>
                        <a:pt x="295874" y="431626"/>
                        <a:pt x="294067" y="433621"/>
                      </a:cubicBezTo>
                      <a:cubicBezTo>
                        <a:pt x="292259" y="435615"/>
                        <a:pt x="289177" y="435768"/>
                        <a:pt x="287182" y="433961"/>
                      </a:cubicBezTo>
                      <a:lnTo>
                        <a:pt x="279958" y="427416"/>
                      </a:lnTo>
                      <a:lnTo>
                        <a:pt x="272904" y="435009"/>
                      </a:lnTo>
                      <a:cubicBezTo>
                        <a:pt x="271096" y="437003"/>
                        <a:pt x="268014" y="437156"/>
                        <a:pt x="266020" y="435349"/>
                      </a:cubicBezTo>
                      <a:cubicBezTo>
                        <a:pt x="264025" y="433541"/>
                        <a:pt x="263872" y="430459"/>
                        <a:pt x="265680" y="428465"/>
                      </a:cubicBezTo>
                      <a:lnTo>
                        <a:pt x="272649" y="420815"/>
                      </a:lnTo>
                      <a:lnTo>
                        <a:pt x="265425" y="414271"/>
                      </a:lnTo>
                      <a:cubicBezTo>
                        <a:pt x="263450" y="412478"/>
                        <a:pt x="263300" y="409424"/>
                        <a:pt x="265085" y="407444"/>
                      </a:cubicBezTo>
                      <a:close/>
                      <a:moveTo>
                        <a:pt x="259702" y="481612"/>
                      </a:moveTo>
                      <a:cubicBezTo>
                        <a:pt x="248308" y="481612"/>
                        <a:pt x="239066" y="472382"/>
                        <a:pt x="239049" y="460987"/>
                      </a:cubicBezTo>
                      <a:cubicBezTo>
                        <a:pt x="239239" y="458710"/>
                        <a:pt x="237545" y="456712"/>
                        <a:pt x="235270" y="456523"/>
                      </a:cubicBezTo>
                      <a:cubicBezTo>
                        <a:pt x="232992" y="456336"/>
                        <a:pt x="230995" y="458027"/>
                        <a:pt x="230805" y="460305"/>
                      </a:cubicBezTo>
                      <a:cubicBezTo>
                        <a:pt x="230786" y="460531"/>
                        <a:pt x="230786" y="460761"/>
                        <a:pt x="230805" y="460987"/>
                      </a:cubicBezTo>
                      <a:cubicBezTo>
                        <a:pt x="230788" y="472382"/>
                        <a:pt x="221547" y="481612"/>
                        <a:pt x="210153" y="481612"/>
                      </a:cubicBezTo>
                      <a:cubicBezTo>
                        <a:pt x="207869" y="481612"/>
                        <a:pt x="206017" y="483465"/>
                        <a:pt x="206017" y="485748"/>
                      </a:cubicBezTo>
                      <a:cubicBezTo>
                        <a:pt x="206017" y="488031"/>
                        <a:pt x="207869" y="489884"/>
                        <a:pt x="210153" y="489884"/>
                      </a:cubicBezTo>
                      <a:cubicBezTo>
                        <a:pt x="221553" y="489901"/>
                        <a:pt x="230788" y="499137"/>
                        <a:pt x="230805" y="510537"/>
                      </a:cubicBezTo>
                      <a:cubicBezTo>
                        <a:pt x="230995" y="512815"/>
                        <a:pt x="232992" y="514506"/>
                        <a:pt x="235270" y="514316"/>
                      </a:cubicBezTo>
                      <a:cubicBezTo>
                        <a:pt x="237284" y="514149"/>
                        <a:pt x="238882" y="512551"/>
                        <a:pt x="239049" y="510537"/>
                      </a:cubicBezTo>
                      <a:cubicBezTo>
                        <a:pt x="239066" y="499137"/>
                        <a:pt x="248302" y="489901"/>
                        <a:pt x="259702" y="489884"/>
                      </a:cubicBezTo>
                      <a:cubicBezTo>
                        <a:pt x="261985" y="489884"/>
                        <a:pt x="263838" y="488031"/>
                        <a:pt x="263838" y="485748"/>
                      </a:cubicBezTo>
                      <a:cubicBezTo>
                        <a:pt x="263838" y="483465"/>
                        <a:pt x="261985" y="481612"/>
                        <a:pt x="259702" y="481612"/>
                      </a:cubicBezTo>
                      <a:close/>
                      <a:moveTo>
                        <a:pt x="25214" y="0"/>
                      </a:moveTo>
                      <a:cubicBezTo>
                        <a:pt x="39138" y="0"/>
                        <a:pt x="50428" y="11289"/>
                        <a:pt x="50428" y="25214"/>
                      </a:cubicBezTo>
                      <a:cubicBezTo>
                        <a:pt x="50428" y="39139"/>
                        <a:pt x="39138" y="50428"/>
                        <a:pt x="25214" y="50428"/>
                      </a:cubicBezTo>
                      <a:cubicBezTo>
                        <a:pt x="11290" y="50428"/>
                        <a:pt x="0" y="39139"/>
                        <a:pt x="0" y="25214"/>
                      </a:cubicBezTo>
                      <a:cubicBezTo>
                        <a:pt x="48" y="11326"/>
                        <a:pt x="11326" y="98"/>
                        <a:pt x="25214" y="113"/>
                      </a:cubicBezTo>
                      <a:close/>
                    </a:path>
                  </a:pathLst>
                </a:custGeom>
                <a:solidFill>
                  <a:schemeClr val="accent1"/>
                </a:solidFill>
                <a:ln w="2811" cap="flat">
                  <a:noFill/>
                  <a:prstDash val="solid"/>
                  <a:miter/>
                </a:ln>
              </p:spPr>
              <p:txBody>
                <a:bodyPr rtlCol="0" anchor="ctr"/>
                <a:lstStyle/>
                <a:p>
                  <a:endParaRPr lang="en-US"/>
                </a:p>
              </p:txBody>
            </p:sp>
            <p:sp>
              <p:nvSpPr>
                <p:cNvPr id="223" name="Graphic 4">
                  <a:extLst>
                    <a:ext uri="{FF2B5EF4-FFF2-40B4-BE49-F238E27FC236}">
                      <a16:creationId xmlns:a16="http://schemas.microsoft.com/office/drawing/2014/main" id="{8D227FAC-878B-5942-8E9F-E67A36285515}"/>
                    </a:ext>
                  </a:extLst>
                </p:cNvPr>
                <p:cNvSpPr/>
                <p:nvPr/>
              </p:nvSpPr>
              <p:spPr>
                <a:xfrm>
                  <a:off x="1530686" y="4912493"/>
                  <a:ext cx="773201" cy="767763"/>
                </a:xfrm>
                <a:custGeom>
                  <a:avLst/>
                  <a:gdLst>
                    <a:gd name="connsiteX0" fmla="*/ 452249 w 773201"/>
                    <a:gd name="connsiteY0" fmla="*/ 301 h 767763"/>
                    <a:gd name="connsiteX1" fmla="*/ 451541 w 773201"/>
                    <a:gd name="connsiteY1" fmla="*/ 301 h 767763"/>
                    <a:gd name="connsiteX2" fmla="*/ 449841 w 773201"/>
                    <a:gd name="connsiteY2" fmla="*/ 18 h 767763"/>
                    <a:gd name="connsiteX3" fmla="*/ 437081 w 773201"/>
                    <a:gd name="connsiteY3" fmla="*/ 12869 h 767763"/>
                    <a:gd name="connsiteX4" fmla="*/ 446725 w 773201"/>
                    <a:gd name="connsiteY4" fmla="*/ 25232 h 767763"/>
                    <a:gd name="connsiteX5" fmla="*/ 447008 w 773201"/>
                    <a:gd name="connsiteY5" fmla="*/ 25232 h 767763"/>
                    <a:gd name="connsiteX6" fmla="*/ 448142 w 773201"/>
                    <a:gd name="connsiteY6" fmla="*/ 25515 h 767763"/>
                    <a:gd name="connsiteX7" fmla="*/ 452391 w 773201"/>
                    <a:gd name="connsiteY7" fmla="*/ 26082 h 767763"/>
                    <a:gd name="connsiteX8" fmla="*/ 741384 w 773201"/>
                    <a:gd name="connsiteY8" fmla="*/ 447206 h 767763"/>
                    <a:gd name="connsiteX9" fmla="*/ 320259 w 773201"/>
                    <a:gd name="connsiteY9" fmla="*/ 736198 h 767763"/>
                    <a:gd name="connsiteX10" fmla="*/ 25173 w 773201"/>
                    <a:gd name="connsiteY10" fmla="*/ 381058 h 767763"/>
                    <a:gd name="connsiteX11" fmla="*/ 320656 w 773201"/>
                    <a:gd name="connsiteY11" fmla="*/ 26082 h 767763"/>
                    <a:gd name="connsiteX12" fmla="*/ 324906 w 773201"/>
                    <a:gd name="connsiteY12" fmla="*/ 25515 h 767763"/>
                    <a:gd name="connsiteX13" fmla="*/ 326889 w 773201"/>
                    <a:gd name="connsiteY13" fmla="*/ 25232 h 767763"/>
                    <a:gd name="connsiteX14" fmla="*/ 327172 w 773201"/>
                    <a:gd name="connsiteY14" fmla="*/ 25232 h 767763"/>
                    <a:gd name="connsiteX15" fmla="*/ 336521 w 773201"/>
                    <a:gd name="connsiteY15" fmla="*/ 12767 h 767763"/>
                    <a:gd name="connsiteX16" fmla="*/ 323942 w 773201"/>
                    <a:gd name="connsiteY16" fmla="*/ 18 h 767763"/>
                    <a:gd name="connsiteX17" fmla="*/ 323886 w 773201"/>
                    <a:gd name="connsiteY17" fmla="*/ 18 h 767763"/>
                    <a:gd name="connsiteX18" fmla="*/ 323886 w 773201"/>
                    <a:gd name="connsiteY18" fmla="*/ 18 h 767763"/>
                    <a:gd name="connsiteX19" fmla="*/ 321903 w 773201"/>
                    <a:gd name="connsiteY19" fmla="*/ 301 h 767763"/>
                    <a:gd name="connsiteX20" fmla="*/ 5501 w 773201"/>
                    <a:gd name="connsiteY20" fmla="*/ 445923 h 767763"/>
                    <a:gd name="connsiteX21" fmla="*/ 386779 w 773201"/>
                    <a:gd name="connsiteY21" fmla="*/ 767764 h 767763"/>
                    <a:gd name="connsiteX22" fmla="*/ 773201 w 773201"/>
                    <a:gd name="connsiteY22" fmla="*/ 381058 h 767763"/>
                    <a:gd name="connsiteX23" fmla="*/ 452249 w 773201"/>
                    <a:gd name="connsiteY23" fmla="*/ 301 h 767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773201" h="767763">
                      <a:moveTo>
                        <a:pt x="452249" y="301"/>
                      </a:moveTo>
                      <a:lnTo>
                        <a:pt x="451541" y="301"/>
                      </a:lnTo>
                      <a:cubicBezTo>
                        <a:pt x="450975" y="301"/>
                        <a:pt x="450408" y="18"/>
                        <a:pt x="449841" y="18"/>
                      </a:cubicBezTo>
                      <a:cubicBezTo>
                        <a:pt x="442770" y="43"/>
                        <a:pt x="437056" y="5797"/>
                        <a:pt x="437081" y="12869"/>
                      </a:cubicBezTo>
                      <a:cubicBezTo>
                        <a:pt x="437104" y="18706"/>
                        <a:pt x="441067" y="23790"/>
                        <a:pt x="446725" y="25232"/>
                      </a:cubicBezTo>
                      <a:lnTo>
                        <a:pt x="447008" y="25232"/>
                      </a:lnTo>
                      <a:cubicBezTo>
                        <a:pt x="447292" y="25232"/>
                        <a:pt x="447858" y="25515"/>
                        <a:pt x="448142" y="25515"/>
                      </a:cubicBezTo>
                      <a:lnTo>
                        <a:pt x="452391" y="26082"/>
                      </a:lnTo>
                      <a:cubicBezTo>
                        <a:pt x="648484" y="62569"/>
                        <a:pt x="777870" y="251113"/>
                        <a:pt x="741384" y="447206"/>
                      </a:cubicBezTo>
                      <a:cubicBezTo>
                        <a:pt x="704897" y="643298"/>
                        <a:pt x="516352" y="772685"/>
                        <a:pt x="320259" y="736198"/>
                      </a:cubicBezTo>
                      <a:cubicBezTo>
                        <a:pt x="149185" y="704367"/>
                        <a:pt x="25134" y="555070"/>
                        <a:pt x="25173" y="381058"/>
                      </a:cubicBezTo>
                      <a:cubicBezTo>
                        <a:pt x="25173" y="204278"/>
                        <a:pt x="152659" y="57245"/>
                        <a:pt x="320656" y="26082"/>
                      </a:cubicBezTo>
                      <a:lnTo>
                        <a:pt x="324906" y="25515"/>
                      </a:lnTo>
                      <a:cubicBezTo>
                        <a:pt x="325472" y="25515"/>
                        <a:pt x="326039" y="25232"/>
                        <a:pt x="326889" y="25232"/>
                      </a:cubicBezTo>
                      <a:lnTo>
                        <a:pt x="327172" y="25232"/>
                      </a:lnTo>
                      <a:cubicBezTo>
                        <a:pt x="332742" y="23660"/>
                        <a:pt x="336572" y="18554"/>
                        <a:pt x="336521" y="12767"/>
                      </a:cubicBezTo>
                      <a:cubicBezTo>
                        <a:pt x="336569" y="5773"/>
                        <a:pt x="330937" y="65"/>
                        <a:pt x="323942" y="18"/>
                      </a:cubicBezTo>
                      <a:cubicBezTo>
                        <a:pt x="323923" y="18"/>
                        <a:pt x="323906" y="18"/>
                        <a:pt x="323886" y="18"/>
                      </a:cubicBezTo>
                      <a:lnTo>
                        <a:pt x="323886" y="18"/>
                      </a:lnTo>
                      <a:cubicBezTo>
                        <a:pt x="323211" y="-44"/>
                        <a:pt x="322531" y="53"/>
                        <a:pt x="321903" y="301"/>
                      </a:cubicBezTo>
                      <a:cubicBezTo>
                        <a:pt x="111476" y="35985"/>
                        <a:pt x="-30182" y="235496"/>
                        <a:pt x="5501" y="445923"/>
                      </a:cubicBezTo>
                      <a:cubicBezTo>
                        <a:pt x="37033" y="631867"/>
                        <a:pt x="198179" y="767894"/>
                        <a:pt x="386779" y="767764"/>
                      </a:cubicBezTo>
                      <a:cubicBezTo>
                        <a:pt x="600104" y="767764"/>
                        <a:pt x="773201" y="594100"/>
                        <a:pt x="773201" y="381058"/>
                      </a:cubicBezTo>
                      <a:cubicBezTo>
                        <a:pt x="773000" y="192994"/>
                        <a:pt x="637568" y="32325"/>
                        <a:pt x="452249" y="301"/>
                      </a:cubicBezTo>
                      <a:close/>
                    </a:path>
                  </a:pathLst>
                </a:custGeom>
                <a:solidFill>
                  <a:schemeClr val="accent2"/>
                </a:solidFill>
                <a:ln w="2811" cap="flat">
                  <a:noFill/>
                  <a:prstDash val="solid"/>
                  <a:miter/>
                </a:ln>
              </p:spPr>
              <p:txBody>
                <a:bodyPr rtlCol="0" anchor="ctr"/>
                <a:lstStyle/>
                <a:p>
                  <a:endParaRPr lang="en-US"/>
                </a:p>
              </p:txBody>
            </p:sp>
          </p:grpSp>
          <p:grpSp>
            <p:nvGrpSpPr>
              <p:cNvPr id="224" name="Group 223">
                <a:extLst>
                  <a:ext uri="{FF2B5EF4-FFF2-40B4-BE49-F238E27FC236}">
                    <a16:creationId xmlns:a16="http://schemas.microsoft.com/office/drawing/2014/main" id="{DF496A95-633A-B540-B162-D43D8931302D}"/>
                  </a:ext>
                </a:extLst>
              </p:cNvPr>
              <p:cNvGrpSpPr>
                <a:grpSpLocks noChangeAspect="1"/>
              </p:cNvGrpSpPr>
              <p:nvPr/>
            </p:nvGrpSpPr>
            <p:grpSpPr>
              <a:xfrm>
                <a:off x="7298281" y="5881243"/>
                <a:ext cx="542254" cy="548640"/>
                <a:chOff x="1530686" y="4897949"/>
                <a:chExt cx="773201" cy="782307"/>
              </a:xfrm>
            </p:grpSpPr>
            <p:sp>
              <p:nvSpPr>
                <p:cNvPr id="225" name="Graphic 4">
                  <a:extLst>
                    <a:ext uri="{FF2B5EF4-FFF2-40B4-BE49-F238E27FC236}">
                      <a16:creationId xmlns:a16="http://schemas.microsoft.com/office/drawing/2014/main" id="{FE3E6083-67FC-8142-9E61-1708155DD14E}"/>
                    </a:ext>
                  </a:extLst>
                </p:cNvPr>
                <p:cNvSpPr/>
                <p:nvPr/>
              </p:nvSpPr>
              <p:spPr>
                <a:xfrm>
                  <a:off x="1673239" y="5130596"/>
                  <a:ext cx="489054" cy="257435"/>
                </a:xfrm>
                <a:custGeom>
                  <a:avLst/>
                  <a:gdLst>
                    <a:gd name="connsiteX0" fmla="*/ 459875 w 489054"/>
                    <a:gd name="connsiteY0" fmla="*/ 10001 h 257435"/>
                    <a:gd name="connsiteX1" fmla="*/ 394489 w 489054"/>
                    <a:gd name="connsiteY1" fmla="*/ 10001 h 257435"/>
                    <a:gd name="connsiteX2" fmla="*/ 389865 w 489054"/>
                    <a:gd name="connsiteY2" fmla="*/ 4623 h 257435"/>
                    <a:gd name="connsiteX3" fmla="*/ 394489 w 489054"/>
                    <a:gd name="connsiteY3" fmla="*/ 0 h 257435"/>
                    <a:gd name="connsiteX4" fmla="*/ 459648 w 489054"/>
                    <a:gd name="connsiteY4" fmla="*/ 0 h 257435"/>
                    <a:gd name="connsiteX5" fmla="*/ 464271 w 489054"/>
                    <a:gd name="connsiteY5" fmla="*/ 5377 h 257435"/>
                    <a:gd name="connsiteX6" fmla="*/ 459648 w 489054"/>
                    <a:gd name="connsiteY6" fmla="*/ 10001 h 257435"/>
                    <a:gd name="connsiteX7" fmla="*/ 489055 w 489054"/>
                    <a:gd name="connsiteY7" fmla="*/ 35498 h 257435"/>
                    <a:gd name="connsiteX8" fmla="*/ 484069 w 489054"/>
                    <a:gd name="connsiteY8" fmla="*/ 30512 h 257435"/>
                    <a:gd name="connsiteX9" fmla="*/ 419759 w 489054"/>
                    <a:gd name="connsiteY9" fmla="*/ 30512 h 257435"/>
                    <a:gd name="connsiteX10" fmla="*/ 415136 w 489054"/>
                    <a:gd name="connsiteY10" fmla="*/ 35888 h 257435"/>
                    <a:gd name="connsiteX11" fmla="*/ 419759 w 489054"/>
                    <a:gd name="connsiteY11" fmla="*/ 40512 h 257435"/>
                    <a:gd name="connsiteX12" fmla="*/ 484069 w 489054"/>
                    <a:gd name="connsiteY12" fmla="*/ 40512 h 257435"/>
                    <a:gd name="connsiteX13" fmla="*/ 489055 w 489054"/>
                    <a:gd name="connsiteY13" fmla="*/ 35527 h 257435"/>
                    <a:gd name="connsiteX14" fmla="*/ 489055 w 489054"/>
                    <a:gd name="connsiteY14" fmla="*/ 35413 h 257435"/>
                    <a:gd name="connsiteX15" fmla="*/ 451149 w 489054"/>
                    <a:gd name="connsiteY15" fmla="*/ 65839 h 257435"/>
                    <a:gd name="connsiteX16" fmla="*/ 446163 w 489054"/>
                    <a:gd name="connsiteY16" fmla="*/ 60853 h 257435"/>
                    <a:gd name="connsiteX17" fmla="*/ 394489 w 489054"/>
                    <a:gd name="connsiteY17" fmla="*/ 60853 h 257435"/>
                    <a:gd name="connsiteX18" fmla="*/ 389865 w 489054"/>
                    <a:gd name="connsiteY18" fmla="*/ 66230 h 257435"/>
                    <a:gd name="connsiteX19" fmla="*/ 394489 w 489054"/>
                    <a:gd name="connsiteY19" fmla="*/ 70854 h 257435"/>
                    <a:gd name="connsiteX20" fmla="*/ 446163 w 489054"/>
                    <a:gd name="connsiteY20" fmla="*/ 70854 h 257435"/>
                    <a:gd name="connsiteX21" fmla="*/ 451149 w 489054"/>
                    <a:gd name="connsiteY21" fmla="*/ 65867 h 257435"/>
                    <a:gd name="connsiteX22" fmla="*/ 451149 w 489054"/>
                    <a:gd name="connsiteY22" fmla="*/ 65839 h 257435"/>
                    <a:gd name="connsiteX23" fmla="*/ 68409 w 489054"/>
                    <a:gd name="connsiteY23" fmla="*/ 229134 h 257435"/>
                    <a:gd name="connsiteX24" fmla="*/ 63423 w 489054"/>
                    <a:gd name="connsiteY24" fmla="*/ 224148 h 257435"/>
                    <a:gd name="connsiteX25" fmla="*/ 4638 w 489054"/>
                    <a:gd name="connsiteY25" fmla="*/ 224148 h 257435"/>
                    <a:gd name="connsiteX26" fmla="*/ 14 w 489054"/>
                    <a:gd name="connsiteY26" fmla="*/ 229525 h 257435"/>
                    <a:gd name="connsiteX27" fmla="*/ 4638 w 489054"/>
                    <a:gd name="connsiteY27" fmla="*/ 234148 h 257435"/>
                    <a:gd name="connsiteX28" fmla="*/ 63423 w 489054"/>
                    <a:gd name="connsiteY28" fmla="*/ 234148 h 257435"/>
                    <a:gd name="connsiteX29" fmla="*/ 68409 w 489054"/>
                    <a:gd name="connsiteY29" fmla="*/ 229162 h 257435"/>
                    <a:gd name="connsiteX30" fmla="*/ 68409 w 489054"/>
                    <a:gd name="connsiteY30" fmla="*/ 229134 h 257435"/>
                    <a:gd name="connsiteX31" fmla="*/ 68409 w 489054"/>
                    <a:gd name="connsiteY31" fmla="*/ 252450 h 257435"/>
                    <a:gd name="connsiteX32" fmla="*/ 63423 w 489054"/>
                    <a:gd name="connsiteY32" fmla="*/ 247463 h 257435"/>
                    <a:gd name="connsiteX33" fmla="*/ 22571 w 489054"/>
                    <a:gd name="connsiteY33" fmla="*/ 247463 h 257435"/>
                    <a:gd name="connsiteX34" fmla="*/ 17585 w 489054"/>
                    <a:gd name="connsiteY34" fmla="*/ 252450 h 257435"/>
                    <a:gd name="connsiteX35" fmla="*/ 22571 w 489054"/>
                    <a:gd name="connsiteY35" fmla="*/ 257436 h 257435"/>
                    <a:gd name="connsiteX36" fmla="*/ 63423 w 489054"/>
                    <a:gd name="connsiteY36" fmla="*/ 257436 h 257435"/>
                    <a:gd name="connsiteX37" fmla="*/ 68409 w 489054"/>
                    <a:gd name="connsiteY37" fmla="*/ 252450 h 2574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489054" h="257435">
                      <a:moveTo>
                        <a:pt x="459875" y="10001"/>
                      </a:moveTo>
                      <a:lnTo>
                        <a:pt x="394489" y="10001"/>
                      </a:lnTo>
                      <a:cubicBezTo>
                        <a:pt x="391727" y="9793"/>
                        <a:pt x="389658" y="7385"/>
                        <a:pt x="389865" y="4623"/>
                      </a:cubicBezTo>
                      <a:cubicBezTo>
                        <a:pt x="390052" y="2151"/>
                        <a:pt x="392016" y="186"/>
                        <a:pt x="394489" y="0"/>
                      </a:cubicBezTo>
                      <a:lnTo>
                        <a:pt x="459648" y="0"/>
                      </a:lnTo>
                      <a:cubicBezTo>
                        <a:pt x="462410" y="208"/>
                        <a:pt x="464478" y="2615"/>
                        <a:pt x="464271" y="5377"/>
                      </a:cubicBezTo>
                      <a:cubicBezTo>
                        <a:pt x="464084" y="7849"/>
                        <a:pt x="462121" y="9814"/>
                        <a:pt x="459648" y="10001"/>
                      </a:cubicBezTo>
                      <a:close/>
                      <a:moveTo>
                        <a:pt x="489055" y="35498"/>
                      </a:moveTo>
                      <a:cubicBezTo>
                        <a:pt x="489055" y="32744"/>
                        <a:pt x="486822" y="30512"/>
                        <a:pt x="484069" y="30512"/>
                      </a:cubicBezTo>
                      <a:lnTo>
                        <a:pt x="419759" y="30512"/>
                      </a:lnTo>
                      <a:cubicBezTo>
                        <a:pt x="416997" y="30719"/>
                        <a:pt x="414929" y="33127"/>
                        <a:pt x="415136" y="35888"/>
                      </a:cubicBezTo>
                      <a:cubicBezTo>
                        <a:pt x="415323" y="38361"/>
                        <a:pt x="417286" y="40326"/>
                        <a:pt x="419759" y="40512"/>
                      </a:cubicBezTo>
                      <a:lnTo>
                        <a:pt x="484069" y="40512"/>
                      </a:lnTo>
                      <a:cubicBezTo>
                        <a:pt x="486822" y="40513"/>
                        <a:pt x="489055" y="38281"/>
                        <a:pt x="489055" y="35527"/>
                      </a:cubicBezTo>
                      <a:cubicBezTo>
                        <a:pt x="489055" y="35489"/>
                        <a:pt x="489055" y="35451"/>
                        <a:pt x="489055" y="35413"/>
                      </a:cubicBezTo>
                      <a:close/>
                      <a:moveTo>
                        <a:pt x="451149" y="65839"/>
                      </a:moveTo>
                      <a:cubicBezTo>
                        <a:pt x="451149" y="63085"/>
                        <a:pt x="448917" y="60853"/>
                        <a:pt x="446163" y="60853"/>
                      </a:cubicBezTo>
                      <a:lnTo>
                        <a:pt x="394489" y="60853"/>
                      </a:lnTo>
                      <a:cubicBezTo>
                        <a:pt x="391727" y="61060"/>
                        <a:pt x="389658" y="63468"/>
                        <a:pt x="389865" y="66230"/>
                      </a:cubicBezTo>
                      <a:cubicBezTo>
                        <a:pt x="390052" y="68703"/>
                        <a:pt x="392016" y="70667"/>
                        <a:pt x="394489" y="70854"/>
                      </a:cubicBezTo>
                      <a:lnTo>
                        <a:pt x="446163" y="70854"/>
                      </a:lnTo>
                      <a:cubicBezTo>
                        <a:pt x="448917" y="70854"/>
                        <a:pt x="451149" y="68621"/>
                        <a:pt x="451149" y="65867"/>
                      </a:cubicBezTo>
                      <a:cubicBezTo>
                        <a:pt x="451149" y="65859"/>
                        <a:pt x="451149" y="65848"/>
                        <a:pt x="451149" y="65839"/>
                      </a:cubicBezTo>
                      <a:close/>
                      <a:moveTo>
                        <a:pt x="68409" y="229134"/>
                      </a:moveTo>
                      <a:cubicBezTo>
                        <a:pt x="68409" y="226380"/>
                        <a:pt x="66177" y="224148"/>
                        <a:pt x="63423" y="224148"/>
                      </a:cubicBezTo>
                      <a:lnTo>
                        <a:pt x="4638" y="224148"/>
                      </a:lnTo>
                      <a:cubicBezTo>
                        <a:pt x="1877" y="224355"/>
                        <a:pt x="-194" y="226763"/>
                        <a:pt x="14" y="229525"/>
                      </a:cubicBezTo>
                      <a:cubicBezTo>
                        <a:pt x="201" y="231998"/>
                        <a:pt x="2166" y="233961"/>
                        <a:pt x="4638" y="234148"/>
                      </a:cubicBezTo>
                      <a:lnTo>
                        <a:pt x="63423" y="234148"/>
                      </a:lnTo>
                      <a:cubicBezTo>
                        <a:pt x="66177" y="234148"/>
                        <a:pt x="68409" y="231916"/>
                        <a:pt x="68409" y="229162"/>
                      </a:cubicBezTo>
                      <a:cubicBezTo>
                        <a:pt x="68409" y="229154"/>
                        <a:pt x="68409" y="229142"/>
                        <a:pt x="68409" y="229134"/>
                      </a:cubicBezTo>
                      <a:close/>
                      <a:moveTo>
                        <a:pt x="68409" y="252450"/>
                      </a:moveTo>
                      <a:cubicBezTo>
                        <a:pt x="68409" y="249696"/>
                        <a:pt x="66177" y="247463"/>
                        <a:pt x="63423" y="247463"/>
                      </a:cubicBezTo>
                      <a:lnTo>
                        <a:pt x="22571" y="247463"/>
                      </a:lnTo>
                      <a:cubicBezTo>
                        <a:pt x="19817" y="247463"/>
                        <a:pt x="17585" y="249696"/>
                        <a:pt x="17585" y="252450"/>
                      </a:cubicBezTo>
                      <a:cubicBezTo>
                        <a:pt x="17585" y="255203"/>
                        <a:pt x="19817" y="257436"/>
                        <a:pt x="22571" y="257436"/>
                      </a:cubicBezTo>
                      <a:lnTo>
                        <a:pt x="63423" y="257436"/>
                      </a:lnTo>
                      <a:cubicBezTo>
                        <a:pt x="66177" y="257436"/>
                        <a:pt x="68409" y="255203"/>
                        <a:pt x="68409" y="252450"/>
                      </a:cubicBezTo>
                      <a:close/>
                    </a:path>
                  </a:pathLst>
                </a:custGeom>
                <a:solidFill>
                  <a:schemeClr val="accent2"/>
                </a:solidFill>
                <a:ln w="2811" cap="flat">
                  <a:noFill/>
                  <a:prstDash val="solid"/>
                  <a:miter/>
                </a:ln>
              </p:spPr>
              <p:txBody>
                <a:bodyPr rtlCol="0" anchor="ctr"/>
                <a:lstStyle/>
                <a:p>
                  <a:endParaRPr lang="en-US"/>
                </a:p>
              </p:txBody>
            </p:sp>
            <p:sp>
              <p:nvSpPr>
                <p:cNvPr id="226" name="Graphic 4">
                  <a:extLst>
                    <a:ext uri="{FF2B5EF4-FFF2-40B4-BE49-F238E27FC236}">
                      <a16:creationId xmlns:a16="http://schemas.microsoft.com/office/drawing/2014/main" id="{E5FE6FF2-E8BC-0D47-817B-81DB1D3E0CCF}"/>
                    </a:ext>
                  </a:extLst>
                </p:cNvPr>
                <p:cNvSpPr/>
                <p:nvPr/>
              </p:nvSpPr>
              <p:spPr>
                <a:xfrm>
                  <a:off x="1618020" y="4991864"/>
                  <a:ext cx="601747" cy="604536"/>
                </a:xfrm>
                <a:custGeom>
                  <a:avLst/>
                  <a:gdLst>
                    <a:gd name="connsiteX0" fmla="*/ 302391 w 601747"/>
                    <a:gd name="connsiteY0" fmla="*/ 482 h 604536"/>
                    <a:gd name="connsiteX1" fmla="*/ 0 w 601747"/>
                    <a:gd name="connsiteY1" fmla="*/ 302373 h 604536"/>
                    <a:gd name="connsiteX2" fmla="*/ 119804 w 601747"/>
                    <a:gd name="connsiteY2" fmla="*/ 543541 h 604536"/>
                    <a:gd name="connsiteX3" fmla="*/ 119804 w 601747"/>
                    <a:gd name="connsiteY3" fmla="*/ 543541 h 604536"/>
                    <a:gd name="connsiteX4" fmla="*/ 130087 w 601747"/>
                    <a:gd name="connsiteY4" fmla="*/ 551021 h 604536"/>
                    <a:gd name="connsiteX5" fmla="*/ 163262 w 601747"/>
                    <a:gd name="connsiteY5" fmla="*/ 571050 h 604536"/>
                    <a:gd name="connsiteX6" fmla="*/ 173942 w 601747"/>
                    <a:gd name="connsiteY6" fmla="*/ 576348 h 604536"/>
                    <a:gd name="connsiteX7" fmla="*/ 248819 w 601747"/>
                    <a:gd name="connsiteY7" fmla="*/ 600145 h 604536"/>
                    <a:gd name="connsiteX8" fmla="*/ 248819 w 601747"/>
                    <a:gd name="connsiteY8" fmla="*/ 600145 h 604536"/>
                    <a:gd name="connsiteX9" fmla="*/ 255788 w 601747"/>
                    <a:gd name="connsiteY9" fmla="*/ 601307 h 604536"/>
                    <a:gd name="connsiteX10" fmla="*/ 256553 w 601747"/>
                    <a:gd name="connsiteY10" fmla="*/ 601307 h 604536"/>
                    <a:gd name="connsiteX11" fmla="*/ 262956 w 601747"/>
                    <a:gd name="connsiteY11" fmla="*/ 602213 h 604536"/>
                    <a:gd name="connsiteX12" fmla="*/ 264145 w 601747"/>
                    <a:gd name="connsiteY12" fmla="*/ 602355 h 604536"/>
                    <a:gd name="connsiteX13" fmla="*/ 270236 w 601747"/>
                    <a:gd name="connsiteY13" fmla="*/ 603063 h 604536"/>
                    <a:gd name="connsiteX14" fmla="*/ 271653 w 601747"/>
                    <a:gd name="connsiteY14" fmla="*/ 603205 h 604536"/>
                    <a:gd name="connsiteX15" fmla="*/ 277772 w 601747"/>
                    <a:gd name="connsiteY15" fmla="*/ 603771 h 604536"/>
                    <a:gd name="connsiteX16" fmla="*/ 279160 w 601747"/>
                    <a:gd name="connsiteY16" fmla="*/ 603771 h 604536"/>
                    <a:gd name="connsiteX17" fmla="*/ 280010 w 601747"/>
                    <a:gd name="connsiteY17" fmla="*/ 603771 h 604536"/>
                    <a:gd name="connsiteX18" fmla="*/ 291144 w 601747"/>
                    <a:gd name="connsiteY18" fmla="*/ 604366 h 604536"/>
                    <a:gd name="connsiteX19" fmla="*/ 292136 w 601747"/>
                    <a:gd name="connsiteY19" fmla="*/ 604366 h 604536"/>
                    <a:gd name="connsiteX20" fmla="*/ 301513 w 601747"/>
                    <a:gd name="connsiteY20" fmla="*/ 604536 h 604536"/>
                    <a:gd name="connsiteX21" fmla="*/ 302391 w 601747"/>
                    <a:gd name="connsiteY21" fmla="*/ 604536 h 604536"/>
                    <a:gd name="connsiteX22" fmla="*/ 601733 w 601747"/>
                    <a:gd name="connsiteY22" fmla="*/ 299342 h 604536"/>
                    <a:gd name="connsiteX23" fmla="*/ 302391 w 601747"/>
                    <a:gd name="connsiteY23" fmla="*/ 0 h 604536"/>
                    <a:gd name="connsiteX24" fmla="*/ 302731 w 601747"/>
                    <a:gd name="connsiteY24" fmla="*/ 467135 h 604536"/>
                    <a:gd name="connsiteX25" fmla="*/ 361686 w 601747"/>
                    <a:gd name="connsiteY25" fmla="*/ 491471 h 604536"/>
                    <a:gd name="connsiteX26" fmla="*/ 361686 w 601747"/>
                    <a:gd name="connsiteY26" fmla="*/ 463764 h 604536"/>
                    <a:gd name="connsiteX27" fmla="*/ 373670 w 601747"/>
                    <a:gd name="connsiteY27" fmla="*/ 465577 h 604536"/>
                    <a:gd name="connsiteX28" fmla="*/ 317746 w 601747"/>
                    <a:gd name="connsiteY28" fmla="*/ 594592 h 604536"/>
                    <a:gd name="connsiteX29" fmla="*/ 302391 w 601747"/>
                    <a:gd name="connsiteY29" fmla="*/ 594989 h 604536"/>
                    <a:gd name="connsiteX30" fmla="*/ 287489 w 601747"/>
                    <a:gd name="connsiteY30" fmla="*/ 594621 h 604536"/>
                    <a:gd name="connsiteX31" fmla="*/ 231566 w 601747"/>
                    <a:gd name="connsiteY31" fmla="*/ 465577 h 604536"/>
                    <a:gd name="connsiteX32" fmla="*/ 243521 w 601747"/>
                    <a:gd name="connsiteY32" fmla="*/ 463764 h 604536"/>
                    <a:gd name="connsiteX33" fmla="*/ 243521 w 601747"/>
                    <a:gd name="connsiteY33" fmla="*/ 491471 h 604536"/>
                    <a:gd name="connsiteX34" fmla="*/ 220149 w 601747"/>
                    <a:gd name="connsiteY34" fmla="*/ 298118 h 604536"/>
                    <a:gd name="connsiteX35" fmla="*/ 219667 w 601747"/>
                    <a:gd name="connsiteY35" fmla="*/ 277125 h 604536"/>
                    <a:gd name="connsiteX36" fmla="*/ 261086 w 601747"/>
                    <a:gd name="connsiteY36" fmla="*/ 190180 h 604536"/>
                    <a:gd name="connsiteX37" fmla="*/ 386532 w 601747"/>
                    <a:gd name="connsiteY37" fmla="*/ 298118 h 604536"/>
                    <a:gd name="connsiteX38" fmla="*/ 386532 w 601747"/>
                    <a:gd name="connsiteY38" fmla="*/ 300667 h 604536"/>
                    <a:gd name="connsiteX39" fmla="*/ 401008 w 601747"/>
                    <a:gd name="connsiteY39" fmla="*/ 300356 h 604536"/>
                    <a:gd name="connsiteX40" fmla="*/ 401008 w 601747"/>
                    <a:gd name="connsiteY40" fmla="*/ 297919 h 604536"/>
                    <a:gd name="connsiteX41" fmla="*/ 405201 w 601747"/>
                    <a:gd name="connsiteY41" fmla="*/ 275454 h 604536"/>
                    <a:gd name="connsiteX42" fmla="*/ 414352 w 601747"/>
                    <a:gd name="connsiteY42" fmla="*/ 271572 h 604536"/>
                    <a:gd name="connsiteX43" fmla="*/ 416958 w 601747"/>
                    <a:gd name="connsiteY43" fmla="*/ 291403 h 604536"/>
                    <a:gd name="connsiteX44" fmla="*/ 416958 w 601747"/>
                    <a:gd name="connsiteY44" fmla="*/ 292933 h 604536"/>
                    <a:gd name="connsiteX45" fmla="*/ 400782 w 601747"/>
                    <a:gd name="connsiteY45" fmla="*/ 339706 h 604536"/>
                    <a:gd name="connsiteX46" fmla="*/ 399195 w 601747"/>
                    <a:gd name="connsiteY46" fmla="*/ 339706 h 604536"/>
                    <a:gd name="connsiteX47" fmla="*/ 398515 w 601747"/>
                    <a:gd name="connsiteY47" fmla="*/ 341179 h 604536"/>
                    <a:gd name="connsiteX48" fmla="*/ 302618 w 601747"/>
                    <a:gd name="connsiteY48" fmla="*/ 413450 h 604536"/>
                    <a:gd name="connsiteX49" fmla="*/ 207174 w 601747"/>
                    <a:gd name="connsiteY49" fmla="*/ 341179 h 604536"/>
                    <a:gd name="connsiteX50" fmla="*/ 206494 w 601747"/>
                    <a:gd name="connsiteY50" fmla="*/ 339678 h 604536"/>
                    <a:gd name="connsiteX51" fmla="*/ 204822 w 601747"/>
                    <a:gd name="connsiteY51" fmla="*/ 339678 h 604536"/>
                    <a:gd name="connsiteX52" fmla="*/ 198816 w 601747"/>
                    <a:gd name="connsiteY52" fmla="*/ 337100 h 604536"/>
                    <a:gd name="connsiteX53" fmla="*/ 187852 w 601747"/>
                    <a:gd name="connsiteY53" fmla="*/ 296276 h 604536"/>
                    <a:gd name="connsiteX54" fmla="*/ 190969 w 601747"/>
                    <a:gd name="connsiteY54" fmla="*/ 270213 h 604536"/>
                    <a:gd name="connsiteX55" fmla="*/ 195813 w 601747"/>
                    <a:gd name="connsiteY55" fmla="*/ 270553 h 604536"/>
                    <a:gd name="connsiteX56" fmla="*/ 204029 w 601747"/>
                    <a:gd name="connsiteY56" fmla="*/ 281630 h 604536"/>
                    <a:gd name="connsiteX57" fmla="*/ 205672 w 601747"/>
                    <a:gd name="connsiteY57" fmla="*/ 298033 h 604536"/>
                    <a:gd name="connsiteX58" fmla="*/ 205672 w 601747"/>
                    <a:gd name="connsiteY58" fmla="*/ 300469 h 604536"/>
                    <a:gd name="connsiteX59" fmla="*/ 220149 w 601747"/>
                    <a:gd name="connsiteY59" fmla="*/ 300781 h 604536"/>
                    <a:gd name="connsiteX60" fmla="*/ 302391 w 601747"/>
                    <a:gd name="connsiteY60" fmla="*/ 424583 h 604536"/>
                    <a:gd name="connsiteX61" fmla="*/ 338597 w 601747"/>
                    <a:gd name="connsiteY61" fmla="*/ 417926 h 604536"/>
                    <a:gd name="connsiteX62" fmla="*/ 338597 w 601747"/>
                    <a:gd name="connsiteY62" fmla="*/ 432969 h 604536"/>
                    <a:gd name="connsiteX63" fmla="*/ 302589 w 601747"/>
                    <a:gd name="connsiteY63" fmla="*/ 447814 h 604536"/>
                    <a:gd name="connsiteX64" fmla="*/ 266525 w 601747"/>
                    <a:gd name="connsiteY64" fmla="*/ 432941 h 604536"/>
                    <a:gd name="connsiteX65" fmla="*/ 266525 w 601747"/>
                    <a:gd name="connsiteY65" fmla="*/ 418011 h 604536"/>
                    <a:gd name="connsiteX66" fmla="*/ 302391 w 601747"/>
                    <a:gd name="connsiteY66" fmla="*/ 424583 h 604536"/>
                    <a:gd name="connsiteX67" fmla="*/ 350297 w 601747"/>
                    <a:gd name="connsiteY67" fmla="*/ 440250 h 604536"/>
                    <a:gd name="connsiteX68" fmla="*/ 350297 w 601747"/>
                    <a:gd name="connsiteY68" fmla="*/ 474558 h 604536"/>
                    <a:gd name="connsiteX69" fmla="*/ 308737 w 601747"/>
                    <a:gd name="connsiteY69" fmla="*/ 457390 h 604536"/>
                    <a:gd name="connsiteX70" fmla="*/ 296470 w 601747"/>
                    <a:gd name="connsiteY70" fmla="*/ 457390 h 604536"/>
                    <a:gd name="connsiteX71" fmla="*/ 254910 w 601747"/>
                    <a:gd name="connsiteY71" fmla="*/ 474558 h 604536"/>
                    <a:gd name="connsiteX72" fmla="*/ 254910 w 601747"/>
                    <a:gd name="connsiteY72" fmla="*/ 440250 h 604536"/>
                    <a:gd name="connsiteX73" fmla="*/ 430953 w 601747"/>
                    <a:gd name="connsiteY73" fmla="*/ 483822 h 604536"/>
                    <a:gd name="connsiteX74" fmla="*/ 473023 w 601747"/>
                    <a:gd name="connsiteY74" fmla="*/ 539377 h 604536"/>
                    <a:gd name="connsiteX75" fmla="*/ 440585 w 601747"/>
                    <a:gd name="connsiteY75" fmla="*/ 559860 h 604536"/>
                    <a:gd name="connsiteX76" fmla="*/ 330098 w 601747"/>
                    <a:gd name="connsiteY76" fmla="*/ 593572 h 604536"/>
                    <a:gd name="connsiteX77" fmla="*/ 330098 w 601747"/>
                    <a:gd name="connsiteY77" fmla="*/ 593572 h 604536"/>
                    <a:gd name="connsiteX78" fmla="*/ 384775 w 601747"/>
                    <a:gd name="connsiteY78" fmla="*/ 467645 h 604536"/>
                    <a:gd name="connsiteX79" fmla="*/ 418771 w 601747"/>
                    <a:gd name="connsiteY79" fmla="*/ 478014 h 604536"/>
                    <a:gd name="connsiteX80" fmla="*/ 429877 w 601747"/>
                    <a:gd name="connsiteY80" fmla="*/ 565441 h 604536"/>
                    <a:gd name="connsiteX81" fmla="*/ 330098 w 601747"/>
                    <a:gd name="connsiteY81" fmla="*/ 593657 h 604536"/>
                    <a:gd name="connsiteX82" fmla="*/ 274996 w 601747"/>
                    <a:gd name="connsiteY82" fmla="*/ 593572 h 604536"/>
                    <a:gd name="connsiteX83" fmla="*/ 175274 w 601747"/>
                    <a:gd name="connsiteY83" fmla="*/ 565781 h 604536"/>
                    <a:gd name="connsiteX84" fmla="*/ 186408 w 601747"/>
                    <a:gd name="connsiteY84" fmla="*/ 477957 h 604536"/>
                    <a:gd name="connsiteX85" fmla="*/ 220404 w 601747"/>
                    <a:gd name="connsiteY85" fmla="*/ 467617 h 604536"/>
                    <a:gd name="connsiteX86" fmla="*/ 164508 w 601747"/>
                    <a:gd name="connsiteY86" fmla="*/ 560313 h 604536"/>
                    <a:gd name="connsiteX87" fmla="*/ 131929 w 601747"/>
                    <a:gd name="connsiteY87" fmla="*/ 540000 h 604536"/>
                    <a:gd name="connsiteX88" fmla="*/ 174226 w 601747"/>
                    <a:gd name="connsiteY88" fmla="*/ 483737 h 604536"/>
                    <a:gd name="connsiteX89" fmla="*/ 482797 w 601747"/>
                    <a:gd name="connsiteY89" fmla="*/ 532209 h 604536"/>
                    <a:gd name="connsiteX90" fmla="*/ 482797 w 601747"/>
                    <a:gd name="connsiteY90" fmla="*/ 531898 h 604536"/>
                    <a:gd name="connsiteX91" fmla="*/ 479114 w 601747"/>
                    <a:gd name="connsiteY91" fmla="*/ 520792 h 604536"/>
                    <a:gd name="connsiteX92" fmla="*/ 361573 w 601747"/>
                    <a:gd name="connsiteY92" fmla="*/ 452177 h 604536"/>
                    <a:gd name="connsiteX93" fmla="*/ 361573 w 601747"/>
                    <a:gd name="connsiteY93" fmla="*/ 423507 h 604536"/>
                    <a:gd name="connsiteX94" fmla="*/ 349929 w 601747"/>
                    <a:gd name="connsiteY94" fmla="*/ 428295 h 604536"/>
                    <a:gd name="connsiteX95" fmla="*/ 349929 w 601747"/>
                    <a:gd name="connsiteY95" fmla="*/ 412741 h 604536"/>
                    <a:gd name="connsiteX96" fmla="*/ 406731 w 601747"/>
                    <a:gd name="connsiteY96" fmla="*/ 349707 h 604536"/>
                    <a:gd name="connsiteX97" fmla="*/ 427242 w 601747"/>
                    <a:gd name="connsiteY97" fmla="*/ 305795 h 604536"/>
                    <a:gd name="connsiteX98" fmla="*/ 423786 w 601747"/>
                    <a:gd name="connsiteY98" fmla="*/ 264405 h 604536"/>
                    <a:gd name="connsiteX99" fmla="*/ 403785 w 601747"/>
                    <a:gd name="connsiteY99" fmla="*/ 153917 h 604536"/>
                    <a:gd name="connsiteX100" fmla="*/ 303808 w 601747"/>
                    <a:gd name="connsiteY100" fmla="*/ 125786 h 604536"/>
                    <a:gd name="connsiteX101" fmla="*/ 303298 w 601747"/>
                    <a:gd name="connsiteY101" fmla="*/ 125786 h 604536"/>
                    <a:gd name="connsiteX102" fmla="*/ 202896 w 601747"/>
                    <a:gd name="connsiteY102" fmla="*/ 153946 h 604536"/>
                    <a:gd name="connsiteX103" fmla="*/ 182498 w 601747"/>
                    <a:gd name="connsiteY103" fmla="*/ 262082 h 604536"/>
                    <a:gd name="connsiteX104" fmla="*/ 177172 w 601747"/>
                    <a:gd name="connsiteY104" fmla="*/ 305824 h 604536"/>
                    <a:gd name="connsiteX105" fmla="*/ 198675 w 601747"/>
                    <a:gd name="connsiteY105" fmla="*/ 349877 h 604536"/>
                    <a:gd name="connsiteX106" fmla="*/ 255335 w 601747"/>
                    <a:gd name="connsiteY106" fmla="*/ 412968 h 604536"/>
                    <a:gd name="connsiteX107" fmla="*/ 255335 w 601747"/>
                    <a:gd name="connsiteY107" fmla="*/ 428408 h 604536"/>
                    <a:gd name="connsiteX108" fmla="*/ 243691 w 601747"/>
                    <a:gd name="connsiteY108" fmla="*/ 423620 h 604536"/>
                    <a:gd name="connsiteX109" fmla="*/ 243691 w 601747"/>
                    <a:gd name="connsiteY109" fmla="*/ 452432 h 604536"/>
                    <a:gd name="connsiteX110" fmla="*/ 126150 w 601747"/>
                    <a:gd name="connsiteY110" fmla="*/ 521047 h 604536"/>
                    <a:gd name="connsiteX111" fmla="*/ 122268 w 601747"/>
                    <a:gd name="connsiteY111" fmla="*/ 532889 h 604536"/>
                    <a:gd name="connsiteX112" fmla="*/ 72140 w 601747"/>
                    <a:gd name="connsiteY112" fmla="*/ 122632 h 604536"/>
                    <a:gd name="connsiteX113" fmla="*/ 482398 w 601747"/>
                    <a:gd name="connsiteY113" fmla="*/ 72503 h 604536"/>
                    <a:gd name="connsiteX114" fmla="*/ 532525 w 601747"/>
                    <a:gd name="connsiteY114" fmla="*/ 482759 h 604536"/>
                    <a:gd name="connsiteX115" fmla="*/ 482939 w 601747"/>
                    <a:gd name="connsiteY115" fmla="*/ 532464 h 6045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Lst>
                  <a:rect l="l" t="t" r="r" b="b"/>
                  <a:pathLst>
                    <a:path w="601747" h="604536">
                      <a:moveTo>
                        <a:pt x="302391" y="482"/>
                      </a:moveTo>
                      <a:cubicBezTo>
                        <a:pt x="135524" y="343"/>
                        <a:pt x="139" y="135504"/>
                        <a:pt x="0" y="302373"/>
                      </a:cubicBezTo>
                      <a:cubicBezTo>
                        <a:pt x="-78" y="397097"/>
                        <a:pt x="44272" y="486377"/>
                        <a:pt x="119804" y="543541"/>
                      </a:cubicBezTo>
                      <a:lnTo>
                        <a:pt x="119804" y="543541"/>
                      </a:lnTo>
                      <a:cubicBezTo>
                        <a:pt x="123203" y="546128"/>
                        <a:pt x="126631" y="548621"/>
                        <a:pt x="130087" y="551021"/>
                      </a:cubicBezTo>
                      <a:cubicBezTo>
                        <a:pt x="140696" y="558415"/>
                        <a:pt x="151778" y="565106"/>
                        <a:pt x="163262" y="571050"/>
                      </a:cubicBezTo>
                      <a:cubicBezTo>
                        <a:pt x="166803" y="572891"/>
                        <a:pt x="170344" y="574676"/>
                        <a:pt x="173942" y="576348"/>
                      </a:cubicBezTo>
                      <a:cubicBezTo>
                        <a:pt x="197748" y="587532"/>
                        <a:pt x="222922" y="595533"/>
                        <a:pt x="248819" y="600145"/>
                      </a:cubicBezTo>
                      <a:lnTo>
                        <a:pt x="248819" y="600145"/>
                      </a:lnTo>
                      <a:lnTo>
                        <a:pt x="255788" y="601307"/>
                      </a:lnTo>
                      <a:lnTo>
                        <a:pt x="256553" y="601307"/>
                      </a:lnTo>
                      <a:lnTo>
                        <a:pt x="262956" y="602213"/>
                      </a:lnTo>
                      <a:lnTo>
                        <a:pt x="264145" y="602355"/>
                      </a:lnTo>
                      <a:lnTo>
                        <a:pt x="270236" y="603063"/>
                      </a:lnTo>
                      <a:lnTo>
                        <a:pt x="271653" y="603205"/>
                      </a:lnTo>
                      <a:cubicBezTo>
                        <a:pt x="273693" y="603431"/>
                        <a:pt x="275732" y="603601"/>
                        <a:pt x="277772" y="603771"/>
                      </a:cubicBezTo>
                      <a:lnTo>
                        <a:pt x="279160" y="603771"/>
                      </a:lnTo>
                      <a:lnTo>
                        <a:pt x="280010" y="603771"/>
                      </a:lnTo>
                      <a:cubicBezTo>
                        <a:pt x="283787" y="604018"/>
                        <a:pt x="287498" y="604216"/>
                        <a:pt x="291144" y="604366"/>
                      </a:cubicBezTo>
                      <a:lnTo>
                        <a:pt x="292136" y="604366"/>
                      </a:lnTo>
                      <a:cubicBezTo>
                        <a:pt x="295252" y="604366"/>
                        <a:pt x="298368" y="604536"/>
                        <a:pt x="301513" y="604536"/>
                      </a:cubicBezTo>
                      <a:lnTo>
                        <a:pt x="302391" y="604536"/>
                      </a:lnTo>
                      <a:cubicBezTo>
                        <a:pt x="469329" y="602921"/>
                        <a:pt x="603350" y="466280"/>
                        <a:pt x="601733" y="299342"/>
                      </a:cubicBezTo>
                      <a:cubicBezTo>
                        <a:pt x="600138" y="134685"/>
                        <a:pt x="467049" y="1594"/>
                        <a:pt x="302391" y="0"/>
                      </a:cubicBezTo>
                      <a:close/>
                      <a:moveTo>
                        <a:pt x="302731" y="467135"/>
                      </a:moveTo>
                      <a:lnTo>
                        <a:pt x="361686" y="491471"/>
                      </a:lnTo>
                      <a:lnTo>
                        <a:pt x="361686" y="463764"/>
                      </a:lnTo>
                      <a:cubicBezTo>
                        <a:pt x="365766" y="464302"/>
                        <a:pt x="369760" y="464925"/>
                        <a:pt x="373670" y="465577"/>
                      </a:cubicBezTo>
                      <a:lnTo>
                        <a:pt x="317746" y="594592"/>
                      </a:lnTo>
                      <a:cubicBezTo>
                        <a:pt x="312647" y="594847"/>
                        <a:pt x="307547" y="594989"/>
                        <a:pt x="302391" y="594989"/>
                      </a:cubicBezTo>
                      <a:cubicBezTo>
                        <a:pt x="297235" y="594989"/>
                        <a:pt x="292419" y="594989"/>
                        <a:pt x="287489" y="594621"/>
                      </a:cubicBezTo>
                      <a:lnTo>
                        <a:pt x="231566" y="465577"/>
                      </a:lnTo>
                      <a:cubicBezTo>
                        <a:pt x="235447" y="464925"/>
                        <a:pt x="239442" y="464302"/>
                        <a:pt x="243521" y="463764"/>
                      </a:cubicBezTo>
                      <a:lnTo>
                        <a:pt x="243521" y="491471"/>
                      </a:lnTo>
                      <a:close/>
                      <a:moveTo>
                        <a:pt x="220149" y="298118"/>
                      </a:moveTo>
                      <a:cubicBezTo>
                        <a:pt x="220149" y="290752"/>
                        <a:pt x="219894" y="283811"/>
                        <a:pt x="219667" y="277125"/>
                      </a:cubicBezTo>
                      <a:cubicBezTo>
                        <a:pt x="218307" y="238908"/>
                        <a:pt x="217401" y="213609"/>
                        <a:pt x="261086" y="190180"/>
                      </a:cubicBezTo>
                      <a:cubicBezTo>
                        <a:pt x="361374" y="199642"/>
                        <a:pt x="386617" y="213467"/>
                        <a:pt x="386532" y="298118"/>
                      </a:cubicBezTo>
                      <a:lnTo>
                        <a:pt x="386532" y="300667"/>
                      </a:lnTo>
                      <a:lnTo>
                        <a:pt x="401008" y="300356"/>
                      </a:lnTo>
                      <a:lnTo>
                        <a:pt x="401008" y="297919"/>
                      </a:lnTo>
                      <a:cubicBezTo>
                        <a:pt x="401008" y="286587"/>
                        <a:pt x="402368" y="279816"/>
                        <a:pt x="405201" y="275454"/>
                      </a:cubicBezTo>
                      <a:cubicBezTo>
                        <a:pt x="406958" y="272621"/>
                        <a:pt x="409989" y="269788"/>
                        <a:pt x="414352" y="271572"/>
                      </a:cubicBezTo>
                      <a:cubicBezTo>
                        <a:pt x="417326" y="272706"/>
                        <a:pt x="417185" y="282904"/>
                        <a:pt x="416958" y="291403"/>
                      </a:cubicBezTo>
                      <a:lnTo>
                        <a:pt x="416958" y="292933"/>
                      </a:lnTo>
                      <a:cubicBezTo>
                        <a:pt x="416533" y="315597"/>
                        <a:pt x="409932" y="339706"/>
                        <a:pt x="400782" y="339706"/>
                      </a:cubicBezTo>
                      <a:lnTo>
                        <a:pt x="399195" y="339706"/>
                      </a:lnTo>
                      <a:lnTo>
                        <a:pt x="398515" y="341179"/>
                      </a:lnTo>
                      <a:cubicBezTo>
                        <a:pt x="377608" y="387103"/>
                        <a:pt x="342648" y="413450"/>
                        <a:pt x="302618" y="413450"/>
                      </a:cubicBezTo>
                      <a:cubicBezTo>
                        <a:pt x="279274" y="413450"/>
                        <a:pt x="235815" y="404072"/>
                        <a:pt x="207174" y="341179"/>
                      </a:cubicBezTo>
                      <a:lnTo>
                        <a:pt x="206494" y="339678"/>
                      </a:lnTo>
                      <a:lnTo>
                        <a:pt x="204822" y="339678"/>
                      </a:lnTo>
                      <a:cubicBezTo>
                        <a:pt x="202547" y="339703"/>
                        <a:pt x="200366" y="338769"/>
                        <a:pt x="198816" y="337100"/>
                      </a:cubicBezTo>
                      <a:cubicBezTo>
                        <a:pt x="192555" y="331122"/>
                        <a:pt x="188249" y="315087"/>
                        <a:pt x="187852" y="296276"/>
                      </a:cubicBezTo>
                      <a:cubicBezTo>
                        <a:pt x="187343" y="272167"/>
                        <a:pt x="190940" y="270213"/>
                        <a:pt x="190969" y="270213"/>
                      </a:cubicBezTo>
                      <a:cubicBezTo>
                        <a:pt x="192552" y="269592"/>
                        <a:pt x="194332" y="269717"/>
                        <a:pt x="195813" y="270553"/>
                      </a:cubicBezTo>
                      <a:cubicBezTo>
                        <a:pt x="199830" y="273099"/>
                        <a:pt x="202760" y="277046"/>
                        <a:pt x="204029" y="281630"/>
                      </a:cubicBezTo>
                      <a:cubicBezTo>
                        <a:pt x="205247" y="287009"/>
                        <a:pt x="205800" y="292520"/>
                        <a:pt x="205672" y="298033"/>
                      </a:cubicBezTo>
                      <a:lnTo>
                        <a:pt x="205672" y="300469"/>
                      </a:lnTo>
                      <a:lnTo>
                        <a:pt x="220149" y="300781"/>
                      </a:lnTo>
                      <a:close/>
                      <a:moveTo>
                        <a:pt x="302391" y="424583"/>
                      </a:moveTo>
                      <a:cubicBezTo>
                        <a:pt x="314769" y="424620"/>
                        <a:pt x="327044" y="422362"/>
                        <a:pt x="338597" y="417926"/>
                      </a:cubicBezTo>
                      <a:lnTo>
                        <a:pt x="338597" y="432969"/>
                      </a:lnTo>
                      <a:lnTo>
                        <a:pt x="302589" y="447814"/>
                      </a:lnTo>
                      <a:lnTo>
                        <a:pt x="266525" y="432941"/>
                      </a:lnTo>
                      <a:lnTo>
                        <a:pt x="266525" y="418011"/>
                      </a:lnTo>
                      <a:cubicBezTo>
                        <a:pt x="277973" y="422391"/>
                        <a:pt x="290133" y="424617"/>
                        <a:pt x="302391" y="424583"/>
                      </a:cubicBezTo>
                      <a:close/>
                      <a:moveTo>
                        <a:pt x="350297" y="440250"/>
                      </a:moveTo>
                      <a:lnTo>
                        <a:pt x="350297" y="474558"/>
                      </a:lnTo>
                      <a:lnTo>
                        <a:pt x="308737" y="457390"/>
                      </a:lnTo>
                      <a:close/>
                      <a:moveTo>
                        <a:pt x="296470" y="457390"/>
                      </a:moveTo>
                      <a:lnTo>
                        <a:pt x="254910" y="474558"/>
                      </a:lnTo>
                      <a:lnTo>
                        <a:pt x="254910" y="440250"/>
                      </a:lnTo>
                      <a:close/>
                      <a:moveTo>
                        <a:pt x="430953" y="483822"/>
                      </a:moveTo>
                      <a:cubicBezTo>
                        <a:pt x="456450" y="497987"/>
                        <a:pt x="467924" y="517251"/>
                        <a:pt x="473023" y="539377"/>
                      </a:cubicBezTo>
                      <a:cubicBezTo>
                        <a:pt x="462669" y="546904"/>
                        <a:pt x="451832" y="553746"/>
                        <a:pt x="440585" y="559860"/>
                      </a:cubicBezTo>
                      <a:close/>
                      <a:moveTo>
                        <a:pt x="330098" y="593572"/>
                      </a:moveTo>
                      <a:lnTo>
                        <a:pt x="330098" y="593572"/>
                      </a:lnTo>
                      <a:lnTo>
                        <a:pt x="384775" y="467645"/>
                      </a:lnTo>
                      <a:cubicBezTo>
                        <a:pt x="396402" y="470056"/>
                        <a:pt x="407779" y="473526"/>
                        <a:pt x="418771" y="478014"/>
                      </a:cubicBezTo>
                      <a:lnTo>
                        <a:pt x="429877" y="565441"/>
                      </a:lnTo>
                      <a:cubicBezTo>
                        <a:pt x="398589" y="580779"/>
                        <a:pt x="364785" y="590337"/>
                        <a:pt x="330098" y="593657"/>
                      </a:cubicBezTo>
                      <a:close/>
                      <a:moveTo>
                        <a:pt x="274996" y="593572"/>
                      </a:moveTo>
                      <a:cubicBezTo>
                        <a:pt x="240360" y="590351"/>
                        <a:pt x="206582" y="580940"/>
                        <a:pt x="175274" y="565781"/>
                      </a:cubicBezTo>
                      <a:lnTo>
                        <a:pt x="186408" y="477957"/>
                      </a:lnTo>
                      <a:cubicBezTo>
                        <a:pt x="197405" y="473492"/>
                        <a:pt x="208783" y="470030"/>
                        <a:pt x="220404" y="467617"/>
                      </a:cubicBezTo>
                      <a:close/>
                      <a:moveTo>
                        <a:pt x="164508" y="560313"/>
                      </a:moveTo>
                      <a:cubicBezTo>
                        <a:pt x="153221" y="554253"/>
                        <a:pt x="142339" y="547468"/>
                        <a:pt x="131929" y="540000"/>
                      </a:cubicBezTo>
                      <a:cubicBezTo>
                        <a:pt x="136972" y="517591"/>
                        <a:pt x="148360" y="497958"/>
                        <a:pt x="174226" y="483737"/>
                      </a:cubicBezTo>
                      <a:close/>
                      <a:moveTo>
                        <a:pt x="482797" y="532209"/>
                      </a:moveTo>
                      <a:lnTo>
                        <a:pt x="482797" y="531898"/>
                      </a:lnTo>
                      <a:cubicBezTo>
                        <a:pt x="481783" y="528130"/>
                        <a:pt x="480553" y="524421"/>
                        <a:pt x="479114" y="520792"/>
                      </a:cubicBezTo>
                      <a:cubicBezTo>
                        <a:pt x="463986" y="482802"/>
                        <a:pt x="425514" y="460364"/>
                        <a:pt x="361573" y="452177"/>
                      </a:cubicBezTo>
                      <a:lnTo>
                        <a:pt x="361573" y="423507"/>
                      </a:lnTo>
                      <a:lnTo>
                        <a:pt x="349929" y="428295"/>
                      </a:lnTo>
                      <a:lnTo>
                        <a:pt x="349929" y="412741"/>
                      </a:lnTo>
                      <a:cubicBezTo>
                        <a:pt x="379109" y="397160"/>
                        <a:pt x="396872" y="370246"/>
                        <a:pt x="406731" y="349707"/>
                      </a:cubicBezTo>
                      <a:cubicBezTo>
                        <a:pt x="420896" y="344182"/>
                        <a:pt x="425712" y="319960"/>
                        <a:pt x="427242" y="305795"/>
                      </a:cubicBezTo>
                      <a:cubicBezTo>
                        <a:pt x="427780" y="301036"/>
                        <a:pt x="430075" y="276955"/>
                        <a:pt x="423786" y="264405"/>
                      </a:cubicBezTo>
                      <a:cubicBezTo>
                        <a:pt x="427185" y="212872"/>
                        <a:pt x="424975" y="176383"/>
                        <a:pt x="403785" y="153917"/>
                      </a:cubicBezTo>
                      <a:cubicBezTo>
                        <a:pt x="385823" y="134625"/>
                        <a:pt x="354037" y="125786"/>
                        <a:pt x="303808" y="125786"/>
                      </a:cubicBezTo>
                      <a:lnTo>
                        <a:pt x="303298" y="125786"/>
                      </a:lnTo>
                      <a:cubicBezTo>
                        <a:pt x="252842" y="125786"/>
                        <a:pt x="220942" y="134738"/>
                        <a:pt x="202896" y="153946"/>
                      </a:cubicBezTo>
                      <a:cubicBezTo>
                        <a:pt x="181875" y="176298"/>
                        <a:pt x="179467" y="211909"/>
                        <a:pt x="182498" y="262082"/>
                      </a:cubicBezTo>
                      <a:cubicBezTo>
                        <a:pt x="174396" y="273924"/>
                        <a:pt x="176634" y="300526"/>
                        <a:pt x="177172" y="305824"/>
                      </a:cubicBezTo>
                      <a:cubicBezTo>
                        <a:pt x="178617" y="319989"/>
                        <a:pt x="183348" y="344437"/>
                        <a:pt x="198675" y="349877"/>
                      </a:cubicBezTo>
                      <a:cubicBezTo>
                        <a:pt x="212840" y="378859"/>
                        <a:pt x="232246" y="400616"/>
                        <a:pt x="255335" y="412968"/>
                      </a:cubicBezTo>
                      <a:lnTo>
                        <a:pt x="255335" y="428408"/>
                      </a:lnTo>
                      <a:lnTo>
                        <a:pt x="243691" y="423620"/>
                      </a:lnTo>
                      <a:lnTo>
                        <a:pt x="243691" y="452432"/>
                      </a:lnTo>
                      <a:cubicBezTo>
                        <a:pt x="179722" y="460619"/>
                        <a:pt x="141278" y="483085"/>
                        <a:pt x="126150" y="521047"/>
                      </a:cubicBezTo>
                      <a:cubicBezTo>
                        <a:pt x="124614" y="524912"/>
                        <a:pt x="123318" y="528866"/>
                        <a:pt x="122268" y="532889"/>
                      </a:cubicBezTo>
                      <a:cubicBezTo>
                        <a:pt x="-4864" y="433442"/>
                        <a:pt x="-27307" y="249764"/>
                        <a:pt x="72140" y="122632"/>
                      </a:cubicBezTo>
                      <a:cubicBezTo>
                        <a:pt x="171586" y="-4500"/>
                        <a:pt x="355264" y="-26944"/>
                        <a:pt x="482398" y="72503"/>
                      </a:cubicBezTo>
                      <a:cubicBezTo>
                        <a:pt x="609529" y="171950"/>
                        <a:pt x="631972" y="355628"/>
                        <a:pt x="532525" y="482759"/>
                      </a:cubicBezTo>
                      <a:cubicBezTo>
                        <a:pt x="518054" y="501262"/>
                        <a:pt x="501404" y="517948"/>
                        <a:pt x="482939" y="532464"/>
                      </a:cubicBezTo>
                      <a:close/>
                    </a:path>
                  </a:pathLst>
                </a:custGeom>
                <a:solidFill>
                  <a:schemeClr val="accent2"/>
                </a:solidFill>
                <a:ln w="2811" cap="flat">
                  <a:noFill/>
                  <a:prstDash val="solid"/>
                  <a:miter/>
                </a:ln>
              </p:spPr>
              <p:txBody>
                <a:bodyPr rtlCol="0" anchor="ctr"/>
                <a:lstStyle/>
                <a:p>
                  <a:endParaRPr lang="en-US"/>
                </a:p>
              </p:txBody>
            </p:sp>
            <p:sp>
              <p:nvSpPr>
                <p:cNvPr id="227" name="Graphic 4">
                  <a:extLst>
                    <a:ext uri="{FF2B5EF4-FFF2-40B4-BE49-F238E27FC236}">
                      <a16:creationId xmlns:a16="http://schemas.microsoft.com/office/drawing/2014/main" id="{160DB6A6-FD04-CA4C-AA50-B27AA67A2837}"/>
                    </a:ext>
                  </a:extLst>
                </p:cNvPr>
                <p:cNvSpPr/>
                <p:nvPr/>
              </p:nvSpPr>
              <p:spPr>
                <a:xfrm>
                  <a:off x="1891713" y="4897949"/>
                  <a:ext cx="295328" cy="514330"/>
                </a:xfrm>
                <a:custGeom>
                  <a:avLst/>
                  <a:gdLst>
                    <a:gd name="connsiteX0" fmla="*/ 265085 w 295328"/>
                    <a:gd name="connsiteY0" fmla="*/ 407444 h 514330"/>
                    <a:gd name="connsiteX1" fmla="*/ 271966 w 295328"/>
                    <a:gd name="connsiteY1" fmla="*/ 407104 h 514330"/>
                    <a:gd name="connsiteX2" fmla="*/ 271969 w 295328"/>
                    <a:gd name="connsiteY2" fmla="*/ 407104 h 514330"/>
                    <a:gd name="connsiteX3" fmla="*/ 279165 w 295328"/>
                    <a:gd name="connsiteY3" fmla="*/ 413648 h 514330"/>
                    <a:gd name="connsiteX4" fmla="*/ 285709 w 295328"/>
                    <a:gd name="connsiteY4" fmla="*/ 406424 h 514330"/>
                    <a:gd name="connsiteX5" fmla="*/ 292593 w 295328"/>
                    <a:gd name="connsiteY5" fmla="*/ 406084 h 514330"/>
                    <a:gd name="connsiteX6" fmla="*/ 292973 w 295328"/>
                    <a:gd name="connsiteY6" fmla="*/ 412925 h 514330"/>
                    <a:gd name="connsiteX7" fmla="*/ 292933 w 295328"/>
                    <a:gd name="connsiteY7" fmla="*/ 412968 h 514330"/>
                    <a:gd name="connsiteX8" fmla="*/ 286502 w 295328"/>
                    <a:gd name="connsiteY8" fmla="*/ 420192 h 514330"/>
                    <a:gd name="connsiteX9" fmla="*/ 293727 w 295328"/>
                    <a:gd name="connsiteY9" fmla="*/ 426736 h 514330"/>
                    <a:gd name="connsiteX10" fmla="*/ 294067 w 295328"/>
                    <a:gd name="connsiteY10" fmla="*/ 433621 h 514330"/>
                    <a:gd name="connsiteX11" fmla="*/ 287182 w 295328"/>
                    <a:gd name="connsiteY11" fmla="*/ 433961 h 514330"/>
                    <a:gd name="connsiteX12" fmla="*/ 279958 w 295328"/>
                    <a:gd name="connsiteY12" fmla="*/ 427416 h 514330"/>
                    <a:gd name="connsiteX13" fmla="*/ 272904 w 295328"/>
                    <a:gd name="connsiteY13" fmla="*/ 435009 h 514330"/>
                    <a:gd name="connsiteX14" fmla="*/ 266020 w 295328"/>
                    <a:gd name="connsiteY14" fmla="*/ 435349 h 514330"/>
                    <a:gd name="connsiteX15" fmla="*/ 265680 w 295328"/>
                    <a:gd name="connsiteY15" fmla="*/ 428465 h 514330"/>
                    <a:gd name="connsiteX16" fmla="*/ 272649 w 295328"/>
                    <a:gd name="connsiteY16" fmla="*/ 420815 h 514330"/>
                    <a:gd name="connsiteX17" fmla="*/ 265425 w 295328"/>
                    <a:gd name="connsiteY17" fmla="*/ 414271 h 514330"/>
                    <a:gd name="connsiteX18" fmla="*/ 265085 w 295328"/>
                    <a:gd name="connsiteY18" fmla="*/ 407444 h 514330"/>
                    <a:gd name="connsiteX19" fmla="*/ 259702 w 295328"/>
                    <a:gd name="connsiteY19" fmla="*/ 481612 h 514330"/>
                    <a:gd name="connsiteX20" fmla="*/ 239049 w 295328"/>
                    <a:gd name="connsiteY20" fmla="*/ 460987 h 514330"/>
                    <a:gd name="connsiteX21" fmla="*/ 235270 w 295328"/>
                    <a:gd name="connsiteY21" fmla="*/ 456523 h 514330"/>
                    <a:gd name="connsiteX22" fmla="*/ 230805 w 295328"/>
                    <a:gd name="connsiteY22" fmla="*/ 460305 h 514330"/>
                    <a:gd name="connsiteX23" fmla="*/ 230805 w 295328"/>
                    <a:gd name="connsiteY23" fmla="*/ 460987 h 514330"/>
                    <a:gd name="connsiteX24" fmla="*/ 210153 w 295328"/>
                    <a:gd name="connsiteY24" fmla="*/ 481612 h 514330"/>
                    <a:gd name="connsiteX25" fmla="*/ 206017 w 295328"/>
                    <a:gd name="connsiteY25" fmla="*/ 485748 h 514330"/>
                    <a:gd name="connsiteX26" fmla="*/ 210153 w 295328"/>
                    <a:gd name="connsiteY26" fmla="*/ 489884 h 514330"/>
                    <a:gd name="connsiteX27" fmla="*/ 230805 w 295328"/>
                    <a:gd name="connsiteY27" fmla="*/ 510537 h 514330"/>
                    <a:gd name="connsiteX28" fmla="*/ 235270 w 295328"/>
                    <a:gd name="connsiteY28" fmla="*/ 514316 h 514330"/>
                    <a:gd name="connsiteX29" fmla="*/ 239049 w 295328"/>
                    <a:gd name="connsiteY29" fmla="*/ 510537 h 514330"/>
                    <a:gd name="connsiteX30" fmla="*/ 259702 w 295328"/>
                    <a:gd name="connsiteY30" fmla="*/ 489884 h 514330"/>
                    <a:gd name="connsiteX31" fmla="*/ 263838 w 295328"/>
                    <a:gd name="connsiteY31" fmla="*/ 485748 h 514330"/>
                    <a:gd name="connsiteX32" fmla="*/ 259702 w 295328"/>
                    <a:gd name="connsiteY32" fmla="*/ 481612 h 514330"/>
                    <a:gd name="connsiteX33" fmla="*/ 25214 w 295328"/>
                    <a:gd name="connsiteY33" fmla="*/ 0 h 514330"/>
                    <a:gd name="connsiteX34" fmla="*/ 50428 w 295328"/>
                    <a:gd name="connsiteY34" fmla="*/ 25214 h 514330"/>
                    <a:gd name="connsiteX35" fmla="*/ 25214 w 295328"/>
                    <a:gd name="connsiteY35" fmla="*/ 50428 h 514330"/>
                    <a:gd name="connsiteX36" fmla="*/ 0 w 295328"/>
                    <a:gd name="connsiteY36" fmla="*/ 25214 h 514330"/>
                    <a:gd name="connsiteX37" fmla="*/ 25214 w 295328"/>
                    <a:gd name="connsiteY37" fmla="*/ 113 h 5143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5328" h="514330">
                      <a:moveTo>
                        <a:pt x="265085" y="407444"/>
                      </a:moveTo>
                      <a:cubicBezTo>
                        <a:pt x="266892" y="405449"/>
                        <a:pt x="269972" y="405296"/>
                        <a:pt x="271966" y="407104"/>
                      </a:cubicBezTo>
                      <a:cubicBezTo>
                        <a:pt x="271969" y="407104"/>
                        <a:pt x="271969" y="407104"/>
                        <a:pt x="271969" y="407104"/>
                      </a:cubicBezTo>
                      <a:lnTo>
                        <a:pt x="279165" y="413648"/>
                      </a:lnTo>
                      <a:lnTo>
                        <a:pt x="285709" y="406424"/>
                      </a:lnTo>
                      <a:cubicBezTo>
                        <a:pt x="287522" y="404443"/>
                        <a:pt x="290593" y="404290"/>
                        <a:pt x="292593" y="406084"/>
                      </a:cubicBezTo>
                      <a:cubicBezTo>
                        <a:pt x="294588" y="407869"/>
                        <a:pt x="294758" y="410931"/>
                        <a:pt x="292973" y="412925"/>
                      </a:cubicBezTo>
                      <a:cubicBezTo>
                        <a:pt x="292959" y="412940"/>
                        <a:pt x="292947" y="412954"/>
                        <a:pt x="292933" y="412968"/>
                      </a:cubicBezTo>
                      <a:lnTo>
                        <a:pt x="286502" y="420192"/>
                      </a:lnTo>
                      <a:lnTo>
                        <a:pt x="293727" y="426736"/>
                      </a:lnTo>
                      <a:cubicBezTo>
                        <a:pt x="295721" y="428544"/>
                        <a:pt x="295874" y="431626"/>
                        <a:pt x="294067" y="433621"/>
                      </a:cubicBezTo>
                      <a:cubicBezTo>
                        <a:pt x="292259" y="435615"/>
                        <a:pt x="289177" y="435768"/>
                        <a:pt x="287182" y="433961"/>
                      </a:cubicBezTo>
                      <a:lnTo>
                        <a:pt x="279958" y="427416"/>
                      </a:lnTo>
                      <a:lnTo>
                        <a:pt x="272904" y="435009"/>
                      </a:lnTo>
                      <a:cubicBezTo>
                        <a:pt x="271096" y="437003"/>
                        <a:pt x="268014" y="437156"/>
                        <a:pt x="266020" y="435349"/>
                      </a:cubicBezTo>
                      <a:cubicBezTo>
                        <a:pt x="264025" y="433541"/>
                        <a:pt x="263872" y="430459"/>
                        <a:pt x="265680" y="428465"/>
                      </a:cubicBezTo>
                      <a:lnTo>
                        <a:pt x="272649" y="420815"/>
                      </a:lnTo>
                      <a:lnTo>
                        <a:pt x="265425" y="414271"/>
                      </a:lnTo>
                      <a:cubicBezTo>
                        <a:pt x="263450" y="412478"/>
                        <a:pt x="263300" y="409424"/>
                        <a:pt x="265085" y="407444"/>
                      </a:cubicBezTo>
                      <a:close/>
                      <a:moveTo>
                        <a:pt x="259702" y="481612"/>
                      </a:moveTo>
                      <a:cubicBezTo>
                        <a:pt x="248308" y="481612"/>
                        <a:pt x="239066" y="472382"/>
                        <a:pt x="239049" y="460987"/>
                      </a:cubicBezTo>
                      <a:cubicBezTo>
                        <a:pt x="239239" y="458710"/>
                        <a:pt x="237545" y="456712"/>
                        <a:pt x="235270" y="456523"/>
                      </a:cubicBezTo>
                      <a:cubicBezTo>
                        <a:pt x="232992" y="456336"/>
                        <a:pt x="230995" y="458027"/>
                        <a:pt x="230805" y="460305"/>
                      </a:cubicBezTo>
                      <a:cubicBezTo>
                        <a:pt x="230786" y="460531"/>
                        <a:pt x="230786" y="460761"/>
                        <a:pt x="230805" y="460987"/>
                      </a:cubicBezTo>
                      <a:cubicBezTo>
                        <a:pt x="230788" y="472382"/>
                        <a:pt x="221547" y="481612"/>
                        <a:pt x="210153" y="481612"/>
                      </a:cubicBezTo>
                      <a:cubicBezTo>
                        <a:pt x="207869" y="481612"/>
                        <a:pt x="206017" y="483465"/>
                        <a:pt x="206017" y="485748"/>
                      </a:cubicBezTo>
                      <a:cubicBezTo>
                        <a:pt x="206017" y="488031"/>
                        <a:pt x="207869" y="489884"/>
                        <a:pt x="210153" y="489884"/>
                      </a:cubicBezTo>
                      <a:cubicBezTo>
                        <a:pt x="221553" y="489901"/>
                        <a:pt x="230788" y="499137"/>
                        <a:pt x="230805" y="510537"/>
                      </a:cubicBezTo>
                      <a:cubicBezTo>
                        <a:pt x="230995" y="512815"/>
                        <a:pt x="232992" y="514506"/>
                        <a:pt x="235270" y="514316"/>
                      </a:cubicBezTo>
                      <a:cubicBezTo>
                        <a:pt x="237284" y="514149"/>
                        <a:pt x="238882" y="512551"/>
                        <a:pt x="239049" y="510537"/>
                      </a:cubicBezTo>
                      <a:cubicBezTo>
                        <a:pt x="239066" y="499137"/>
                        <a:pt x="248302" y="489901"/>
                        <a:pt x="259702" y="489884"/>
                      </a:cubicBezTo>
                      <a:cubicBezTo>
                        <a:pt x="261985" y="489884"/>
                        <a:pt x="263838" y="488031"/>
                        <a:pt x="263838" y="485748"/>
                      </a:cubicBezTo>
                      <a:cubicBezTo>
                        <a:pt x="263838" y="483465"/>
                        <a:pt x="261985" y="481612"/>
                        <a:pt x="259702" y="481612"/>
                      </a:cubicBezTo>
                      <a:close/>
                      <a:moveTo>
                        <a:pt x="25214" y="0"/>
                      </a:moveTo>
                      <a:cubicBezTo>
                        <a:pt x="39138" y="0"/>
                        <a:pt x="50428" y="11289"/>
                        <a:pt x="50428" y="25214"/>
                      </a:cubicBezTo>
                      <a:cubicBezTo>
                        <a:pt x="50428" y="39139"/>
                        <a:pt x="39138" y="50428"/>
                        <a:pt x="25214" y="50428"/>
                      </a:cubicBezTo>
                      <a:cubicBezTo>
                        <a:pt x="11290" y="50428"/>
                        <a:pt x="0" y="39139"/>
                        <a:pt x="0" y="25214"/>
                      </a:cubicBezTo>
                      <a:cubicBezTo>
                        <a:pt x="48" y="11326"/>
                        <a:pt x="11326" y="98"/>
                        <a:pt x="25214" y="113"/>
                      </a:cubicBezTo>
                      <a:close/>
                    </a:path>
                  </a:pathLst>
                </a:custGeom>
                <a:solidFill>
                  <a:schemeClr val="accent1"/>
                </a:solidFill>
                <a:ln w="2811" cap="flat">
                  <a:noFill/>
                  <a:prstDash val="solid"/>
                  <a:miter/>
                </a:ln>
              </p:spPr>
              <p:txBody>
                <a:bodyPr rtlCol="0" anchor="ctr"/>
                <a:lstStyle/>
                <a:p>
                  <a:endParaRPr lang="en-US"/>
                </a:p>
              </p:txBody>
            </p:sp>
            <p:sp>
              <p:nvSpPr>
                <p:cNvPr id="228" name="Graphic 4">
                  <a:extLst>
                    <a:ext uri="{FF2B5EF4-FFF2-40B4-BE49-F238E27FC236}">
                      <a16:creationId xmlns:a16="http://schemas.microsoft.com/office/drawing/2014/main" id="{2BBFD80A-BF1B-284F-9811-5B1833B88BA2}"/>
                    </a:ext>
                  </a:extLst>
                </p:cNvPr>
                <p:cNvSpPr/>
                <p:nvPr/>
              </p:nvSpPr>
              <p:spPr>
                <a:xfrm>
                  <a:off x="1530686" y="4912493"/>
                  <a:ext cx="773201" cy="767763"/>
                </a:xfrm>
                <a:custGeom>
                  <a:avLst/>
                  <a:gdLst>
                    <a:gd name="connsiteX0" fmla="*/ 452249 w 773201"/>
                    <a:gd name="connsiteY0" fmla="*/ 301 h 767763"/>
                    <a:gd name="connsiteX1" fmla="*/ 451541 w 773201"/>
                    <a:gd name="connsiteY1" fmla="*/ 301 h 767763"/>
                    <a:gd name="connsiteX2" fmla="*/ 449841 w 773201"/>
                    <a:gd name="connsiteY2" fmla="*/ 18 h 767763"/>
                    <a:gd name="connsiteX3" fmla="*/ 437081 w 773201"/>
                    <a:gd name="connsiteY3" fmla="*/ 12869 h 767763"/>
                    <a:gd name="connsiteX4" fmla="*/ 446725 w 773201"/>
                    <a:gd name="connsiteY4" fmla="*/ 25232 h 767763"/>
                    <a:gd name="connsiteX5" fmla="*/ 447008 w 773201"/>
                    <a:gd name="connsiteY5" fmla="*/ 25232 h 767763"/>
                    <a:gd name="connsiteX6" fmla="*/ 448142 w 773201"/>
                    <a:gd name="connsiteY6" fmla="*/ 25515 h 767763"/>
                    <a:gd name="connsiteX7" fmla="*/ 452391 w 773201"/>
                    <a:gd name="connsiteY7" fmla="*/ 26082 h 767763"/>
                    <a:gd name="connsiteX8" fmla="*/ 741384 w 773201"/>
                    <a:gd name="connsiteY8" fmla="*/ 447206 h 767763"/>
                    <a:gd name="connsiteX9" fmla="*/ 320259 w 773201"/>
                    <a:gd name="connsiteY9" fmla="*/ 736198 h 767763"/>
                    <a:gd name="connsiteX10" fmla="*/ 25173 w 773201"/>
                    <a:gd name="connsiteY10" fmla="*/ 381058 h 767763"/>
                    <a:gd name="connsiteX11" fmla="*/ 320656 w 773201"/>
                    <a:gd name="connsiteY11" fmla="*/ 26082 h 767763"/>
                    <a:gd name="connsiteX12" fmla="*/ 324906 w 773201"/>
                    <a:gd name="connsiteY12" fmla="*/ 25515 h 767763"/>
                    <a:gd name="connsiteX13" fmla="*/ 326889 w 773201"/>
                    <a:gd name="connsiteY13" fmla="*/ 25232 h 767763"/>
                    <a:gd name="connsiteX14" fmla="*/ 327172 w 773201"/>
                    <a:gd name="connsiteY14" fmla="*/ 25232 h 767763"/>
                    <a:gd name="connsiteX15" fmla="*/ 336521 w 773201"/>
                    <a:gd name="connsiteY15" fmla="*/ 12767 h 767763"/>
                    <a:gd name="connsiteX16" fmla="*/ 323942 w 773201"/>
                    <a:gd name="connsiteY16" fmla="*/ 18 h 767763"/>
                    <a:gd name="connsiteX17" fmla="*/ 323886 w 773201"/>
                    <a:gd name="connsiteY17" fmla="*/ 18 h 767763"/>
                    <a:gd name="connsiteX18" fmla="*/ 323886 w 773201"/>
                    <a:gd name="connsiteY18" fmla="*/ 18 h 767763"/>
                    <a:gd name="connsiteX19" fmla="*/ 321903 w 773201"/>
                    <a:gd name="connsiteY19" fmla="*/ 301 h 767763"/>
                    <a:gd name="connsiteX20" fmla="*/ 5501 w 773201"/>
                    <a:gd name="connsiteY20" fmla="*/ 445923 h 767763"/>
                    <a:gd name="connsiteX21" fmla="*/ 386779 w 773201"/>
                    <a:gd name="connsiteY21" fmla="*/ 767764 h 767763"/>
                    <a:gd name="connsiteX22" fmla="*/ 773201 w 773201"/>
                    <a:gd name="connsiteY22" fmla="*/ 381058 h 767763"/>
                    <a:gd name="connsiteX23" fmla="*/ 452249 w 773201"/>
                    <a:gd name="connsiteY23" fmla="*/ 301 h 767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773201" h="767763">
                      <a:moveTo>
                        <a:pt x="452249" y="301"/>
                      </a:moveTo>
                      <a:lnTo>
                        <a:pt x="451541" y="301"/>
                      </a:lnTo>
                      <a:cubicBezTo>
                        <a:pt x="450975" y="301"/>
                        <a:pt x="450408" y="18"/>
                        <a:pt x="449841" y="18"/>
                      </a:cubicBezTo>
                      <a:cubicBezTo>
                        <a:pt x="442770" y="43"/>
                        <a:pt x="437056" y="5797"/>
                        <a:pt x="437081" y="12869"/>
                      </a:cubicBezTo>
                      <a:cubicBezTo>
                        <a:pt x="437104" y="18706"/>
                        <a:pt x="441067" y="23790"/>
                        <a:pt x="446725" y="25232"/>
                      </a:cubicBezTo>
                      <a:lnTo>
                        <a:pt x="447008" y="25232"/>
                      </a:lnTo>
                      <a:cubicBezTo>
                        <a:pt x="447292" y="25232"/>
                        <a:pt x="447858" y="25515"/>
                        <a:pt x="448142" y="25515"/>
                      </a:cubicBezTo>
                      <a:lnTo>
                        <a:pt x="452391" y="26082"/>
                      </a:lnTo>
                      <a:cubicBezTo>
                        <a:pt x="648484" y="62569"/>
                        <a:pt x="777870" y="251113"/>
                        <a:pt x="741384" y="447206"/>
                      </a:cubicBezTo>
                      <a:cubicBezTo>
                        <a:pt x="704897" y="643298"/>
                        <a:pt x="516352" y="772685"/>
                        <a:pt x="320259" y="736198"/>
                      </a:cubicBezTo>
                      <a:cubicBezTo>
                        <a:pt x="149185" y="704367"/>
                        <a:pt x="25134" y="555070"/>
                        <a:pt x="25173" y="381058"/>
                      </a:cubicBezTo>
                      <a:cubicBezTo>
                        <a:pt x="25173" y="204278"/>
                        <a:pt x="152659" y="57245"/>
                        <a:pt x="320656" y="26082"/>
                      </a:cubicBezTo>
                      <a:lnTo>
                        <a:pt x="324906" y="25515"/>
                      </a:lnTo>
                      <a:cubicBezTo>
                        <a:pt x="325472" y="25515"/>
                        <a:pt x="326039" y="25232"/>
                        <a:pt x="326889" y="25232"/>
                      </a:cubicBezTo>
                      <a:lnTo>
                        <a:pt x="327172" y="25232"/>
                      </a:lnTo>
                      <a:cubicBezTo>
                        <a:pt x="332742" y="23660"/>
                        <a:pt x="336572" y="18554"/>
                        <a:pt x="336521" y="12767"/>
                      </a:cubicBezTo>
                      <a:cubicBezTo>
                        <a:pt x="336569" y="5773"/>
                        <a:pt x="330937" y="65"/>
                        <a:pt x="323942" y="18"/>
                      </a:cubicBezTo>
                      <a:cubicBezTo>
                        <a:pt x="323923" y="18"/>
                        <a:pt x="323906" y="18"/>
                        <a:pt x="323886" y="18"/>
                      </a:cubicBezTo>
                      <a:lnTo>
                        <a:pt x="323886" y="18"/>
                      </a:lnTo>
                      <a:cubicBezTo>
                        <a:pt x="323211" y="-44"/>
                        <a:pt x="322531" y="53"/>
                        <a:pt x="321903" y="301"/>
                      </a:cubicBezTo>
                      <a:cubicBezTo>
                        <a:pt x="111476" y="35985"/>
                        <a:pt x="-30182" y="235496"/>
                        <a:pt x="5501" y="445923"/>
                      </a:cubicBezTo>
                      <a:cubicBezTo>
                        <a:pt x="37033" y="631867"/>
                        <a:pt x="198179" y="767894"/>
                        <a:pt x="386779" y="767764"/>
                      </a:cubicBezTo>
                      <a:cubicBezTo>
                        <a:pt x="600104" y="767764"/>
                        <a:pt x="773201" y="594100"/>
                        <a:pt x="773201" y="381058"/>
                      </a:cubicBezTo>
                      <a:cubicBezTo>
                        <a:pt x="773000" y="192994"/>
                        <a:pt x="637568" y="32325"/>
                        <a:pt x="452249" y="301"/>
                      </a:cubicBezTo>
                      <a:close/>
                    </a:path>
                  </a:pathLst>
                </a:custGeom>
                <a:solidFill>
                  <a:schemeClr val="accent2"/>
                </a:solidFill>
                <a:ln w="2811" cap="flat">
                  <a:noFill/>
                  <a:prstDash val="solid"/>
                  <a:miter/>
                </a:ln>
              </p:spPr>
              <p:txBody>
                <a:bodyPr rtlCol="0" anchor="ctr"/>
                <a:lstStyle/>
                <a:p>
                  <a:endParaRPr lang="en-US"/>
                </a:p>
              </p:txBody>
            </p:sp>
          </p:grpSp>
          <p:grpSp>
            <p:nvGrpSpPr>
              <p:cNvPr id="229" name="Group 228">
                <a:extLst>
                  <a:ext uri="{FF2B5EF4-FFF2-40B4-BE49-F238E27FC236}">
                    <a16:creationId xmlns:a16="http://schemas.microsoft.com/office/drawing/2014/main" id="{98C4A295-97FB-2B43-B7B1-551CFBC4DEEF}"/>
                  </a:ext>
                </a:extLst>
              </p:cNvPr>
              <p:cNvGrpSpPr/>
              <p:nvPr/>
            </p:nvGrpSpPr>
            <p:grpSpPr>
              <a:xfrm>
                <a:off x="8217459" y="5881243"/>
                <a:ext cx="1298229" cy="548640"/>
                <a:chOff x="6542306" y="5869023"/>
                <a:chExt cx="1298229" cy="548640"/>
              </a:xfrm>
            </p:grpSpPr>
            <p:grpSp>
              <p:nvGrpSpPr>
                <p:cNvPr id="230" name="Group 229">
                  <a:extLst>
                    <a:ext uri="{FF2B5EF4-FFF2-40B4-BE49-F238E27FC236}">
                      <a16:creationId xmlns:a16="http://schemas.microsoft.com/office/drawing/2014/main" id="{33623768-1761-E74F-AD1A-6AC7BD8710BF}"/>
                    </a:ext>
                  </a:extLst>
                </p:cNvPr>
                <p:cNvGrpSpPr>
                  <a:grpSpLocks noChangeAspect="1"/>
                </p:cNvGrpSpPr>
                <p:nvPr/>
              </p:nvGrpSpPr>
              <p:grpSpPr>
                <a:xfrm>
                  <a:off x="6542306" y="5869023"/>
                  <a:ext cx="542254" cy="548640"/>
                  <a:chOff x="1530686" y="4897949"/>
                  <a:chExt cx="773201" cy="782307"/>
                </a:xfrm>
              </p:grpSpPr>
              <p:sp>
                <p:nvSpPr>
                  <p:cNvPr id="236" name="Graphic 4">
                    <a:extLst>
                      <a:ext uri="{FF2B5EF4-FFF2-40B4-BE49-F238E27FC236}">
                        <a16:creationId xmlns:a16="http://schemas.microsoft.com/office/drawing/2014/main" id="{AA4C8C5A-A3E1-5049-8F20-335B2D049C2E}"/>
                      </a:ext>
                    </a:extLst>
                  </p:cNvPr>
                  <p:cNvSpPr/>
                  <p:nvPr/>
                </p:nvSpPr>
                <p:spPr>
                  <a:xfrm>
                    <a:off x="1673239" y="5130596"/>
                    <a:ext cx="489054" cy="257435"/>
                  </a:xfrm>
                  <a:custGeom>
                    <a:avLst/>
                    <a:gdLst>
                      <a:gd name="connsiteX0" fmla="*/ 459875 w 489054"/>
                      <a:gd name="connsiteY0" fmla="*/ 10001 h 257435"/>
                      <a:gd name="connsiteX1" fmla="*/ 394489 w 489054"/>
                      <a:gd name="connsiteY1" fmla="*/ 10001 h 257435"/>
                      <a:gd name="connsiteX2" fmla="*/ 389865 w 489054"/>
                      <a:gd name="connsiteY2" fmla="*/ 4623 h 257435"/>
                      <a:gd name="connsiteX3" fmla="*/ 394489 w 489054"/>
                      <a:gd name="connsiteY3" fmla="*/ 0 h 257435"/>
                      <a:gd name="connsiteX4" fmla="*/ 459648 w 489054"/>
                      <a:gd name="connsiteY4" fmla="*/ 0 h 257435"/>
                      <a:gd name="connsiteX5" fmla="*/ 464271 w 489054"/>
                      <a:gd name="connsiteY5" fmla="*/ 5377 h 257435"/>
                      <a:gd name="connsiteX6" fmla="*/ 459648 w 489054"/>
                      <a:gd name="connsiteY6" fmla="*/ 10001 h 257435"/>
                      <a:gd name="connsiteX7" fmla="*/ 489055 w 489054"/>
                      <a:gd name="connsiteY7" fmla="*/ 35498 h 257435"/>
                      <a:gd name="connsiteX8" fmla="*/ 484069 w 489054"/>
                      <a:gd name="connsiteY8" fmla="*/ 30512 h 257435"/>
                      <a:gd name="connsiteX9" fmla="*/ 419759 w 489054"/>
                      <a:gd name="connsiteY9" fmla="*/ 30512 h 257435"/>
                      <a:gd name="connsiteX10" fmla="*/ 415136 w 489054"/>
                      <a:gd name="connsiteY10" fmla="*/ 35888 h 257435"/>
                      <a:gd name="connsiteX11" fmla="*/ 419759 w 489054"/>
                      <a:gd name="connsiteY11" fmla="*/ 40512 h 257435"/>
                      <a:gd name="connsiteX12" fmla="*/ 484069 w 489054"/>
                      <a:gd name="connsiteY12" fmla="*/ 40512 h 257435"/>
                      <a:gd name="connsiteX13" fmla="*/ 489055 w 489054"/>
                      <a:gd name="connsiteY13" fmla="*/ 35527 h 257435"/>
                      <a:gd name="connsiteX14" fmla="*/ 489055 w 489054"/>
                      <a:gd name="connsiteY14" fmla="*/ 35413 h 257435"/>
                      <a:gd name="connsiteX15" fmla="*/ 451149 w 489054"/>
                      <a:gd name="connsiteY15" fmla="*/ 65839 h 257435"/>
                      <a:gd name="connsiteX16" fmla="*/ 446163 w 489054"/>
                      <a:gd name="connsiteY16" fmla="*/ 60853 h 257435"/>
                      <a:gd name="connsiteX17" fmla="*/ 394489 w 489054"/>
                      <a:gd name="connsiteY17" fmla="*/ 60853 h 257435"/>
                      <a:gd name="connsiteX18" fmla="*/ 389865 w 489054"/>
                      <a:gd name="connsiteY18" fmla="*/ 66230 h 257435"/>
                      <a:gd name="connsiteX19" fmla="*/ 394489 w 489054"/>
                      <a:gd name="connsiteY19" fmla="*/ 70854 h 257435"/>
                      <a:gd name="connsiteX20" fmla="*/ 446163 w 489054"/>
                      <a:gd name="connsiteY20" fmla="*/ 70854 h 257435"/>
                      <a:gd name="connsiteX21" fmla="*/ 451149 w 489054"/>
                      <a:gd name="connsiteY21" fmla="*/ 65867 h 257435"/>
                      <a:gd name="connsiteX22" fmla="*/ 451149 w 489054"/>
                      <a:gd name="connsiteY22" fmla="*/ 65839 h 257435"/>
                      <a:gd name="connsiteX23" fmla="*/ 68409 w 489054"/>
                      <a:gd name="connsiteY23" fmla="*/ 229134 h 257435"/>
                      <a:gd name="connsiteX24" fmla="*/ 63423 w 489054"/>
                      <a:gd name="connsiteY24" fmla="*/ 224148 h 257435"/>
                      <a:gd name="connsiteX25" fmla="*/ 4638 w 489054"/>
                      <a:gd name="connsiteY25" fmla="*/ 224148 h 257435"/>
                      <a:gd name="connsiteX26" fmla="*/ 14 w 489054"/>
                      <a:gd name="connsiteY26" fmla="*/ 229525 h 257435"/>
                      <a:gd name="connsiteX27" fmla="*/ 4638 w 489054"/>
                      <a:gd name="connsiteY27" fmla="*/ 234148 h 257435"/>
                      <a:gd name="connsiteX28" fmla="*/ 63423 w 489054"/>
                      <a:gd name="connsiteY28" fmla="*/ 234148 h 257435"/>
                      <a:gd name="connsiteX29" fmla="*/ 68409 w 489054"/>
                      <a:gd name="connsiteY29" fmla="*/ 229162 h 257435"/>
                      <a:gd name="connsiteX30" fmla="*/ 68409 w 489054"/>
                      <a:gd name="connsiteY30" fmla="*/ 229134 h 257435"/>
                      <a:gd name="connsiteX31" fmla="*/ 68409 w 489054"/>
                      <a:gd name="connsiteY31" fmla="*/ 252450 h 257435"/>
                      <a:gd name="connsiteX32" fmla="*/ 63423 w 489054"/>
                      <a:gd name="connsiteY32" fmla="*/ 247463 h 257435"/>
                      <a:gd name="connsiteX33" fmla="*/ 22571 w 489054"/>
                      <a:gd name="connsiteY33" fmla="*/ 247463 h 257435"/>
                      <a:gd name="connsiteX34" fmla="*/ 17585 w 489054"/>
                      <a:gd name="connsiteY34" fmla="*/ 252450 h 257435"/>
                      <a:gd name="connsiteX35" fmla="*/ 22571 w 489054"/>
                      <a:gd name="connsiteY35" fmla="*/ 257436 h 257435"/>
                      <a:gd name="connsiteX36" fmla="*/ 63423 w 489054"/>
                      <a:gd name="connsiteY36" fmla="*/ 257436 h 257435"/>
                      <a:gd name="connsiteX37" fmla="*/ 68409 w 489054"/>
                      <a:gd name="connsiteY37" fmla="*/ 252450 h 2574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489054" h="257435">
                        <a:moveTo>
                          <a:pt x="459875" y="10001"/>
                        </a:moveTo>
                        <a:lnTo>
                          <a:pt x="394489" y="10001"/>
                        </a:lnTo>
                        <a:cubicBezTo>
                          <a:pt x="391727" y="9793"/>
                          <a:pt x="389658" y="7385"/>
                          <a:pt x="389865" y="4623"/>
                        </a:cubicBezTo>
                        <a:cubicBezTo>
                          <a:pt x="390052" y="2151"/>
                          <a:pt x="392016" y="186"/>
                          <a:pt x="394489" y="0"/>
                        </a:cubicBezTo>
                        <a:lnTo>
                          <a:pt x="459648" y="0"/>
                        </a:lnTo>
                        <a:cubicBezTo>
                          <a:pt x="462410" y="208"/>
                          <a:pt x="464478" y="2615"/>
                          <a:pt x="464271" y="5377"/>
                        </a:cubicBezTo>
                        <a:cubicBezTo>
                          <a:pt x="464084" y="7849"/>
                          <a:pt x="462121" y="9814"/>
                          <a:pt x="459648" y="10001"/>
                        </a:cubicBezTo>
                        <a:close/>
                        <a:moveTo>
                          <a:pt x="489055" y="35498"/>
                        </a:moveTo>
                        <a:cubicBezTo>
                          <a:pt x="489055" y="32744"/>
                          <a:pt x="486822" y="30512"/>
                          <a:pt x="484069" y="30512"/>
                        </a:cubicBezTo>
                        <a:lnTo>
                          <a:pt x="419759" y="30512"/>
                        </a:lnTo>
                        <a:cubicBezTo>
                          <a:pt x="416997" y="30719"/>
                          <a:pt x="414929" y="33127"/>
                          <a:pt x="415136" y="35888"/>
                        </a:cubicBezTo>
                        <a:cubicBezTo>
                          <a:pt x="415323" y="38361"/>
                          <a:pt x="417286" y="40326"/>
                          <a:pt x="419759" y="40512"/>
                        </a:cubicBezTo>
                        <a:lnTo>
                          <a:pt x="484069" y="40512"/>
                        </a:lnTo>
                        <a:cubicBezTo>
                          <a:pt x="486822" y="40513"/>
                          <a:pt x="489055" y="38281"/>
                          <a:pt x="489055" y="35527"/>
                        </a:cubicBezTo>
                        <a:cubicBezTo>
                          <a:pt x="489055" y="35489"/>
                          <a:pt x="489055" y="35451"/>
                          <a:pt x="489055" y="35413"/>
                        </a:cubicBezTo>
                        <a:close/>
                        <a:moveTo>
                          <a:pt x="451149" y="65839"/>
                        </a:moveTo>
                        <a:cubicBezTo>
                          <a:pt x="451149" y="63085"/>
                          <a:pt x="448917" y="60853"/>
                          <a:pt x="446163" y="60853"/>
                        </a:cubicBezTo>
                        <a:lnTo>
                          <a:pt x="394489" y="60853"/>
                        </a:lnTo>
                        <a:cubicBezTo>
                          <a:pt x="391727" y="61060"/>
                          <a:pt x="389658" y="63468"/>
                          <a:pt x="389865" y="66230"/>
                        </a:cubicBezTo>
                        <a:cubicBezTo>
                          <a:pt x="390052" y="68703"/>
                          <a:pt x="392016" y="70667"/>
                          <a:pt x="394489" y="70854"/>
                        </a:cubicBezTo>
                        <a:lnTo>
                          <a:pt x="446163" y="70854"/>
                        </a:lnTo>
                        <a:cubicBezTo>
                          <a:pt x="448917" y="70854"/>
                          <a:pt x="451149" y="68621"/>
                          <a:pt x="451149" y="65867"/>
                        </a:cubicBezTo>
                        <a:cubicBezTo>
                          <a:pt x="451149" y="65859"/>
                          <a:pt x="451149" y="65848"/>
                          <a:pt x="451149" y="65839"/>
                        </a:cubicBezTo>
                        <a:close/>
                        <a:moveTo>
                          <a:pt x="68409" y="229134"/>
                        </a:moveTo>
                        <a:cubicBezTo>
                          <a:pt x="68409" y="226380"/>
                          <a:pt x="66177" y="224148"/>
                          <a:pt x="63423" y="224148"/>
                        </a:cubicBezTo>
                        <a:lnTo>
                          <a:pt x="4638" y="224148"/>
                        </a:lnTo>
                        <a:cubicBezTo>
                          <a:pt x="1877" y="224355"/>
                          <a:pt x="-194" y="226763"/>
                          <a:pt x="14" y="229525"/>
                        </a:cubicBezTo>
                        <a:cubicBezTo>
                          <a:pt x="201" y="231998"/>
                          <a:pt x="2166" y="233961"/>
                          <a:pt x="4638" y="234148"/>
                        </a:cubicBezTo>
                        <a:lnTo>
                          <a:pt x="63423" y="234148"/>
                        </a:lnTo>
                        <a:cubicBezTo>
                          <a:pt x="66177" y="234148"/>
                          <a:pt x="68409" y="231916"/>
                          <a:pt x="68409" y="229162"/>
                        </a:cubicBezTo>
                        <a:cubicBezTo>
                          <a:pt x="68409" y="229154"/>
                          <a:pt x="68409" y="229142"/>
                          <a:pt x="68409" y="229134"/>
                        </a:cubicBezTo>
                        <a:close/>
                        <a:moveTo>
                          <a:pt x="68409" y="252450"/>
                        </a:moveTo>
                        <a:cubicBezTo>
                          <a:pt x="68409" y="249696"/>
                          <a:pt x="66177" y="247463"/>
                          <a:pt x="63423" y="247463"/>
                        </a:cubicBezTo>
                        <a:lnTo>
                          <a:pt x="22571" y="247463"/>
                        </a:lnTo>
                        <a:cubicBezTo>
                          <a:pt x="19817" y="247463"/>
                          <a:pt x="17585" y="249696"/>
                          <a:pt x="17585" y="252450"/>
                        </a:cubicBezTo>
                        <a:cubicBezTo>
                          <a:pt x="17585" y="255203"/>
                          <a:pt x="19817" y="257436"/>
                          <a:pt x="22571" y="257436"/>
                        </a:cubicBezTo>
                        <a:lnTo>
                          <a:pt x="63423" y="257436"/>
                        </a:lnTo>
                        <a:cubicBezTo>
                          <a:pt x="66177" y="257436"/>
                          <a:pt x="68409" y="255203"/>
                          <a:pt x="68409" y="252450"/>
                        </a:cubicBezTo>
                        <a:close/>
                      </a:path>
                    </a:pathLst>
                  </a:custGeom>
                  <a:solidFill>
                    <a:schemeClr val="accent2"/>
                  </a:solidFill>
                  <a:ln w="2811" cap="flat">
                    <a:noFill/>
                    <a:prstDash val="solid"/>
                    <a:miter/>
                  </a:ln>
                </p:spPr>
                <p:txBody>
                  <a:bodyPr rtlCol="0" anchor="ctr"/>
                  <a:lstStyle/>
                  <a:p>
                    <a:endParaRPr lang="en-US"/>
                  </a:p>
                </p:txBody>
              </p:sp>
              <p:sp>
                <p:nvSpPr>
                  <p:cNvPr id="237" name="Graphic 4">
                    <a:extLst>
                      <a:ext uri="{FF2B5EF4-FFF2-40B4-BE49-F238E27FC236}">
                        <a16:creationId xmlns:a16="http://schemas.microsoft.com/office/drawing/2014/main" id="{8DC2CB33-2D0D-3948-9999-1E13F8B10A9C}"/>
                      </a:ext>
                    </a:extLst>
                  </p:cNvPr>
                  <p:cNvSpPr/>
                  <p:nvPr/>
                </p:nvSpPr>
                <p:spPr>
                  <a:xfrm>
                    <a:off x="1618020" y="4991864"/>
                    <a:ext cx="601747" cy="604536"/>
                  </a:xfrm>
                  <a:custGeom>
                    <a:avLst/>
                    <a:gdLst>
                      <a:gd name="connsiteX0" fmla="*/ 302391 w 601747"/>
                      <a:gd name="connsiteY0" fmla="*/ 482 h 604536"/>
                      <a:gd name="connsiteX1" fmla="*/ 0 w 601747"/>
                      <a:gd name="connsiteY1" fmla="*/ 302373 h 604536"/>
                      <a:gd name="connsiteX2" fmla="*/ 119804 w 601747"/>
                      <a:gd name="connsiteY2" fmla="*/ 543541 h 604536"/>
                      <a:gd name="connsiteX3" fmla="*/ 119804 w 601747"/>
                      <a:gd name="connsiteY3" fmla="*/ 543541 h 604536"/>
                      <a:gd name="connsiteX4" fmla="*/ 130087 w 601747"/>
                      <a:gd name="connsiteY4" fmla="*/ 551021 h 604536"/>
                      <a:gd name="connsiteX5" fmla="*/ 163262 w 601747"/>
                      <a:gd name="connsiteY5" fmla="*/ 571050 h 604536"/>
                      <a:gd name="connsiteX6" fmla="*/ 173942 w 601747"/>
                      <a:gd name="connsiteY6" fmla="*/ 576348 h 604536"/>
                      <a:gd name="connsiteX7" fmla="*/ 248819 w 601747"/>
                      <a:gd name="connsiteY7" fmla="*/ 600145 h 604536"/>
                      <a:gd name="connsiteX8" fmla="*/ 248819 w 601747"/>
                      <a:gd name="connsiteY8" fmla="*/ 600145 h 604536"/>
                      <a:gd name="connsiteX9" fmla="*/ 255788 w 601747"/>
                      <a:gd name="connsiteY9" fmla="*/ 601307 h 604536"/>
                      <a:gd name="connsiteX10" fmla="*/ 256553 w 601747"/>
                      <a:gd name="connsiteY10" fmla="*/ 601307 h 604536"/>
                      <a:gd name="connsiteX11" fmla="*/ 262956 w 601747"/>
                      <a:gd name="connsiteY11" fmla="*/ 602213 h 604536"/>
                      <a:gd name="connsiteX12" fmla="*/ 264145 w 601747"/>
                      <a:gd name="connsiteY12" fmla="*/ 602355 h 604536"/>
                      <a:gd name="connsiteX13" fmla="*/ 270236 w 601747"/>
                      <a:gd name="connsiteY13" fmla="*/ 603063 h 604536"/>
                      <a:gd name="connsiteX14" fmla="*/ 271653 w 601747"/>
                      <a:gd name="connsiteY14" fmla="*/ 603205 h 604536"/>
                      <a:gd name="connsiteX15" fmla="*/ 277772 w 601747"/>
                      <a:gd name="connsiteY15" fmla="*/ 603771 h 604536"/>
                      <a:gd name="connsiteX16" fmla="*/ 279160 w 601747"/>
                      <a:gd name="connsiteY16" fmla="*/ 603771 h 604536"/>
                      <a:gd name="connsiteX17" fmla="*/ 280010 w 601747"/>
                      <a:gd name="connsiteY17" fmla="*/ 603771 h 604536"/>
                      <a:gd name="connsiteX18" fmla="*/ 291144 w 601747"/>
                      <a:gd name="connsiteY18" fmla="*/ 604366 h 604536"/>
                      <a:gd name="connsiteX19" fmla="*/ 292136 w 601747"/>
                      <a:gd name="connsiteY19" fmla="*/ 604366 h 604536"/>
                      <a:gd name="connsiteX20" fmla="*/ 301513 w 601747"/>
                      <a:gd name="connsiteY20" fmla="*/ 604536 h 604536"/>
                      <a:gd name="connsiteX21" fmla="*/ 302391 w 601747"/>
                      <a:gd name="connsiteY21" fmla="*/ 604536 h 604536"/>
                      <a:gd name="connsiteX22" fmla="*/ 601733 w 601747"/>
                      <a:gd name="connsiteY22" fmla="*/ 299342 h 604536"/>
                      <a:gd name="connsiteX23" fmla="*/ 302391 w 601747"/>
                      <a:gd name="connsiteY23" fmla="*/ 0 h 604536"/>
                      <a:gd name="connsiteX24" fmla="*/ 302731 w 601747"/>
                      <a:gd name="connsiteY24" fmla="*/ 467135 h 604536"/>
                      <a:gd name="connsiteX25" fmla="*/ 361686 w 601747"/>
                      <a:gd name="connsiteY25" fmla="*/ 491471 h 604536"/>
                      <a:gd name="connsiteX26" fmla="*/ 361686 w 601747"/>
                      <a:gd name="connsiteY26" fmla="*/ 463764 h 604536"/>
                      <a:gd name="connsiteX27" fmla="*/ 373670 w 601747"/>
                      <a:gd name="connsiteY27" fmla="*/ 465577 h 604536"/>
                      <a:gd name="connsiteX28" fmla="*/ 317746 w 601747"/>
                      <a:gd name="connsiteY28" fmla="*/ 594592 h 604536"/>
                      <a:gd name="connsiteX29" fmla="*/ 302391 w 601747"/>
                      <a:gd name="connsiteY29" fmla="*/ 594989 h 604536"/>
                      <a:gd name="connsiteX30" fmla="*/ 287489 w 601747"/>
                      <a:gd name="connsiteY30" fmla="*/ 594621 h 604536"/>
                      <a:gd name="connsiteX31" fmla="*/ 231566 w 601747"/>
                      <a:gd name="connsiteY31" fmla="*/ 465577 h 604536"/>
                      <a:gd name="connsiteX32" fmla="*/ 243521 w 601747"/>
                      <a:gd name="connsiteY32" fmla="*/ 463764 h 604536"/>
                      <a:gd name="connsiteX33" fmla="*/ 243521 w 601747"/>
                      <a:gd name="connsiteY33" fmla="*/ 491471 h 604536"/>
                      <a:gd name="connsiteX34" fmla="*/ 220149 w 601747"/>
                      <a:gd name="connsiteY34" fmla="*/ 298118 h 604536"/>
                      <a:gd name="connsiteX35" fmla="*/ 219667 w 601747"/>
                      <a:gd name="connsiteY35" fmla="*/ 277125 h 604536"/>
                      <a:gd name="connsiteX36" fmla="*/ 261086 w 601747"/>
                      <a:gd name="connsiteY36" fmla="*/ 190180 h 604536"/>
                      <a:gd name="connsiteX37" fmla="*/ 386532 w 601747"/>
                      <a:gd name="connsiteY37" fmla="*/ 298118 h 604536"/>
                      <a:gd name="connsiteX38" fmla="*/ 386532 w 601747"/>
                      <a:gd name="connsiteY38" fmla="*/ 300667 h 604536"/>
                      <a:gd name="connsiteX39" fmla="*/ 401008 w 601747"/>
                      <a:gd name="connsiteY39" fmla="*/ 300356 h 604536"/>
                      <a:gd name="connsiteX40" fmla="*/ 401008 w 601747"/>
                      <a:gd name="connsiteY40" fmla="*/ 297919 h 604536"/>
                      <a:gd name="connsiteX41" fmla="*/ 405201 w 601747"/>
                      <a:gd name="connsiteY41" fmla="*/ 275454 h 604536"/>
                      <a:gd name="connsiteX42" fmla="*/ 414352 w 601747"/>
                      <a:gd name="connsiteY42" fmla="*/ 271572 h 604536"/>
                      <a:gd name="connsiteX43" fmla="*/ 416958 w 601747"/>
                      <a:gd name="connsiteY43" fmla="*/ 291403 h 604536"/>
                      <a:gd name="connsiteX44" fmla="*/ 416958 w 601747"/>
                      <a:gd name="connsiteY44" fmla="*/ 292933 h 604536"/>
                      <a:gd name="connsiteX45" fmla="*/ 400782 w 601747"/>
                      <a:gd name="connsiteY45" fmla="*/ 339706 h 604536"/>
                      <a:gd name="connsiteX46" fmla="*/ 399195 w 601747"/>
                      <a:gd name="connsiteY46" fmla="*/ 339706 h 604536"/>
                      <a:gd name="connsiteX47" fmla="*/ 398515 w 601747"/>
                      <a:gd name="connsiteY47" fmla="*/ 341179 h 604536"/>
                      <a:gd name="connsiteX48" fmla="*/ 302618 w 601747"/>
                      <a:gd name="connsiteY48" fmla="*/ 413450 h 604536"/>
                      <a:gd name="connsiteX49" fmla="*/ 207174 w 601747"/>
                      <a:gd name="connsiteY49" fmla="*/ 341179 h 604536"/>
                      <a:gd name="connsiteX50" fmla="*/ 206494 w 601747"/>
                      <a:gd name="connsiteY50" fmla="*/ 339678 h 604536"/>
                      <a:gd name="connsiteX51" fmla="*/ 204822 w 601747"/>
                      <a:gd name="connsiteY51" fmla="*/ 339678 h 604536"/>
                      <a:gd name="connsiteX52" fmla="*/ 198816 w 601747"/>
                      <a:gd name="connsiteY52" fmla="*/ 337100 h 604536"/>
                      <a:gd name="connsiteX53" fmla="*/ 187852 w 601747"/>
                      <a:gd name="connsiteY53" fmla="*/ 296276 h 604536"/>
                      <a:gd name="connsiteX54" fmla="*/ 190969 w 601747"/>
                      <a:gd name="connsiteY54" fmla="*/ 270213 h 604536"/>
                      <a:gd name="connsiteX55" fmla="*/ 195813 w 601747"/>
                      <a:gd name="connsiteY55" fmla="*/ 270553 h 604536"/>
                      <a:gd name="connsiteX56" fmla="*/ 204029 w 601747"/>
                      <a:gd name="connsiteY56" fmla="*/ 281630 h 604536"/>
                      <a:gd name="connsiteX57" fmla="*/ 205672 w 601747"/>
                      <a:gd name="connsiteY57" fmla="*/ 298033 h 604536"/>
                      <a:gd name="connsiteX58" fmla="*/ 205672 w 601747"/>
                      <a:gd name="connsiteY58" fmla="*/ 300469 h 604536"/>
                      <a:gd name="connsiteX59" fmla="*/ 220149 w 601747"/>
                      <a:gd name="connsiteY59" fmla="*/ 300781 h 604536"/>
                      <a:gd name="connsiteX60" fmla="*/ 302391 w 601747"/>
                      <a:gd name="connsiteY60" fmla="*/ 424583 h 604536"/>
                      <a:gd name="connsiteX61" fmla="*/ 338597 w 601747"/>
                      <a:gd name="connsiteY61" fmla="*/ 417926 h 604536"/>
                      <a:gd name="connsiteX62" fmla="*/ 338597 w 601747"/>
                      <a:gd name="connsiteY62" fmla="*/ 432969 h 604536"/>
                      <a:gd name="connsiteX63" fmla="*/ 302589 w 601747"/>
                      <a:gd name="connsiteY63" fmla="*/ 447814 h 604536"/>
                      <a:gd name="connsiteX64" fmla="*/ 266525 w 601747"/>
                      <a:gd name="connsiteY64" fmla="*/ 432941 h 604536"/>
                      <a:gd name="connsiteX65" fmla="*/ 266525 w 601747"/>
                      <a:gd name="connsiteY65" fmla="*/ 418011 h 604536"/>
                      <a:gd name="connsiteX66" fmla="*/ 302391 w 601747"/>
                      <a:gd name="connsiteY66" fmla="*/ 424583 h 604536"/>
                      <a:gd name="connsiteX67" fmla="*/ 350297 w 601747"/>
                      <a:gd name="connsiteY67" fmla="*/ 440250 h 604536"/>
                      <a:gd name="connsiteX68" fmla="*/ 350297 w 601747"/>
                      <a:gd name="connsiteY68" fmla="*/ 474558 h 604536"/>
                      <a:gd name="connsiteX69" fmla="*/ 308737 w 601747"/>
                      <a:gd name="connsiteY69" fmla="*/ 457390 h 604536"/>
                      <a:gd name="connsiteX70" fmla="*/ 296470 w 601747"/>
                      <a:gd name="connsiteY70" fmla="*/ 457390 h 604536"/>
                      <a:gd name="connsiteX71" fmla="*/ 254910 w 601747"/>
                      <a:gd name="connsiteY71" fmla="*/ 474558 h 604536"/>
                      <a:gd name="connsiteX72" fmla="*/ 254910 w 601747"/>
                      <a:gd name="connsiteY72" fmla="*/ 440250 h 604536"/>
                      <a:gd name="connsiteX73" fmla="*/ 430953 w 601747"/>
                      <a:gd name="connsiteY73" fmla="*/ 483822 h 604536"/>
                      <a:gd name="connsiteX74" fmla="*/ 473023 w 601747"/>
                      <a:gd name="connsiteY74" fmla="*/ 539377 h 604536"/>
                      <a:gd name="connsiteX75" fmla="*/ 440585 w 601747"/>
                      <a:gd name="connsiteY75" fmla="*/ 559860 h 604536"/>
                      <a:gd name="connsiteX76" fmla="*/ 330098 w 601747"/>
                      <a:gd name="connsiteY76" fmla="*/ 593572 h 604536"/>
                      <a:gd name="connsiteX77" fmla="*/ 330098 w 601747"/>
                      <a:gd name="connsiteY77" fmla="*/ 593572 h 604536"/>
                      <a:gd name="connsiteX78" fmla="*/ 384775 w 601747"/>
                      <a:gd name="connsiteY78" fmla="*/ 467645 h 604536"/>
                      <a:gd name="connsiteX79" fmla="*/ 418771 w 601747"/>
                      <a:gd name="connsiteY79" fmla="*/ 478014 h 604536"/>
                      <a:gd name="connsiteX80" fmla="*/ 429877 w 601747"/>
                      <a:gd name="connsiteY80" fmla="*/ 565441 h 604536"/>
                      <a:gd name="connsiteX81" fmla="*/ 330098 w 601747"/>
                      <a:gd name="connsiteY81" fmla="*/ 593657 h 604536"/>
                      <a:gd name="connsiteX82" fmla="*/ 274996 w 601747"/>
                      <a:gd name="connsiteY82" fmla="*/ 593572 h 604536"/>
                      <a:gd name="connsiteX83" fmla="*/ 175274 w 601747"/>
                      <a:gd name="connsiteY83" fmla="*/ 565781 h 604536"/>
                      <a:gd name="connsiteX84" fmla="*/ 186408 w 601747"/>
                      <a:gd name="connsiteY84" fmla="*/ 477957 h 604536"/>
                      <a:gd name="connsiteX85" fmla="*/ 220404 w 601747"/>
                      <a:gd name="connsiteY85" fmla="*/ 467617 h 604536"/>
                      <a:gd name="connsiteX86" fmla="*/ 164508 w 601747"/>
                      <a:gd name="connsiteY86" fmla="*/ 560313 h 604536"/>
                      <a:gd name="connsiteX87" fmla="*/ 131929 w 601747"/>
                      <a:gd name="connsiteY87" fmla="*/ 540000 h 604536"/>
                      <a:gd name="connsiteX88" fmla="*/ 174226 w 601747"/>
                      <a:gd name="connsiteY88" fmla="*/ 483737 h 604536"/>
                      <a:gd name="connsiteX89" fmla="*/ 482797 w 601747"/>
                      <a:gd name="connsiteY89" fmla="*/ 532209 h 604536"/>
                      <a:gd name="connsiteX90" fmla="*/ 482797 w 601747"/>
                      <a:gd name="connsiteY90" fmla="*/ 531898 h 604536"/>
                      <a:gd name="connsiteX91" fmla="*/ 479114 w 601747"/>
                      <a:gd name="connsiteY91" fmla="*/ 520792 h 604536"/>
                      <a:gd name="connsiteX92" fmla="*/ 361573 w 601747"/>
                      <a:gd name="connsiteY92" fmla="*/ 452177 h 604536"/>
                      <a:gd name="connsiteX93" fmla="*/ 361573 w 601747"/>
                      <a:gd name="connsiteY93" fmla="*/ 423507 h 604536"/>
                      <a:gd name="connsiteX94" fmla="*/ 349929 w 601747"/>
                      <a:gd name="connsiteY94" fmla="*/ 428295 h 604536"/>
                      <a:gd name="connsiteX95" fmla="*/ 349929 w 601747"/>
                      <a:gd name="connsiteY95" fmla="*/ 412741 h 604536"/>
                      <a:gd name="connsiteX96" fmla="*/ 406731 w 601747"/>
                      <a:gd name="connsiteY96" fmla="*/ 349707 h 604536"/>
                      <a:gd name="connsiteX97" fmla="*/ 427242 w 601747"/>
                      <a:gd name="connsiteY97" fmla="*/ 305795 h 604536"/>
                      <a:gd name="connsiteX98" fmla="*/ 423786 w 601747"/>
                      <a:gd name="connsiteY98" fmla="*/ 264405 h 604536"/>
                      <a:gd name="connsiteX99" fmla="*/ 403785 w 601747"/>
                      <a:gd name="connsiteY99" fmla="*/ 153917 h 604536"/>
                      <a:gd name="connsiteX100" fmla="*/ 303808 w 601747"/>
                      <a:gd name="connsiteY100" fmla="*/ 125786 h 604536"/>
                      <a:gd name="connsiteX101" fmla="*/ 303298 w 601747"/>
                      <a:gd name="connsiteY101" fmla="*/ 125786 h 604536"/>
                      <a:gd name="connsiteX102" fmla="*/ 202896 w 601747"/>
                      <a:gd name="connsiteY102" fmla="*/ 153946 h 604536"/>
                      <a:gd name="connsiteX103" fmla="*/ 182498 w 601747"/>
                      <a:gd name="connsiteY103" fmla="*/ 262082 h 604536"/>
                      <a:gd name="connsiteX104" fmla="*/ 177172 w 601747"/>
                      <a:gd name="connsiteY104" fmla="*/ 305824 h 604536"/>
                      <a:gd name="connsiteX105" fmla="*/ 198675 w 601747"/>
                      <a:gd name="connsiteY105" fmla="*/ 349877 h 604536"/>
                      <a:gd name="connsiteX106" fmla="*/ 255335 w 601747"/>
                      <a:gd name="connsiteY106" fmla="*/ 412968 h 604536"/>
                      <a:gd name="connsiteX107" fmla="*/ 255335 w 601747"/>
                      <a:gd name="connsiteY107" fmla="*/ 428408 h 604536"/>
                      <a:gd name="connsiteX108" fmla="*/ 243691 w 601747"/>
                      <a:gd name="connsiteY108" fmla="*/ 423620 h 604536"/>
                      <a:gd name="connsiteX109" fmla="*/ 243691 w 601747"/>
                      <a:gd name="connsiteY109" fmla="*/ 452432 h 604536"/>
                      <a:gd name="connsiteX110" fmla="*/ 126150 w 601747"/>
                      <a:gd name="connsiteY110" fmla="*/ 521047 h 604536"/>
                      <a:gd name="connsiteX111" fmla="*/ 122268 w 601747"/>
                      <a:gd name="connsiteY111" fmla="*/ 532889 h 604536"/>
                      <a:gd name="connsiteX112" fmla="*/ 72140 w 601747"/>
                      <a:gd name="connsiteY112" fmla="*/ 122632 h 604536"/>
                      <a:gd name="connsiteX113" fmla="*/ 482398 w 601747"/>
                      <a:gd name="connsiteY113" fmla="*/ 72503 h 604536"/>
                      <a:gd name="connsiteX114" fmla="*/ 532525 w 601747"/>
                      <a:gd name="connsiteY114" fmla="*/ 482759 h 604536"/>
                      <a:gd name="connsiteX115" fmla="*/ 482939 w 601747"/>
                      <a:gd name="connsiteY115" fmla="*/ 532464 h 6045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Lst>
                    <a:rect l="l" t="t" r="r" b="b"/>
                    <a:pathLst>
                      <a:path w="601747" h="604536">
                        <a:moveTo>
                          <a:pt x="302391" y="482"/>
                        </a:moveTo>
                        <a:cubicBezTo>
                          <a:pt x="135524" y="343"/>
                          <a:pt x="139" y="135504"/>
                          <a:pt x="0" y="302373"/>
                        </a:cubicBezTo>
                        <a:cubicBezTo>
                          <a:pt x="-78" y="397097"/>
                          <a:pt x="44272" y="486377"/>
                          <a:pt x="119804" y="543541"/>
                        </a:cubicBezTo>
                        <a:lnTo>
                          <a:pt x="119804" y="543541"/>
                        </a:lnTo>
                        <a:cubicBezTo>
                          <a:pt x="123203" y="546128"/>
                          <a:pt x="126631" y="548621"/>
                          <a:pt x="130087" y="551021"/>
                        </a:cubicBezTo>
                        <a:cubicBezTo>
                          <a:pt x="140696" y="558415"/>
                          <a:pt x="151778" y="565106"/>
                          <a:pt x="163262" y="571050"/>
                        </a:cubicBezTo>
                        <a:cubicBezTo>
                          <a:pt x="166803" y="572891"/>
                          <a:pt x="170344" y="574676"/>
                          <a:pt x="173942" y="576348"/>
                        </a:cubicBezTo>
                        <a:cubicBezTo>
                          <a:pt x="197748" y="587532"/>
                          <a:pt x="222922" y="595533"/>
                          <a:pt x="248819" y="600145"/>
                        </a:cubicBezTo>
                        <a:lnTo>
                          <a:pt x="248819" y="600145"/>
                        </a:lnTo>
                        <a:lnTo>
                          <a:pt x="255788" y="601307"/>
                        </a:lnTo>
                        <a:lnTo>
                          <a:pt x="256553" y="601307"/>
                        </a:lnTo>
                        <a:lnTo>
                          <a:pt x="262956" y="602213"/>
                        </a:lnTo>
                        <a:lnTo>
                          <a:pt x="264145" y="602355"/>
                        </a:lnTo>
                        <a:lnTo>
                          <a:pt x="270236" y="603063"/>
                        </a:lnTo>
                        <a:lnTo>
                          <a:pt x="271653" y="603205"/>
                        </a:lnTo>
                        <a:cubicBezTo>
                          <a:pt x="273693" y="603431"/>
                          <a:pt x="275732" y="603601"/>
                          <a:pt x="277772" y="603771"/>
                        </a:cubicBezTo>
                        <a:lnTo>
                          <a:pt x="279160" y="603771"/>
                        </a:lnTo>
                        <a:lnTo>
                          <a:pt x="280010" y="603771"/>
                        </a:lnTo>
                        <a:cubicBezTo>
                          <a:pt x="283787" y="604018"/>
                          <a:pt x="287498" y="604216"/>
                          <a:pt x="291144" y="604366"/>
                        </a:cubicBezTo>
                        <a:lnTo>
                          <a:pt x="292136" y="604366"/>
                        </a:lnTo>
                        <a:cubicBezTo>
                          <a:pt x="295252" y="604366"/>
                          <a:pt x="298368" y="604536"/>
                          <a:pt x="301513" y="604536"/>
                        </a:cubicBezTo>
                        <a:lnTo>
                          <a:pt x="302391" y="604536"/>
                        </a:lnTo>
                        <a:cubicBezTo>
                          <a:pt x="469329" y="602921"/>
                          <a:pt x="603350" y="466280"/>
                          <a:pt x="601733" y="299342"/>
                        </a:cubicBezTo>
                        <a:cubicBezTo>
                          <a:pt x="600138" y="134685"/>
                          <a:pt x="467049" y="1594"/>
                          <a:pt x="302391" y="0"/>
                        </a:cubicBezTo>
                        <a:close/>
                        <a:moveTo>
                          <a:pt x="302731" y="467135"/>
                        </a:moveTo>
                        <a:lnTo>
                          <a:pt x="361686" y="491471"/>
                        </a:lnTo>
                        <a:lnTo>
                          <a:pt x="361686" y="463764"/>
                        </a:lnTo>
                        <a:cubicBezTo>
                          <a:pt x="365766" y="464302"/>
                          <a:pt x="369760" y="464925"/>
                          <a:pt x="373670" y="465577"/>
                        </a:cubicBezTo>
                        <a:lnTo>
                          <a:pt x="317746" y="594592"/>
                        </a:lnTo>
                        <a:cubicBezTo>
                          <a:pt x="312647" y="594847"/>
                          <a:pt x="307547" y="594989"/>
                          <a:pt x="302391" y="594989"/>
                        </a:cubicBezTo>
                        <a:cubicBezTo>
                          <a:pt x="297235" y="594989"/>
                          <a:pt x="292419" y="594989"/>
                          <a:pt x="287489" y="594621"/>
                        </a:cubicBezTo>
                        <a:lnTo>
                          <a:pt x="231566" y="465577"/>
                        </a:lnTo>
                        <a:cubicBezTo>
                          <a:pt x="235447" y="464925"/>
                          <a:pt x="239442" y="464302"/>
                          <a:pt x="243521" y="463764"/>
                        </a:cubicBezTo>
                        <a:lnTo>
                          <a:pt x="243521" y="491471"/>
                        </a:lnTo>
                        <a:close/>
                        <a:moveTo>
                          <a:pt x="220149" y="298118"/>
                        </a:moveTo>
                        <a:cubicBezTo>
                          <a:pt x="220149" y="290752"/>
                          <a:pt x="219894" y="283811"/>
                          <a:pt x="219667" y="277125"/>
                        </a:cubicBezTo>
                        <a:cubicBezTo>
                          <a:pt x="218307" y="238908"/>
                          <a:pt x="217401" y="213609"/>
                          <a:pt x="261086" y="190180"/>
                        </a:cubicBezTo>
                        <a:cubicBezTo>
                          <a:pt x="361374" y="199642"/>
                          <a:pt x="386617" y="213467"/>
                          <a:pt x="386532" y="298118"/>
                        </a:cubicBezTo>
                        <a:lnTo>
                          <a:pt x="386532" y="300667"/>
                        </a:lnTo>
                        <a:lnTo>
                          <a:pt x="401008" y="300356"/>
                        </a:lnTo>
                        <a:lnTo>
                          <a:pt x="401008" y="297919"/>
                        </a:lnTo>
                        <a:cubicBezTo>
                          <a:pt x="401008" y="286587"/>
                          <a:pt x="402368" y="279816"/>
                          <a:pt x="405201" y="275454"/>
                        </a:cubicBezTo>
                        <a:cubicBezTo>
                          <a:pt x="406958" y="272621"/>
                          <a:pt x="409989" y="269788"/>
                          <a:pt x="414352" y="271572"/>
                        </a:cubicBezTo>
                        <a:cubicBezTo>
                          <a:pt x="417326" y="272706"/>
                          <a:pt x="417185" y="282904"/>
                          <a:pt x="416958" y="291403"/>
                        </a:cubicBezTo>
                        <a:lnTo>
                          <a:pt x="416958" y="292933"/>
                        </a:lnTo>
                        <a:cubicBezTo>
                          <a:pt x="416533" y="315597"/>
                          <a:pt x="409932" y="339706"/>
                          <a:pt x="400782" y="339706"/>
                        </a:cubicBezTo>
                        <a:lnTo>
                          <a:pt x="399195" y="339706"/>
                        </a:lnTo>
                        <a:lnTo>
                          <a:pt x="398515" y="341179"/>
                        </a:lnTo>
                        <a:cubicBezTo>
                          <a:pt x="377608" y="387103"/>
                          <a:pt x="342648" y="413450"/>
                          <a:pt x="302618" y="413450"/>
                        </a:cubicBezTo>
                        <a:cubicBezTo>
                          <a:pt x="279274" y="413450"/>
                          <a:pt x="235815" y="404072"/>
                          <a:pt x="207174" y="341179"/>
                        </a:cubicBezTo>
                        <a:lnTo>
                          <a:pt x="206494" y="339678"/>
                        </a:lnTo>
                        <a:lnTo>
                          <a:pt x="204822" y="339678"/>
                        </a:lnTo>
                        <a:cubicBezTo>
                          <a:pt x="202547" y="339703"/>
                          <a:pt x="200366" y="338769"/>
                          <a:pt x="198816" y="337100"/>
                        </a:cubicBezTo>
                        <a:cubicBezTo>
                          <a:pt x="192555" y="331122"/>
                          <a:pt x="188249" y="315087"/>
                          <a:pt x="187852" y="296276"/>
                        </a:cubicBezTo>
                        <a:cubicBezTo>
                          <a:pt x="187343" y="272167"/>
                          <a:pt x="190940" y="270213"/>
                          <a:pt x="190969" y="270213"/>
                        </a:cubicBezTo>
                        <a:cubicBezTo>
                          <a:pt x="192552" y="269592"/>
                          <a:pt x="194332" y="269717"/>
                          <a:pt x="195813" y="270553"/>
                        </a:cubicBezTo>
                        <a:cubicBezTo>
                          <a:pt x="199830" y="273099"/>
                          <a:pt x="202760" y="277046"/>
                          <a:pt x="204029" y="281630"/>
                        </a:cubicBezTo>
                        <a:cubicBezTo>
                          <a:pt x="205247" y="287009"/>
                          <a:pt x="205800" y="292520"/>
                          <a:pt x="205672" y="298033"/>
                        </a:cubicBezTo>
                        <a:lnTo>
                          <a:pt x="205672" y="300469"/>
                        </a:lnTo>
                        <a:lnTo>
                          <a:pt x="220149" y="300781"/>
                        </a:lnTo>
                        <a:close/>
                        <a:moveTo>
                          <a:pt x="302391" y="424583"/>
                        </a:moveTo>
                        <a:cubicBezTo>
                          <a:pt x="314769" y="424620"/>
                          <a:pt x="327044" y="422362"/>
                          <a:pt x="338597" y="417926"/>
                        </a:cubicBezTo>
                        <a:lnTo>
                          <a:pt x="338597" y="432969"/>
                        </a:lnTo>
                        <a:lnTo>
                          <a:pt x="302589" y="447814"/>
                        </a:lnTo>
                        <a:lnTo>
                          <a:pt x="266525" y="432941"/>
                        </a:lnTo>
                        <a:lnTo>
                          <a:pt x="266525" y="418011"/>
                        </a:lnTo>
                        <a:cubicBezTo>
                          <a:pt x="277973" y="422391"/>
                          <a:pt x="290133" y="424617"/>
                          <a:pt x="302391" y="424583"/>
                        </a:cubicBezTo>
                        <a:close/>
                        <a:moveTo>
                          <a:pt x="350297" y="440250"/>
                        </a:moveTo>
                        <a:lnTo>
                          <a:pt x="350297" y="474558"/>
                        </a:lnTo>
                        <a:lnTo>
                          <a:pt x="308737" y="457390"/>
                        </a:lnTo>
                        <a:close/>
                        <a:moveTo>
                          <a:pt x="296470" y="457390"/>
                        </a:moveTo>
                        <a:lnTo>
                          <a:pt x="254910" y="474558"/>
                        </a:lnTo>
                        <a:lnTo>
                          <a:pt x="254910" y="440250"/>
                        </a:lnTo>
                        <a:close/>
                        <a:moveTo>
                          <a:pt x="430953" y="483822"/>
                        </a:moveTo>
                        <a:cubicBezTo>
                          <a:pt x="456450" y="497987"/>
                          <a:pt x="467924" y="517251"/>
                          <a:pt x="473023" y="539377"/>
                        </a:cubicBezTo>
                        <a:cubicBezTo>
                          <a:pt x="462669" y="546904"/>
                          <a:pt x="451832" y="553746"/>
                          <a:pt x="440585" y="559860"/>
                        </a:cubicBezTo>
                        <a:close/>
                        <a:moveTo>
                          <a:pt x="330098" y="593572"/>
                        </a:moveTo>
                        <a:lnTo>
                          <a:pt x="330098" y="593572"/>
                        </a:lnTo>
                        <a:lnTo>
                          <a:pt x="384775" y="467645"/>
                        </a:lnTo>
                        <a:cubicBezTo>
                          <a:pt x="396402" y="470056"/>
                          <a:pt x="407779" y="473526"/>
                          <a:pt x="418771" y="478014"/>
                        </a:cubicBezTo>
                        <a:lnTo>
                          <a:pt x="429877" y="565441"/>
                        </a:lnTo>
                        <a:cubicBezTo>
                          <a:pt x="398589" y="580779"/>
                          <a:pt x="364785" y="590337"/>
                          <a:pt x="330098" y="593657"/>
                        </a:cubicBezTo>
                        <a:close/>
                        <a:moveTo>
                          <a:pt x="274996" y="593572"/>
                        </a:moveTo>
                        <a:cubicBezTo>
                          <a:pt x="240360" y="590351"/>
                          <a:pt x="206582" y="580940"/>
                          <a:pt x="175274" y="565781"/>
                        </a:cubicBezTo>
                        <a:lnTo>
                          <a:pt x="186408" y="477957"/>
                        </a:lnTo>
                        <a:cubicBezTo>
                          <a:pt x="197405" y="473492"/>
                          <a:pt x="208783" y="470030"/>
                          <a:pt x="220404" y="467617"/>
                        </a:cubicBezTo>
                        <a:close/>
                        <a:moveTo>
                          <a:pt x="164508" y="560313"/>
                        </a:moveTo>
                        <a:cubicBezTo>
                          <a:pt x="153221" y="554253"/>
                          <a:pt x="142339" y="547468"/>
                          <a:pt x="131929" y="540000"/>
                        </a:cubicBezTo>
                        <a:cubicBezTo>
                          <a:pt x="136972" y="517591"/>
                          <a:pt x="148360" y="497958"/>
                          <a:pt x="174226" y="483737"/>
                        </a:cubicBezTo>
                        <a:close/>
                        <a:moveTo>
                          <a:pt x="482797" y="532209"/>
                        </a:moveTo>
                        <a:lnTo>
                          <a:pt x="482797" y="531898"/>
                        </a:lnTo>
                        <a:cubicBezTo>
                          <a:pt x="481783" y="528130"/>
                          <a:pt x="480553" y="524421"/>
                          <a:pt x="479114" y="520792"/>
                        </a:cubicBezTo>
                        <a:cubicBezTo>
                          <a:pt x="463986" y="482802"/>
                          <a:pt x="425514" y="460364"/>
                          <a:pt x="361573" y="452177"/>
                        </a:cubicBezTo>
                        <a:lnTo>
                          <a:pt x="361573" y="423507"/>
                        </a:lnTo>
                        <a:lnTo>
                          <a:pt x="349929" y="428295"/>
                        </a:lnTo>
                        <a:lnTo>
                          <a:pt x="349929" y="412741"/>
                        </a:lnTo>
                        <a:cubicBezTo>
                          <a:pt x="379109" y="397160"/>
                          <a:pt x="396872" y="370246"/>
                          <a:pt x="406731" y="349707"/>
                        </a:cubicBezTo>
                        <a:cubicBezTo>
                          <a:pt x="420896" y="344182"/>
                          <a:pt x="425712" y="319960"/>
                          <a:pt x="427242" y="305795"/>
                        </a:cubicBezTo>
                        <a:cubicBezTo>
                          <a:pt x="427780" y="301036"/>
                          <a:pt x="430075" y="276955"/>
                          <a:pt x="423786" y="264405"/>
                        </a:cubicBezTo>
                        <a:cubicBezTo>
                          <a:pt x="427185" y="212872"/>
                          <a:pt x="424975" y="176383"/>
                          <a:pt x="403785" y="153917"/>
                        </a:cubicBezTo>
                        <a:cubicBezTo>
                          <a:pt x="385823" y="134625"/>
                          <a:pt x="354037" y="125786"/>
                          <a:pt x="303808" y="125786"/>
                        </a:cubicBezTo>
                        <a:lnTo>
                          <a:pt x="303298" y="125786"/>
                        </a:lnTo>
                        <a:cubicBezTo>
                          <a:pt x="252842" y="125786"/>
                          <a:pt x="220942" y="134738"/>
                          <a:pt x="202896" y="153946"/>
                        </a:cubicBezTo>
                        <a:cubicBezTo>
                          <a:pt x="181875" y="176298"/>
                          <a:pt x="179467" y="211909"/>
                          <a:pt x="182498" y="262082"/>
                        </a:cubicBezTo>
                        <a:cubicBezTo>
                          <a:pt x="174396" y="273924"/>
                          <a:pt x="176634" y="300526"/>
                          <a:pt x="177172" y="305824"/>
                        </a:cubicBezTo>
                        <a:cubicBezTo>
                          <a:pt x="178617" y="319989"/>
                          <a:pt x="183348" y="344437"/>
                          <a:pt x="198675" y="349877"/>
                        </a:cubicBezTo>
                        <a:cubicBezTo>
                          <a:pt x="212840" y="378859"/>
                          <a:pt x="232246" y="400616"/>
                          <a:pt x="255335" y="412968"/>
                        </a:cubicBezTo>
                        <a:lnTo>
                          <a:pt x="255335" y="428408"/>
                        </a:lnTo>
                        <a:lnTo>
                          <a:pt x="243691" y="423620"/>
                        </a:lnTo>
                        <a:lnTo>
                          <a:pt x="243691" y="452432"/>
                        </a:lnTo>
                        <a:cubicBezTo>
                          <a:pt x="179722" y="460619"/>
                          <a:pt x="141278" y="483085"/>
                          <a:pt x="126150" y="521047"/>
                        </a:cubicBezTo>
                        <a:cubicBezTo>
                          <a:pt x="124614" y="524912"/>
                          <a:pt x="123318" y="528866"/>
                          <a:pt x="122268" y="532889"/>
                        </a:cubicBezTo>
                        <a:cubicBezTo>
                          <a:pt x="-4864" y="433442"/>
                          <a:pt x="-27307" y="249764"/>
                          <a:pt x="72140" y="122632"/>
                        </a:cubicBezTo>
                        <a:cubicBezTo>
                          <a:pt x="171586" y="-4500"/>
                          <a:pt x="355264" y="-26944"/>
                          <a:pt x="482398" y="72503"/>
                        </a:cubicBezTo>
                        <a:cubicBezTo>
                          <a:pt x="609529" y="171950"/>
                          <a:pt x="631972" y="355628"/>
                          <a:pt x="532525" y="482759"/>
                        </a:cubicBezTo>
                        <a:cubicBezTo>
                          <a:pt x="518054" y="501262"/>
                          <a:pt x="501404" y="517948"/>
                          <a:pt x="482939" y="532464"/>
                        </a:cubicBezTo>
                        <a:close/>
                      </a:path>
                    </a:pathLst>
                  </a:custGeom>
                  <a:solidFill>
                    <a:schemeClr val="accent2"/>
                  </a:solidFill>
                  <a:ln w="2811" cap="flat">
                    <a:noFill/>
                    <a:prstDash val="solid"/>
                    <a:miter/>
                  </a:ln>
                </p:spPr>
                <p:txBody>
                  <a:bodyPr rtlCol="0" anchor="ctr"/>
                  <a:lstStyle/>
                  <a:p>
                    <a:endParaRPr lang="en-US"/>
                  </a:p>
                </p:txBody>
              </p:sp>
              <p:sp>
                <p:nvSpPr>
                  <p:cNvPr id="238" name="Graphic 4">
                    <a:extLst>
                      <a:ext uri="{FF2B5EF4-FFF2-40B4-BE49-F238E27FC236}">
                        <a16:creationId xmlns:a16="http://schemas.microsoft.com/office/drawing/2014/main" id="{0519BA35-818A-3D41-B3EE-89EC7D16A747}"/>
                      </a:ext>
                    </a:extLst>
                  </p:cNvPr>
                  <p:cNvSpPr/>
                  <p:nvPr/>
                </p:nvSpPr>
                <p:spPr>
                  <a:xfrm>
                    <a:off x="1891713" y="4897949"/>
                    <a:ext cx="295328" cy="514330"/>
                  </a:xfrm>
                  <a:custGeom>
                    <a:avLst/>
                    <a:gdLst>
                      <a:gd name="connsiteX0" fmla="*/ 265085 w 295328"/>
                      <a:gd name="connsiteY0" fmla="*/ 407444 h 514330"/>
                      <a:gd name="connsiteX1" fmla="*/ 271966 w 295328"/>
                      <a:gd name="connsiteY1" fmla="*/ 407104 h 514330"/>
                      <a:gd name="connsiteX2" fmla="*/ 271969 w 295328"/>
                      <a:gd name="connsiteY2" fmla="*/ 407104 h 514330"/>
                      <a:gd name="connsiteX3" fmla="*/ 279165 w 295328"/>
                      <a:gd name="connsiteY3" fmla="*/ 413648 h 514330"/>
                      <a:gd name="connsiteX4" fmla="*/ 285709 w 295328"/>
                      <a:gd name="connsiteY4" fmla="*/ 406424 h 514330"/>
                      <a:gd name="connsiteX5" fmla="*/ 292593 w 295328"/>
                      <a:gd name="connsiteY5" fmla="*/ 406084 h 514330"/>
                      <a:gd name="connsiteX6" fmla="*/ 292973 w 295328"/>
                      <a:gd name="connsiteY6" fmla="*/ 412925 h 514330"/>
                      <a:gd name="connsiteX7" fmla="*/ 292933 w 295328"/>
                      <a:gd name="connsiteY7" fmla="*/ 412968 h 514330"/>
                      <a:gd name="connsiteX8" fmla="*/ 286502 w 295328"/>
                      <a:gd name="connsiteY8" fmla="*/ 420192 h 514330"/>
                      <a:gd name="connsiteX9" fmla="*/ 293727 w 295328"/>
                      <a:gd name="connsiteY9" fmla="*/ 426736 h 514330"/>
                      <a:gd name="connsiteX10" fmla="*/ 294067 w 295328"/>
                      <a:gd name="connsiteY10" fmla="*/ 433621 h 514330"/>
                      <a:gd name="connsiteX11" fmla="*/ 287182 w 295328"/>
                      <a:gd name="connsiteY11" fmla="*/ 433961 h 514330"/>
                      <a:gd name="connsiteX12" fmla="*/ 279958 w 295328"/>
                      <a:gd name="connsiteY12" fmla="*/ 427416 h 514330"/>
                      <a:gd name="connsiteX13" fmla="*/ 272904 w 295328"/>
                      <a:gd name="connsiteY13" fmla="*/ 435009 h 514330"/>
                      <a:gd name="connsiteX14" fmla="*/ 266020 w 295328"/>
                      <a:gd name="connsiteY14" fmla="*/ 435349 h 514330"/>
                      <a:gd name="connsiteX15" fmla="*/ 265680 w 295328"/>
                      <a:gd name="connsiteY15" fmla="*/ 428465 h 514330"/>
                      <a:gd name="connsiteX16" fmla="*/ 272649 w 295328"/>
                      <a:gd name="connsiteY16" fmla="*/ 420815 h 514330"/>
                      <a:gd name="connsiteX17" fmla="*/ 265425 w 295328"/>
                      <a:gd name="connsiteY17" fmla="*/ 414271 h 514330"/>
                      <a:gd name="connsiteX18" fmla="*/ 265085 w 295328"/>
                      <a:gd name="connsiteY18" fmla="*/ 407444 h 514330"/>
                      <a:gd name="connsiteX19" fmla="*/ 259702 w 295328"/>
                      <a:gd name="connsiteY19" fmla="*/ 481612 h 514330"/>
                      <a:gd name="connsiteX20" fmla="*/ 239049 w 295328"/>
                      <a:gd name="connsiteY20" fmla="*/ 460987 h 514330"/>
                      <a:gd name="connsiteX21" fmla="*/ 235270 w 295328"/>
                      <a:gd name="connsiteY21" fmla="*/ 456523 h 514330"/>
                      <a:gd name="connsiteX22" fmla="*/ 230805 w 295328"/>
                      <a:gd name="connsiteY22" fmla="*/ 460305 h 514330"/>
                      <a:gd name="connsiteX23" fmla="*/ 230805 w 295328"/>
                      <a:gd name="connsiteY23" fmla="*/ 460987 h 514330"/>
                      <a:gd name="connsiteX24" fmla="*/ 210153 w 295328"/>
                      <a:gd name="connsiteY24" fmla="*/ 481612 h 514330"/>
                      <a:gd name="connsiteX25" fmla="*/ 206017 w 295328"/>
                      <a:gd name="connsiteY25" fmla="*/ 485748 h 514330"/>
                      <a:gd name="connsiteX26" fmla="*/ 210153 w 295328"/>
                      <a:gd name="connsiteY26" fmla="*/ 489884 h 514330"/>
                      <a:gd name="connsiteX27" fmla="*/ 230805 w 295328"/>
                      <a:gd name="connsiteY27" fmla="*/ 510537 h 514330"/>
                      <a:gd name="connsiteX28" fmla="*/ 235270 w 295328"/>
                      <a:gd name="connsiteY28" fmla="*/ 514316 h 514330"/>
                      <a:gd name="connsiteX29" fmla="*/ 239049 w 295328"/>
                      <a:gd name="connsiteY29" fmla="*/ 510537 h 514330"/>
                      <a:gd name="connsiteX30" fmla="*/ 259702 w 295328"/>
                      <a:gd name="connsiteY30" fmla="*/ 489884 h 514330"/>
                      <a:gd name="connsiteX31" fmla="*/ 263838 w 295328"/>
                      <a:gd name="connsiteY31" fmla="*/ 485748 h 514330"/>
                      <a:gd name="connsiteX32" fmla="*/ 259702 w 295328"/>
                      <a:gd name="connsiteY32" fmla="*/ 481612 h 514330"/>
                      <a:gd name="connsiteX33" fmla="*/ 25214 w 295328"/>
                      <a:gd name="connsiteY33" fmla="*/ 0 h 514330"/>
                      <a:gd name="connsiteX34" fmla="*/ 50428 w 295328"/>
                      <a:gd name="connsiteY34" fmla="*/ 25214 h 514330"/>
                      <a:gd name="connsiteX35" fmla="*/ 25214 w 295328"/>
                      <a:gd name="connsiteY35" fmla="*/ 50428 h 514330"/>
                      <a:gd name="connsiteX36" fmla="*/ 0 w 295328"/>
                      <a:gd name="connsiteY36" fmla="*/ 25214 h 514330"/>
                      <a:gd name="connsiteX37" fmla="*/ 25214 w 295328"/>
                      <a:gd name="connsiteY37" fmla="*/ 113 h 5143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5328" h="514330">
                        <a:moveTo>
                          <a:pt x="265085" y="407444"/>
                        </a:moveTo>
                        <a:cubicBezTo>
                          <a:pt x="266892" y="405449"/>
                          <a:pt x="269972" y="405296"/>
                          <a:pt x="271966" y="407104"/>
                        </a:cubicBezTo>
                        <a:cubicBezTo>
                          <a:pt x="271969" y="407104"/>
                          <a:pt x="271969" y="407104"/>
                          <a:pt x="271969" y="407104"/>
                        </a:cubicBezTo>
                        <a:lnTo>
                          <a:pt x="279165" y="413648"/>
                        </a:lnTo>
                        <a:lnTo>
                          <a:pt x="285709" y="406424"/>
                        </a:lnTo>
                        <a:cubicBezTo>
                          <a:pt x="287522" y="404443"/>
                          <a:pt x="290593" y="404290"/>
                          <a:pt x="292593" y="406084"/>
                        </a:cubicBezTo>
                        <a:cubicBezTo>
                          <a:pt x="294588" y="407869"/>
                          <a:pt x="294758" y="410931"/>
                          <a:pt x="292973" y="412925"/>
                        </a:cubicBezTo>
                        <a:cubicBezTo>
                          <a:pt x="292959" y="412940"/>
                          <a:pt x="292947" y="412954"/>
                          <a:pt x="292933" y="412968"/>
                        </a:cubicBezTo>
                        <a:lnTo>
                          <a:pt x="286502" y="420192"/>
                        </a:lnTo>
                        <a:lnTo>
                          <a:pt x="293727" y="426736"/>
                        </a:lnTo>
                        <a:cubicBezTo>
                          <a:pt x="295721" y="428544"/>
                          <a:pt x="295874" y="431626"/>
                          <a:pt x="294067" y="433621"/>
                        </a:cubicBezTo>
                        <a:cubicBezTo>
                          <a:pt x="292259" y="435615"/>
                          <a:pt x="289177" y="435768"/>
                          <a:pt x="287182" y="433961"/>
                        </a:cubicBezTo>
                        <a:lnTo>
                          <a:pt x="279958" y="427416"/>
                        </a:lnTo>
                        <a:lnTo>
                          <a:pt x="272904" y="435009"/>
                        </a:lnTo>
                        <a:cubicBezTo>
                          <a:pt x="271096" y="437003"/>
                          <a:pt x="268014" y="437156"/>
                          <a:pt x="266020" y="435349"/>
                        </a:cubicBezTo>
                        <a:cubicBezTo>
                          <a:pt x="264025" y="433541"/>
                          <a:pt x="263872" y="430459"/>
                          <a:pt x="265680" y="428465"/>
                        </a:cubicBezTo>
                        <a:lnTo>
                          <a:pt x="272649" y="420815"/>
                        </a:lnTo>
                        <a:lnTo>
                          <a:pt x="265425" y="414271"/>
                        </a:lnTo>
                        <a:cubicBezTo>
                          <a:pt x="263450" y="412478"/>
                          <a:pt x="263300" y="409424"/>
                          <a:pt x="265085" y="407444"/>
                        </a:cubicBezTo>
                        <a:close/>
                        <a:moveTo>
                          <a:pt x="259702" y="481612"/>
                        </a:moveTo>
                        <a:cubicBezTo>
                          <a:pt x="248308" y="481612"/>
                          <a:pt x="239066" y="472382"/>
                          <a:pt x="239049" y="460987"/>
                        </a:cubicBezTo>
                        <a:cubicBezTo>
                          <a:pt x="239239" y="458710"/>
                          <a:pt x="237545" y="456712"/>
                          <a:pt x="235270" y="456523"/>
                        </a:cubicBezTo>
                        <a:cubicBezTo>
                          <a:pt x="232992" y="456336"/>
                          <a:pt x="230995" y="458027"/>
                          <a:pt x="230805" y="460305"/>
                        </a:cubicBezTo>
                        <a:cubicBezTo>
                          <a:pt x="230786" y="460531"/>
                          <a:pt x="230786" y="460761"/>
                          <a:pt x="230805" y="460987"/>
                        </a:cubicBezTo>
                        <a:cubicBezTo>
                          <a:pt x="230788" y="472382"/>
                          <a:pt x="221547" y="481612"/>
                          <a:pt x="210153" y="481612"/>
                        </a:cubicBezTo>
                        <a:cubicBezTo>
                          <a:pt x="207869" y="481612"/>
                          <a:pt x="206017" y="483465"/>
                          <a:pt x="206017" y="485748"/>
                        </a:cubicBezTo>
                        <a:cubicBezTo>
                          <a:pt x="206017" y="488031"/>
                          <a:pt x="207869" y="489884"/>
                          <a:pt x="210153" y="489884"/>
                        </a:cubicBezTo>
                        <a:cubicBezTo>
                          <a:pt x="221553" y="489901"/>
                          <a:pt x="230788" y="499137"/>
                          <a:pt x="230805" y="510537"/>
                        </a:cubicBezTo>
                        <a:cubicBezTo>
                          <a:pt x="230995" y="512815"/>
                          <a:pt x="232992" y="514506"/>
                          <a:pt x="235270" y="514316"/>
                        </a:cubicBezTo>
                        <a:cubicBezTo>
                          <a:pt x="237284" y="514149"/>
                          <a:pt x="238882" y="512551"/>
                          <a:pt x="239049" y="510537"/>
                        </a:cubicBezTo>
                        <a:cubicBezTo>
                          <a:pt x="239066" y="499137"/>
                          <a:pt x="248302" y="489901"/>
                          <a:pt x="259702" y="489884"/>
                        </a:cubicBezTo>
                        <a:cubicBezTo>
                          <a:pt x="261985" y="489884"/>
                          <a:pt x="263838" y="488031"/>
                          <a:pt x="263838" y="485748"/>
                        </a:cubicBezTo>
                        <a:cubicBezTo>
                          <a:pt x="263838" y="483465"/>
                          <a:pt x="261985" y="481612"/>
                          <a:pt x="259702" y="481612"/>
                        </a:cubicBezTo>
                        <a:close/>
                        <a:moveTo>
                          <a:pt x="25214" y="0"/>
                        </a:moveTo>
                        <a:cubicBezTo>
                          <a:pt x="39138" y="0"/>
                          <a:pt x="50428" y="11289"/>
                          <a:pt x="50428" y="25214"/>
                        </a:cubicBezTo>
                        <a:cubicBezTo>
                          <a:pt x="50428" y="39139"/>
                          <a:pt x="39138" y="50428"/>
                          <a:pt x="25214" y="50428"/>
                        </a:cubicBezTo>
                        <a:cubicBezTo>
                          <a:pt x="11290" y="50428"/>
                          <a:pt x="0" y="39139"/>
                          <a:pt x="0" y="25214"/>
                        </a:cubicBezTo>
                        <a:cubicBezTo>
                          <a:pt x="48" y="11326"/>
                          <a:pt x="11326" y="98"/>
                          <a:pt x="25214" y="113"/>
                        </a:cubicBezTo>
                        <a:close/>
                      </a:path>
                    </a:pathLst>
                  </a:custGeom>
                  <a:solidFill>
                    <a:schemeClr val="accent1"/>
                  </a:solidFill>
                  <a:ln w="2811" cap="flat">
                    <a:noFill/>
                    <a:prstDash val="solid"/>
                    <a:miter/>
                  </a:ln>
                </p:spPr>
                <p:txBody>
                  <a:bodyPr rtlCol="0" anchor="ctr"/>
                  <a:lstStyle/>
                  <a:p>
                    <a:endParaRPr lang="en-US"/>
                  </a:p>
                </p:txBody>
              </p:sp>
              <p:sp>
                <p:nvSpPr>
                  <p:cNvPr id="239" name="Graphic 4">
                    <a:extLst>
                      <a:ext uri="{FF2B5EF4-FFF2-40B4-BE49-F238E27FC236}">
                        <a16:creationId xmlns:a16="http://schemas.microsoft.com/office/drawing/2014/main" id="{D451E1EC-07D0-CF4D-B8B6-0FA10A136B51}"/>
                      </a:ext>
                    </a:extLst>
                  </p:cNvPr>
                  <p:cNvSpPr/>
                  <p:nvPr/>
                </p:nvSpPr>
                <p:spPr>
                  <a:xfrm>
                    <a:off x="1530686" y="4912493"/>
                    <a:ext cx="773201" cy="767763"/>
                  </a:xfrm>
                  <a:custGeom>
                    <a:avLst/>
                    <a:gdLst>
                      <a:gd name="connsiteX0" fmla="*/ 452249 w 773201"/>
                      <a:gd name="connsiteY0" fmla="*/ 301 h 767763"/>
                      <a:gd name="connsiteX1" fmla="*/ 451541 w 773201"/>
                      <a:gd name="connsiteY1" fmla="*/ 301 h 767763"/>
                      <a:gd name="connsiteX2" fmla="*/ 449841 w 773201"/>
                      <a:gd name="connsiteY2" fmla="*/ 18 h 767763"/>
                      <a:gd name="connsiteX3" fmla="*/ 437081 w 773201"/>
                      <a:gd name="connsiteY3" fmla="*/ 12869 h 767763"/>
                      <a:gd name="connsiteX4" fmla="*/ 446725 w 773201"/>
                      <a:gd name="connsiteY4" fmla="*/ 25232 h 767763"/>
                      <a:gd name="connsiteX5" fmla="*/ 447008 w 773201"/>
                      <a:gd name="connsiteY5" fmla="*/ 25232 h 767763"/>
                      <a:gd name="connsiteX6" fmla="*/ 448142 w 773201"/>
                      <a:gd name="connsiteY6" fmla="*/ 25515 h 767763"/>
                      <a:gd name="connsiteX7" fmla="*/ 452391 w 773201"/>
                      <a:gd name="connsiteY7" fmla="*/ 26082 h 767763"/>
                      <a:gd name="connsiteX8" fmla="*/ 741384 w 773201"/>
                      <a:gd name="connsiteY8" fmla="*/ 447206 h 767763"/>
                      <a:gd name="connsiteX9" fmla="*/ 320259 w 773201"/>
                      <a:gd name="connsiteY9" fmla="*/ 736198 h 767763"/>
                      <a:gd name="connsiteX10" fmla="*/ 25173 w 773201"/>
                      <a:gd name="connsiteY10" fmla="*/ 381058 h 767763"/>
                      <a:gd name="connsiteX11" fmla="*/ 320656 w 773201"/>
                      <a:gd name="connsiteY11" fmla="*/ 26082 h 767763"/>
                      <a:gd name="connsiteX12" fmla="*/ 324906 w 773201"/>
                      <a:gd name="connsiteY12" fmla="*/ 25515 h 767763"/>
                      <a:gd name="connsiteX13" fmla="*/ 326889 w 773201"/>
                      <a:gd name="connsiteY13" fmla="*/ 25232 h 767763"/>
                      <a:gd name="connsiteX14" fmla="*/ 327172 w 773201"/>
                      <a:gd name="connsiteY14" fmla="*/ 25232 h 767763"/>
                      <a:gd name="connsiteX15" fmla="*/ 336521 w 773201"/>
                      <a:gd name="connsiteY15" fmla="*/ 12767 h 767763"/>
                      <a:gd name="connsiteX16" fmla="*/ 323942 w 773201"/>
                      <a:gd name="connsiteY16" fmla="*/ 18 h 767763"/>
                      <a:gd name="connsiteX17" fmla="*/ 323886 w 773201"/>
                      <a:gd name="connsiteY17" fmla="*/ 18 h 767763"/>
                      <a:gd name="connsiteX18" fmla="*/ 323886 w 773201"/>
                      <a:gd name="connsiteY18" fmla="*/ 18 h 767763"/>
                      <a:gd name="connsiteX19" fmla="*/ 321903 w 773201"/>
                      <a:gd name="connsiteY19" fmla="*/ 301 h 767763"/>
                      <a:gd name="connsiteX20" fmla="*/ 5501 w 773201"/>
                      <a:gd name="connsiteY20" fmla="*/ 445923 h 767763"/>
                      <a:gd name="connsiteX21" fmla="*/ 386779 w 773201"/>
                      <a:gd name="connsiteY21" fmla="*/ 767764 h 767763"/>
                      <a:gd name="connsiteX22" fmla="*/ 773201 w 773201"/>
                      <a:gd name="connsiteY22" fmla="*/ 381058 h 767763"/>
                      <a:gd name="connsiteX23" fmla="*/ 452249 w 773201"/>
                      <a:gd name="connsiteY23" fmla="*/ 301 h 767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773201" h="767763">
                        <a:moveTo>
                          <a:pt x="452249" y="301"/>
                        </a:moveTo>
                        <a:lnTo>
                          <a:pt x="451541" y="301"/>
                        </a:lnTo>
                        <a:cubicBezTo>
                          <a:pt x="450975" y="301"/>
                          <a:pt x="450408" y="18"/>
                          <a:pt x="449841" y="18"/>
                        </a:cubicBezTo>
                        <a:cubicBezTo>
                          <a:pt x="442770" y="43"/>
                          <a:pt x="437056" y="5797"/>
                          <a:pt x="437081" y="12869"/>
                        </a:cubicBezTo>
                        <a:cubicBezTo>
                          <a:pt x="437104" y="18706"/>
                          <a:pt x="441067" y="23790"/>
                          <a:pt x="446725" y="25232"/>
                        </a:cubicBezTo>
                        <a:lnTo>
                          <a:pt x="447008" y="25232"/>
                        </a:lnTo>
                        <a:cubicBezTo>
                          <a:pt x="447292" y="25232"/>
                          <a:pt x="447858" y="25515"/>
                          <a:pt x="448142" y="25515"/>
                        </a:cubicBezTo>
                        <a:lnTo>
                          <a:pt x="452391" y="26082"/>
                        </a:lnTo>
                        <a:cubicBezTo>
                          <a:pt x="648484" y="62569"/>
                          <a:pt x="777870" y="251113"/>
                          <a:pt x="741384" y="447206"/>
                        </a:cubicBezTo>
                        <a:cubicBezTo>
                          <a:pt x="704897" y="643298"/>
                          <a:pt x="516352" y="772685"/>
                          <a:pt x="320259" y="736198"/>
                        </a:cubicBezTo>
                        <a:cubicBezTo>
                          <a:pt x="149185" y="704367"/>
                          <a:pt x="25134" y="555070"/>
                          <a:pt x="25173" y="381058"/>
                        </a:cubicBezTo>
                        <a:cubicBezTo>
                          <a:pt x="25173" y="204278"/>
                          <a:pt x="152659" y="57245"/>
                          <a:pt x="320656" y="26082"/>
                        </a:cubicBezTo>
                        <a:lnTo>
                          <a:pt x="324906" y="25515"/>
                        </a:lnTo>
                        <a:cubicBezTo>
                          <a:pt x="325472" y="25515"/>
                          <a:pt x="326039" y="25232"/>
                          <a:pt x="326889" y="25232"/>
                        </a:cubicBezTo>
                        <a:lnTo>
                          <a:pt x="327172" y="25232"/>
                        </a:lnTo>
                        <a:cubicBezTo>
                          <a:pt x="332742" y="23660"/>
                          <a:pt x="336572" y="18554"/>
                          <a:pt x="336521" y="12767"/>
                        </a:cubicBezTo>
                        <a:cubicBezTo>
                          <a:pt x="336569" y="5773"/>
                          <a:pt x="330937" y="65"/>
                          <a:pt x="323942" y="18"/>
                        </a:cubicBezTo>
                        <a:cubicBezTo>
                          <a:pt x="323923" y="18"/>
                          <a:pt x="323906" y="18"/>
                          <a:pt x="323886" y="18"/>
                        </a:cubicBezTo>
                        <a:lnTo>
                          <a:pt x="323886" y="18"/>
                        </a:lnTo>
                        <a:cubicBezTo>
                          <a:pt x="323211" y="-44"/>
                          <a:pt x="322531" y="53"/>
                          <a:pt x="321903" y="301"/>
                        </a:cubicBezTo>
                        <a:cubicBezTo>
                          <a:pt x="111476" y="35985"/>
                          <a:pt x="-30182" y="235496"/>
                          <a:pt x="5501" y="445923"/>
                        </a:cubicBezTo>
                        <a:cubicBezTo>
                          <a:pt x="37033" y="631867"/>
                          <a:pt x="198179" y="767894"/>
                          <a:pt x="386779" y="767764"/>
                        </a:cubicBezTo>
                        <a:cubicBezTo>
                          <a:pt x="600104" y="767764"/>
                          <a:pt x="773201" y="594100"/>
                          <a:pt x="773201" y="381058"/>
                        </a:cubicBezTo>
                        <a:cubicBezTo>
                          <a:pt x="773000" y="192994"/>
                          <a:pt x="637568" y="32325"/>
                          <a:pt x="452249" y="301"/>
                        </a:cubicBezTo>
                        <a:close/>
                      </a:path>
                    </a:pathLst>
                  </a:custGeom>
                  <a:solidFill>
                    <a:schemeClr val="accent2"/>
                  </a:solidFill>
                  <a:ln w="2811" cap="flat">
                    <a:noFill/>
                    <a:prstDash val="solid"/>
                    <a:miter/>
                  </a:ln>
                </p:spPr>
                <p:txBody>
                  <a:bodyPr rtlCol="0" anchor="ctr"/>
                  <a:lstStyle/>
                  <a:p>
                    <a:endParaRPr lang="en-US"/>
                  </a:p>
                </p:txBody>
              </p:sp>
            </p:grpSp>
            <p:grpSp>
              <p:nvGrpSpPr>
                <p:cNvPr id="231" name="Group 230">
                  <a:extLst>
                    <a:ext uri="{FF2B5EF4-FFF2-40B4-BE49-F238E27FC236}">
                      <a16:creationId xmlns:a16="http://schemas.microsoft.com/office/drawing/2014/main" id="{1DF96773-D40E-8640-BA59-396866BC57FC}"/>
                    </a:ext>
                  </a:extLst>
                </p:cNvPr>
                <p:cNvGrpSpPr>
                  <a:grpSpLocks noChangeAspect="1"/>
                </p:cNvGrpSpPr>
                <p:nvPr/>
              </p:nvGrpSpPr>
              <p:grpSpPr>
                <a:xfrm>
                  <a:off x="7298281" y="5869023"/>
                  <a:ext cx="542254" cy="548640"/>
                  <a:chOff x="1530686" y="4897949"/>
                  <a:chExt cx="773201" cy="782307"/>
                </a:xfrm>
              </p:grpSpPr>
              <p:sp>
                <p:nvSpPr>
                  <p:cNvPr id="232" name="Graphic 4">
                    <a:extLst>
                      <a:ext uri="{FF2B5EF4-FFF2-40B4-BE49-F238E27FC236}">
                        <a16:creationId xmlns:a16="http://schemas.microsoft.com/office/drawing/2014/main" id="{DD7AACA5-EAF4-1A4C-A6A2-2A8018C977A4}"/>
                      </a:ext>
                    </a:extLst>
                  </p:cNvPr>
                  <p:cNvSpPr/>
                  <p:nvPr/>
                </p:nvSpPr>
                <p:spPr>
                  <a:xfrm>
                    <a:off x="1673239" y="5130596"/>
                    <a:ext cx="489054" cy="257435"/>
                  </a:xfrm>
                  <a:custGeom>
                    <a:avLst/>
                    <a:gdLst>
                      <a:gd name="connsiteX0" fmla="*/ 459875 w 489054"/>
                      <a:gd name="connsiteY0" fmla="*/ 10001 h 257435"/>
                      <a:gd name="connsiteX1" fmla="*/ 394489 w 489054"/>
                      <a:gd name="connsiteY1" fmla="*/ 10001 h 257435"/>
                      <a:gd name="connsiteX2" fmla="*/ 389865 w 489054"/>
                      <a:gd name="connsiteY2" fmla="*/ 4623 h 257435"/>
                      <a:gd name="connsiteX3" fmla="*/ 394489 w 489054"/>
                      <a:gd name="connsiteY3" fmla="*/ 0 h 257435"/>
                      <a:gd name="connsiteX4" fmla="*/ 459648 w 489054"/>
                      <a:gd name="connsiteY4" fmla="*/ 0 h 257435"/>
                      <a:gd name="connsiteX5" fmla="*/ 464271 w 489054"/>
                      <a:gd name="connsiteY5" fmla="*/ 5377 h 257435"/>
                      <a:gd name="connsiteX6" fmla="*/ 459648 w 489054"/>
                      <a:gd name="connsiteY6" fmla="*/ 10001 h 257435"/>
                      <a:gd name="connsiteX7" fmla="*/ 489055 w 489054"/>
                      <a:gd name="connsiteY7" fmla="*/ 35498 h 257435"/>
                      <a:gd name="connsiteX8" fmla="*/ 484069 w 489054"/>
                      <a:gd name="connsiteY8" fmla="*/ 30512 h 257435"/>
                      <a:gd name="connsiteX9" fmla="*/ 419759 w 489054"/>
                      <a:gd name="connsiteY9" fmla="*/ 30512 h 257435"/>
                      <a:gd name="connsiteX10" fmla="*/ 415136 w 489054"/>
                      <a:gd name="connsiteY10" fmla="*/ 35888 h 257435"/>
                      <a:gd name="connsiteX11" fmla="*/ 419759 w 489054"/>
                      <a:gd name="connsiteY11" fmla="*/ 40512 h 257435"/>
                      <a:gd name="connsiteX12" fmla="*/ 484069 w 489054"/>
                      <a:gd name="connsiteY12" fmla="*/ 40512 h 257435"/>
                      <a:gd name="connsiteX13" fmla="*/ 489055 w 489054"/>
                      <a:gd name="connsiteY13" fmla="*/ 35527 h 257435"/>
                      <a:gd name="connsiteX14" fmla="*/ 489055 w 489054"/>
                      <a:gd name="connsiteY14" fmla="*/ 35413 h 257435"/>
                      <a:gd name="connsiteX15" fmla="*/ 451149 w 489054"/>
                      <a:gd name="connsiteY15" fmla="*/ 65839 h 257435"/>
                      <a:gd name="connsiteX16" fmla="*/ 446163 w 489054"/>
                      <a:gd name="connsiteY16" fmla="*/ 60853 h 257435"/>
                      <a:gd name="connsiteX17" fmla="*/ 394489 w 489054"/>
                      <a:gd name="connsiteY17" fmla="*/ 60853 h 257435"/>
                      <a:gd name="connsiteX18" fmla="*/ 389865 w 489054"/>
                      <a:gd name="connsiteY18" fmla="*/ 66230 h 257435"/>
                      <a:gd name="connsiteX19" fmla="*/ 394489 w 489054"/>
                      <a:gd name="connsiteY19" fmla="*/ 70854 h 257435"/>
                      <a:gd name="connsiteX20" fmla="*/ 446163 w 489054"/>
                      <a:gd name="connsiteY20" fmla="*/ 70854 h 257435"/>
                      <a:gd name="connsiteX21" fmla="*/ 451149 w 489054"/>
                      <a:gd name="connsiteY21" fmla="*/ 65867 h 257435"/>
                      <a:gd name="connsiteX22" fmla="*/ 451149 w 489054"/>
                      <a:gd name="connsiteY22" fmla="*/ 65839 h 257435"/>
                      <a:gd name="connsiteX23" fmla="*/ 68409 w 489054"/>
                      <a:gd name="connsiteY23" fmla="*/ 229134 h 257435"/>
                      <a:gd name="connsiteX24" fmla="*/ 63423 w 489054"/>
                      <a:gd name="connsiteY24" fmla="*/ 224148 h 257435"/>
                      <a:gd name="connsiteX25" fmla="*/ 4638 w 489054"/>
                      <a:gd name="connsiteY25" fmla="*/ 224148 h 257435"/>
                      <a:gd name="connsiteX26" fmla="*/ 14 w 489054"/>
                      <a:gd name="connsiteY26" fmla="*/ 229525 h 257435"/>
                      <a:gd name="connsiteX27" fmla="*/ 4638 w 489054"/>
                      <a:gd name="connsiteY27" fmla="*/ 234148 h 257435"/>
                      <a:gd name="connsiteX28" fmla="*/ 63423 w 489054"/>
                      <a:gd name="connsiteY28" fmla="*/ 234148 h 257435"/>
                      <a:gd name="connsiteX29" fmla="*/ 68409 w 489054"/>
                      <a:gd name="connsiteY29" fmla="*/ 229162 h 257435"/>
                      <a:gd name="connsiteX30" fmla="*/ 68409 w 489054"/>
                      <a:gd name="connsiteY30" fmla="*/ 229134 h 257435"/>
                      <a:gd name="connsiteX31" fmla="*/ 68409 w 489054"/>
                      <a:gd name="connsiteY31" fmla="*/ 252450 h 257435"/>
                      <a:gd name="connsiteX32" fmla="*/ 63423 w 489054"/>
                      <a:gd name="connsiteY32" fmla="*/ 247463 h 257435"/>
                      <a:gd name="connsiteX33" fmla="*/ 22571 w 489054"/>
                      <a:gd name="connsiteY33" fmla="*/ 247463 h 257435"/>
                      <a:gd name="connsiteX34" fmla="*/ 17585 w 489054"/>
                      <a:gd name="connsiteY34" fmla="*/ 252450 h 257435"/>
                      <a:gd name="connsiteX35" fmla="*/ 22571 w 489054"/>
                      <a:gd name="connsiteY35" fmla="*/ 257436 h 257435"/>
                      <a:gd name="connsiteX36" fmla="*/ 63423 w 489054"/>
                      <a:gd name="connsiteY36" fmla="*/ 257436 h 257435"/>
                      <a:gd name="connsiteX37" fmla="*/ 68409 w 489054"/>
                      <a:gd name="connsiteY37" fmla="*/ 252450 h 2574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489054" h="257435">
                        <a:moveTo>
                          <a:pt x="459875" y="10001"/>
                        </a:moveTo>
                        <a:lnTo>
                          <a:pt x="394489" y="10001"/>
                        </a:lnTo>
                        <a:cubicBezTo>
                          <a:pt x="391727" y="9793"/>
                          <a:pt x="389658" y="7385"/>
                          <a:pt x="389865" y="4623"/>
                        </a:cubicBezTo>
                        <a:cubicBezTo>
                          <a:pt x="390052" y="2151"/>
                          <a:pt x="392016" y="186"/>
                          <a:pt x="394489" y="0"/>
                        </a:cubicBezTo>
                        <a:lnTo>
                          <a:pt x="459648" y="0"/>
                        </a:lnTo>
                        <a:cubicBezTo>
                          <a:pt x="462410" y="208"/>
                          <a:pt x="464478" y="2615"/>
                          <a:pt x="464271" y="5377"/>
                        </a:cubicBezTo>
                        <a:cubicBezTo>
                          <a:pt x="464084" y="7849"/>
                          <a:pt x="462121" y="9814"/>
                          <a:pt x="459648" y="10001"/>
                        </a:cubicBezTo>
                        <a:close/>
                        <a:moveTo>
                          <a:pt x="489055" y="35498"/>
                        </a:moveTo>
                        <a:cubicBezTo>
                          <a:pt x="489055" y="32744"/>
                          <a:pt x="486822" y="30512"/>
                          <a:pt x="484069" y="30512"/>
                        </a:cubicBezTo>
                        <a:lnTo>
                          <a:pt x="419759" y="30512"/>
                        </a:lnTo>
                        <a:cubicBezTo>
                          <a:pt x="416997" y="30719"/>
                          <a:pt x="414929" y="33127"/>
                          <a:pt x="415136" y="35888"/>
                        </a:cubicBezTo>
                        <a:cubicBezTo>
                          <a:pt x="415323" y="38361"/>
                          <a:pt x="417286" y="40326"/>
                          <a:pt x="419759" y="40512"/>
                        </a:cubicBezTo>
                        <a:lnTo>
                          <a:pt x="484069" y="40512"/>
                        </a:lnTo>
                        <a:cubicBezTo>
                          <a:pt x="486822" y="40513"/>
                          <a:pt x="489055" y="38281"/>
                          <a:pt x="489055" y="35527"/>
                        </a:cubicBezTo>
                        <a:cubicBezTo>
                          <a:pt x="489055" y="35489"/>
                          <a:pt x="489055" y="35451"/>
                          <a:pt x="489055" y="35413"/>
                        </a:cubicBezTo>
                        <a:close/>
                        <a:moveTo>
                          <a:pt x="451149" y="65839"/>
                        </a:moveTo>
                        <a:cubicBezTo>
                          <a:pt x="451149" y="63085"/>
                          <a:pt x="448917" y="60853"/>
                          <a:pt x="446163" y="60853"/>
                        </a:cubicBezTo>
                        <a:lnTo>
                          <a:pt x="394489" y="60853"/>
                        </a:lnTo>
                        <a:cubicBezTo>
                          <a:pt x="391727" y="61060"/>
                          <a:pt x="389658" y="63468"/>
                          <a:pt x="389865" y="66230"/>
                        </a:cubicBezTo>
                        <a:cubicBezTo>
                          <a:pt x="390052" y="68703"/>
                          <a:pt x="392016" y="70667"/>
                          <a:pt x="394489" y="70854"/>
                        </a:cubicBezTo>
                        <a:lnTo>
                          <a:pt x="446163" y="70854"/>
                        </a:lnTo>
                        <a:cubicBezTo>
                          <a:pt x="448917" y="70854"/>
                          <a:pt x="451149" y="68621"/>
                          <a:pt x="451149" y="65867"/>
                        </a:cubicBezTo>
                        <a:cubicBezTo>
                          <a:pt x="451149" y="65859"/>
                          <a:pt x="451149" y="65848"/>
                          <a:pt x="451149" y="65839"/>
                        </a:cubicBezTo>
                        <a:close/>
                        <a:moveTo>
                          <a:pt x="68409" y="229134"/>
                        </a:moveTo>
                        <a:cubicBezTo>
                          <a:pt x="68409" y="226380"/>
                          <a:pt x="66177" y="224148"/>
                          <a:pt x="63423" y="224148"/>
                        </a:cubicBezTo>
                        <a:lnTo>
                          <a:pt x="4638" y="224148"/>
                        </a:lnTo>
                        <a:cubicBezTo>
                          <a:pt x="1877" y="224355"/>
                          <a:pt x="-194" y="226763"/>
                          <a:pt x="14" y="229525"/>
                        </a:cubicBezTo>
                        <a:cubicBezTo>
                          <a:pt x="201" y="231998"/>
                          <a:pt x="2166" y="233961"/>
                          <a:pt x="4638" y="234148"/>
                        </a:cubicBezTo>
                        <a:lnTo>
                          <a:pt x="63423" y="234148"/>
                        </a:lnTo>
                        <a:cubicBezTo>
                          <a:pt x="66177" y="234148"/>
                          <a:pt x="68409" y="231916"/>
                          <a:pt x="68409" y="229162"/>
                        </a:cubicBezTo>
                        <a:cubicBezTo>
                          <a:pt x="68409" y="229154"/>
                          <a:pt x="68409" y="229142"/>
                          <a:pt x="68409" y="229134"/>
                        </a:cubicBezTo>
                        <a:close/>
                        <a:moveTo>
                          <a:pt x="68409" y="252450"/>
                        </a:moveTo>
                        <a:cubicBezTo>
                          <a:pt x="68409" y="249696"/>
                          <a:pt x="66177" y="247463"/>
                          <a:pt x="63423" y="247463"/>
                        </a:cubicBezTo>
                        <a:lnTo>
                          <a:pt x="22571" y="247463"/>
                        </a:lnTo>
                        <a:cubicBezTo>
                          <a:pt x="19817" y="247463"/>
                          <a:pt x="17585" y="249696"/>
                          <a:pt x="17585" y="252450"/>
                        </a:cubicBezTo>
                        <a:cubicBezTo>
                          <a:pt x="17585" y="255203"/>
                          <a:pt x="19817" y="257436"/>
                          <a:pt x="22571" y="257436"/>
                        </a:cubicBezTo>
                        <a:lnTo>
                          <a:pt x="63423" y="257436"/>
                        </a:lnTo>
                        <a:cubicBezTo>
                          <a:pt x="66177" y="257436"/>
                          <a:pt x="68409" y="255203"/>
                          <a:pt x="68409" y="252450"/>
                        </a:cubicBezTo>
                        <a:close/>
                      </a:path>
                    </a:pathLst>
                  </a:custGeom>
                  <a:solidFill>
                    <a:schemeClr val="accent2"/>
                  </a:solidFill>
                  <a:ln w="2811" cap="flat">
                    <a:noFill/>
                    <a:prstDash val="solid"/>
                    <a:miter/>
                  </a:ln>
                </p:spPr>
                <p:txBody>
                  <a:bodyPr rtlCol="0" anchor="ctr"/>
                  <a:lstStyle/>
                  <a:p>
                    <a:endParaRPr lang="en-US"/>
                  </a:p>
                </p:txBody>
              </p:sp>
              <p:sp>
                <p:nvSpPr>
                  <p:cNvPr id="233" name="Graphic 4">
                    <a:extLst>
                      <a:ext uri="{FF2B5EF4-FFF2-40B4-BE49-F238E27FC236}">
                        <a16:creationId xmlns:a16="http://schemas.microsoft.com/office/drawing/2014/main" id="{52BB9C8F-1B47-DC4B-9684-F438CB332B03}"/>
                      </a:ext>
                    </a:extLst>
                  </p:cNvPr>
                  <p:cNvSpPr/>
                  <p:nvPr/>
                </p:nvSpPr>
                <p:spPr>
                  <a:xfrm>
                    <a:off x="1618020" y="4991864"/>
                    <a:ext cx="601747" cy="604536"/>
                  </a:xfrm>
                  <a:custGeom>
                    <a:avLst/>
                    <a:gdLst>
                      <a:gd name="connsiteX0" fmla="*/ 302391 w 601747"/>
                      <a:gd name="connsiteY0" fmla="*/ 482 h 604536"/>
                      <a:gd name="connsiteX1" fmla="*/ 0 w 601747"/>
                      <a:gd name="connsiteY1" fmla="*/ 302373 h 604536"/>
                      <a:gd name="connsiteX2" fmla="*/ 119804 w 601747"/>
                      <a:gd name="connsiteY2" fmla="*/ 543541 h 604536"/>
                      <a:gd name="connsiteX3" fmla="*/ 119804 w 601747"/>
                      <a:gd name="connsiteY3" fmla="*/ 543541 h 604536"/>
                      <a:gd name="connsiteX4" fmla="*/ 130087 w 601747"/>
                      <a:gd name="connsiteY4" fmla="*/ 551021 h 604536"/>
                      <a:gd name="connsiteX5" fmla="*/ 163262 w 601747"/>
                      <a:gd name="connsiteY5" fmla="*/ 571050 h 604536"/>
                      <a:gd name="connsiteX6" fmla="*/ 173942 w 601747"/>
                      <a:gd name="connsiteY6" fmla="*/ 576348 h 604536"/>
                      <a:gd name="connsiteX7" fmla="*/ 248819 w 601747"/>
                      <a:gd name="connsiteY7" fmla="*/ 600145 h 604536"/>
                      <a:gd name="connsiteX8" fmla="*/ 248819 w 601747"/>
                      <a:gd name="connsiteY8" fmla="*/ 600145 h 604536"/>
                      <a:gd name="connsiteX9" fmla="*/ 255788 w 601747"/>
                      <a:gd name="connsiteY9" fmla="*/ 601307 h 604536"/>
                      <a:gd name="connsiteX10" fmla="*/ 256553 w 601747"/>
                      <a:gd name="connsiteY10" fmla="*/ 601307 h 604536"/>
                      <a:gd name="connsiteX11" fmla="*/ 262956 w 601747"/>
                      <a:gd name="connsiteY11" fmla="*/ 602213 h 604536"/>
                      <a:gd name="connsiteX12" fmla="*/ 264145 w 601747"/>
                      <a:gd name="connsiteY12" fmla="*/ 602355 h 604536"/>
                      <a:gd name="connsiteX13" fmla="*/ 270236 w 601747"/>
                      <a:gd name="connsiteY13" fmla="*/ 603063 h 604536"/>
                      <a:gd name="connsiteX14" fmla="*/ 271653 w 601747"/>
                      <a:gd name="connsiteY14" fmla="*/ 603205 h 604536"/>
                      <a:gd name="connsiteX15" fmla="*/ 277772 w 601747"/>
                      <a:gd name="connsiteY15" fmla="*/ 603771 h 604536"/>
                      <a:gd name="connsiteX16" fmla="*/ 279160 w 601747"/>
                      <a:gd name="connsiteY16" fmla="*/ 603771 h 604536"/>
                      <a:gd name="connsiteX17" fmla="*/ 280010 w 601747"/>
                      <a:gd name="connsiteY17" fmla="*/ 603771 h 604536"/>
                      <a:gd name="connsiteX18" fmla="*/ 291144 w 601747"/>
                      <a:gd name="connsiteY18" fmla="*/ 604366 h 604536"/>
                      <a:gd name="connsiteX19" fmla="*/ 292136 w 601747"/>
                      <a:gd name="connsiteY19" fmla="*/ 604366 h 604536"/>
                      <a:gd name="connsiteX20" fmla="*/ 301513 w 601747"/>
                      <a:gd name="connsiteY20" fmla="*/ 604536 h 604536"/>
                      <a:gd name="connsiteX21" fmla="*/ 302391 w 601747"/>
                      <a:gd name="connsiteY21" fmla="*/ 604536 h 604536"/>
                      <a:gd name="connsiteX22" fmla="*/ 601733 w 601747"/>
                      <a:gd name="connsiteY22" fmla="*/ 299342 h 604536"/>
                      <a:gd name="connsiteX23" fmla="*/ 302391 w 601747"/>
                      <a:gd name="connsiteY23" fmla="*/ 0 h 604536"/>
                      <a:gd name="connsiteX24" fmla="*/ 302731 w 601747"/>
                      <a:gd name="connsiteY24" fmla="*/ 467135 h 604536"/>
                      <a:gd name="connsiteX25" fmla="*/ 361686 w 601747"/>
                      <a:gd name="connsiteY25" fmla="*/ 491471 h 604536"/>
                      <a:gd name="connsiteX26" fmla="*/ 361686 w 601747"/>
                      <a:gd name="connsiteY26" fmla="*/ 463764 h 604536"/>
                      <a:gd name="connsiteX27" fmla="*/ 373670 w 601747"/>
                      <a:gd name="connsiteY27" fmla="*/ 465577 h 604536"/>
                      <a:gd name="connsiteX28" fmla="*/ 317746 w 601747"/>
                      <a:gd name="connsiteY28" fmla="*/ 594592 h 604536"/>
                      <a:gd name="connsiteX29" fmla="*/ 302391 w 601747"/>
                      <a:gd name="connsiteY29" fmla="*/ 594989 h 604536"/>
                      <a:gd name="connsiteX30" fmla="*/ 287489 w 601747"/>
                      <a:gd name="connsiteY30" fmla="*/ 594621 h 604536"/>
                      <a:gd name="connsiteX31" fmla="*/ 231566 w 601747"/>
                      <a:gd name="connsiteY31" fmla="*/ 465577 h 604536"/>
                      <a:gd name="connsiteX32" fmla="*/ 243521 w 601747"/>
                      <a:gd name="connsiteY32" fmla="*/ 463764 h 604536"/>
                      <a:gd name="connsiteX33" fmla="*/ 243521 w 601747"/>
                      <a:gd name="connsiteY33" fmla="*/ 491471 h 604536"/>
                      <a:gd name="connsiteX34" fmla="*/ 220149 w 601747"/>
                      <a:gd name="connsiteY34" fmla="*/ 298118 h 604536"/>
                      <a:gd name="connsiteX35" fmla="*/ 219667 w 601747"/>
                      <a:gd name="connsiteY35" fmla="*/ 277125 h 604536"/>
                      <a:gd name="connsiteX36" fmla="*/ 261086 w 601747"/>
                      <a:gd name="connsiteY36" fmla="*/ 190180 h 604536"/>
                      <a:gd name="connsiteX37" fmla="*/ 386532 w 601747"/>
                      <a:gd name="connsiteY37" fmla="*/ 298118 h 604536"/>
                      <a:gd name="connsiteX38" fmla="*/ 386532 w 601747"/>
                      <a:gd name="connsiteY38" fmla="*/ 300667 h 604536"/>
                      <a:gd name="connsiteX39" fmla="*/ 401008 w 601747"/>
                      <a:gd name="connsiteY39" fmla="*/ 300356 h 604536"/>
                      <a:gd name="connsiteX40" fmla="*/ 401008 w 601747"/>
                      <a:gd name="connsiteY40" fmla="*/ 297919 h 604536"/>
                      <a:gd name="connsiteX41" fmla="*/ 405201 w 601747"/>
                      <a:gd name="connsiteY41" fmla="*/ 275454 h 604536"/>
                      <a:gd name="connsiteX42" fmla="*/ 414352 w 601747"/>
                      <a:gd name="connsiteY42" fmla="*/ 271572 h 604536"/>
                      <a:gd name="connsiteX43" fmla="*/ 416958 w 601747"/>
                      <a:gd name="connsiteY43" fmla="*/ 291403 h 604536"/>
                      <a:gd name="connsiteX44" fmla="*/ 416958 w 601747"/>
                      <a:gd name="connsiteY44" fmla="*/ 292933 h 604536"/>
                      <a:gd name="connsiteX45" fmla="*/ 400782 w 601747"/>
                      <a:gd name="connsiteY45" fmla="*/ 339706 h 604536"/>
                      <a:gd name="connsiteX46" fmla="*/ 399195 w 601747"/>
                      <a:gd name="connsiteY46" fmla="*/ 339706 h 604536"/>
                      <a:gd name="connsiteX47" fmla="*/ 398515 w 601747"/>
                      <a:gd name="connsiteY47" fmla="*/ 341179 h 604536"/>
                      <a:gd name="connsiteX48" fmla="*/ 302618 w 601747"/>
                      <a:gd name="connsiteY48" fmla="*/ 413450 h 604536"/>
                      <a:gd name="connsiteX49" fmla="*/ 207174 w 601747"/>
                      <a:gd name="connsiteY49" fmla="*/ 341179 h 604536"/>
                      <a:gd name="connsiteX50" fmla="*/ 206494 w 601747"/>
                      <a:gd name="connsiteY50" fmla="*/ 339678 h 604536"/>
                      <a:gd name="connsiteX51" fmla="*/ 204822 w 601747"/>
                      <a:gd name="connsiteY51" fmla="*/ 339678 h 604536"/>
                      <a:gd name="connsiteX52" fmla="*/ 198816 w 601747"/>
                      <a:gd name="connsiteY52" fmla="*/ 337100 h 604536"/>
                      <a:gd name="connsiteX53" fmla="*/ 187852 w 601747"/>
                      <a:gd name="connsiteY53" fmla="*/ 296276 h 604536"/>
                      <a:gd name="connsiteX54" fmla="*/ 190969 w 601747"/>
                      <a:gd name="connsiteY54" fmla="*/ 270213 h 604536"/>
                      <a:gd name="connsiteX55" fmla="*/ 195813 w 601747"/>
                      <a:gd name="connsiteY55" fmla="*/ 270553 h 604536"/>
                      <a:gd name="connsiteX56" fmla="*/ 204029 w 601747"/>
                      <a:gd name="connsiteY56" fmla="*/ 281630 h 604536"/>
                      <a:gd name="connsiteX57" fmla="*/ 205672 w 601747"/>
                      <a:gd name="connsiteY57" fmla="*/ 298033 h 604536"/>
                      <a:gd name="connsiteX58" fmla="*/ 205672 w 601747"/>
                      <a:gd name="connsiteY58" fmla="*/ 300469 h 604536"/>
                      <a:gd name="connsiteX59" fmla="*/ 220149 w 601747"/>
                      <a:gd name="connsiteY59" fmla="*/ 300781 h 604536"/>
                      <a:gd name="connsiteX60" fmla="*/ 302391 w 601747"/>
                      <a:gd name="connsiteY60" fmla="*/ 424583 h 604536"/>
                      <a:gd name="connsiteX61" fmla="*/ 338597 w 601747"/>
                      <a:gd name="connsiteY61" fmla="*/ 417926 h 604536"/>
                      <a:gd name="connsiteX62" fmla="*/ 338597 w 601747"/>
                      <a:gd name="connsiteY62" fmla="*/ 432969 h 604536"/>
                      <a:gd name="connsiteX63" fmla="*/ 302589 w 601747"/>
                      <a:gd name="connsiteY63" fmla="*/ 447814 h 604536"/>
                      <a:gd name="connsiteX64" fmla="*/ 266525 w 601747"/>
                      <a:gd name="connsiteY64" fmla="*/ 432941 h 604536"/>
                      <a:gd name="connsiteX65" fmla="*/ 266525 w 601747"/>
                      <a:gd name="connsiteY65" fmla="*/ 418011 h 604536"/>
                      <a:gd name="connsiteX66" fmla="*/ 302391 w 601747"/>
                      <a:gd name="connsiteY66" fmla="*/ 424583 h 604536"/>
                      <a:gd name="connsiteX67" fmla="*/ 350297 w 601747"/>
                      <a:gd name="connsiteY67" fmla="*/ 440250 h 604536"/>
                      <a:gd name="connsiteX68" fmla="*/ 350297 w 601747"/>
                      <a:gd name="connsiteY68" fmla="*/ 474558 h 604536"/>
                      <a:gd name="connsiteX69" fmla="*/ 308737 w 601747"/>
                      <a:gd name="connsiteY69" fmla="*/ 457390 h 604536"/>
                      <a:gd name="connsiteX70" fmla="*/ 296470 w 601747"/>
                      <a:gd name="connsiteY70" fmla="*/ 457390 h 604536"/>
                      <a:gd name="connsiteX71" fmla="*/ 254910 w 601747"/>
                      <a:gd name="connsiteY71" fmla="*/ 474558 h 604536"/>
                      <a:gd name="connsiteX72" fmla="*/ 254910 w 601747"/>
                      <a:gd name="connsiteY72" fmla="*/ 440250 h 604536"/>
                      <a:gd name="connsiteX73" fmla="*/ 430953 w 601747"/>
                      <a:gd name="connsiteY73" fmla="*/ 483822 h 604536"/>
                      <a:gd name="connsiteX74" fmla="*/ 473023 w 601747"/>
                      <a:gd name="connsiteY74" fmla="*/ 539377 h 604536"/>
                      <a:gd name="connsiteX75" fmla="*/ 440585 w 601747"/>
                      <a:gd name="connsiteY75" fmla="*/ 559860 h 604536"/>
                      <a:gd name="connsiteX76" fmla="*/ 330098 w 601747"/>
                      <a:gd name="connsiteY76" fmla="*/ 593572 h 604536"/>
                      <a:gd name="connsiteX77" fmla="*/ 330098 w 601747"/>
                      <a:gd name="connsiteY77" fmla="*/ 593572 h 604536"/>
                      <a:gd name="connsiteX78" fmla="*/ 384775 w 601747"/>
                      <a:gd name="connsiteY78" fmla="*/ 467645 h 604536"/>
                      <a:gd name="connsiteX79" fmla="*/ 418771 w 601747"/>
                      <a:gd name="connsiteY79" fmla="*/ 478014 h 604536"/>
                      <a:gd name="connsiteX80" fmla="*/ 429877 w 601747"/>
                      <a:gd name="connsiteY80" fmla="*/ 565441 h 604536"/>
                      <a:gd name="connsiteX81" fmla="*/ 330098 w 601747"/>
                      <a:gd name="connsiteY81" fmla="*/ 593657 h 604536"/>
                      <a:gd name="connsiteX82" fmla="*/ 274996 w 601747"/>
                      <a:gd name="connsiteY82" fmla="*/ 593572 h 604536"/>
                      <a:gd name="connsiteX83" fmla="*/ 175274 w 601747"/>
                      <a:gd name="connsiteY83" fmla="*/ 565781 h 604536"/>
                      <a:gd name="connsiteX84" fmla="*/ 186408 w 601747"/>
                      <a:gd name="connsiteY84" fmla="*/ 477957 h 604536"/>
                      <a:gd name="connsiteX85" fmla="*/ 220404 w 601747"/>
                      <a:gd name="connsiteY85" fmla="*/ 467617 h 604536"/>
                      <a:gd name="connsiteX86" fmla="*/ 164508 w 601747"/>
                      <a:gd name="connsiteY86" fmla="*/ 560313 h 604536"/>
                      <a:gd name="connsiteX87" fmla="*/ 131929 w 601747"/>
                      <a:gd name="connsiteY87" fmla="*/ 540000 h 604536"/>
                      <a:gd name="connsiteX88" fmla="*/ 174226 w 601747"/>
                      <a:gd name="connsiteY88" fmla="*/ 483737 h 604536"/>
                      <a:gd name="connsiteX89" fmla="*/ 482797 w 601747"/>
                      <a:gd name="connsiteY89" fmla="*/ 532209 h 604536"/>
                      <a:gd name="connsiteX90" fmla="*/ 482797 w 601747"/>
                      <a:gd name="connsiteY90" fmla="*/ 531898 h 604536"/>
                      <a:gd name="connsiteX91" fmla="*/ 479114 w 601747"/>
                      <a:gd name="connsiteY91" fmla="*/ 520792 h 604536"/>
                      <a:gd name="connsiteX92" fmla="*/ 361573 w 601747"/>
                      <a:gd name="connsiteY92" fmla="*/ 452177 h 604536"/>
                      <a:gd name="connsiteX93" fmla="*/ 361573 w 601747"/>
                      <a:gd name="connsiteY93" fmla="*/ 423507 h 604536"/>
                      <a:gd name="connsiteX94" fmla="*/ 349929 w 601747"/>
                      <a:gd name="connsiteY94" fmla="*/ 428295 h 604536"/>
                      <a:gd name="connsiteX95" fmla="*/ 349929 w 601747"/>
                      <a:gd name="connsiteY95" fmla="*/ 412741 h 604536"/>
                      <a:gd name="connsiteX96" fmla="*/ 406731 w 601747"/>
                      <a:gd name="connsiteY96" fmla="*/ 349707 h 604536"/>
                      <a:gd name="connsiteX97" fmla="*/ 427242 w 601747"/>
                      <a:gd name="connsiteY97" fmla="*/ 305795 h 604536"/>
                      <a:gd name="connsiteX98" fmla="*/ 423786 w 601747"/>
                      <a:gd name="connsiteY98" fmla="*/ 264405 h 604536"/>
                      <a:gd name="connsiteX99" fmla="*/ 403785 w 601747"/>
                      <a:gd name="connsiteY99" fmla="*/ 153917 h 604536"/>
                      <a:gd name="connsiteX100" fmla="*/ 303808 w 601747"/>
                      <a:gd name="connsiteY100" fmla="*/ 125786 h 604536"/>
                      <a:gd name="connsiteX101" fmla="*/ 303298 w 601747"/>
                      <a:gd name="connsiteY101" fmla="*/ 125786 h 604536"/>
                      <a:gd name="connsiteX102" fmla="*/ 202896 w 601747"/>
                      <a:gd name="connsiteY102" fmla="*/ 153946 h 604536"/>
                      <a:gd name="connsiteX103" fmla="*/ 182498 w 601747"/>
                      <a:gd name="connsiteY103" fmla="*/ 262082 h 604536"/>
                      <a:gd name="connsiteX104" fmla="*/ 177172 w 601747"/>
                      <a:gd name="connsiteY104" fmla="*/ 305824 h 604536"/>
                      <a:gd name="connsiteX105" fmla="*/ 198675 w 601747"/>
                      <a:gd name="connsiteY105" fmla="*/ 349877 h 604536"/>
                      <a:gd name="connsiteX106" fmla="*/ 255335 w 601747"/>
                      <a:gd name="connsiteY106" fmla="*/ 412968 h 604536"/>
                      <a:gd name="connsiteX107" fmla="*/ 255335 w 601747"/>
                      <a:gd name="connsiteY107" fmla="*/ 428408 h 604536"/>
                      <a:gd name="connsiteX108" fmla="*/ 243691 w 601747"/>
                      <a:gd name="connsiteY108" fmla="*/ 423620 h 604536"/>
                      <a:gd name="connsiteX109" fmla="*/ 243691 w 601747"/>
                      <a:gd name="connsiteY109" fmla="*/ 452432 h 604536"/>
                      <a:gd name="connsiteX110" fmla="*/ 126150 w 601747"/>
                      <a:gd name="connsiteY110" fmla="*/ 521047 h 604536"/>
                      <a:gd name="connsiteX111" fmla="*/ 122268 w 601747"/>
                      <a:gd name="connsiteY111" fmla="*/ 532889 h 604536"/>
                      <a:gd name="connsiteX112" fmla="*/ 72140 w 601747"/>
                      <a:gd name="connsiteY112" fmla="*/ 122632 h 604536"/>
                      <a:gd name="connsiteX113" fmla="*/ 482398 w 601747"/>
                      <a:gd name="connsiteY113" fmla="*/ 72503 h 604536"/>
                      <a:gd name="connsiteX114" fmla="*/ 532525 w 601747"/>
                      <a:gd name="connsiteY114" fmla="*/ 482759 h 604536"/>
                      <a:gd name="connsiteX115" fmla="*/ 482939 w 601747"/>
                      <a:gd name="connsiteY115" fmla="*/ 532464 h 6045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Lst>
                    <a:rect l="l" t="t" r="r" b="b"/>
                    <a:pathLst>
                      <a:path w="601747" h="604536">
                        <a:moveTo>
                          <a:pt x="302391" y="482"/>
                        </a:moveTo>
                        <a:cubicBezTo>
                          <a:pt x="135524" y="343"/>
                          <a:pt x="139" y="135504"/>
                          <a:pt x="0" y="302373"/>
                        </a:cubicBezTo>
                        <a:cubicBezTo>
                          <a:pt x="-78" y="397097"/>
                          <a:pt x="44272" y="486377"/>
                          <a:pt x="119804" y="543541"/>
                        </a:cubicBezTo>
                        <a:lnTo>
                          <a:pt x="119804" y="543541"/>
                        </a:lnTo>
                        <a:cubicBezTo>
                          <a:pt x="123203" y="546128"/>
                          <a:pt x="126631" y="548621"/>
                          <a:pt x="130087" y="551021"/>
                        </a:cubicBezTo>
                        <a:cubicBezTo>
                          <a:pt x="140696" y="558415"/>
                          <a:pt x="151778" y="565106"/>
                          <a:pt x="163262" y="571050"/>
                        </a:cubicBezTo>
                        <a:cubicBezTo>
                          <a:pt x="166803" y="572891"/>
                          <a:pt x="170344" y="574676"/>
                          <a:pt x="173942" y="576348"/>
                        </a:cubicBezTo>
                        <a:cubicBezTo>
                          <a:pt x="197748" y="587532"/>
                          <a:pt x="222922" y="595533"/>
                          <a:pt x="248819" y="600145"/>
                        </a:cubicBezTo>
                        <a:lnTo>
                          <a:pt x="248819" y="600145"/>
                        </a:lnTo>
                        <a:lnTo>
                          <a:pt x="255788" y="601307"/>
                        </a:lnTo>
                        <a:lnTo>
                          <a:pt x="256553" y="601307"/>
                        </a:lnTo>
                        <a:lnTo>
                          <a:pt x="262956" y="602213"/>
                        </a:lnTo>
                        <a:lnTo>
                          <a:pt x="264145" y="602355"/>
                        </a:lnTo>
                        <a:lnTo>
                          <a:pt x="270236" y="603063"/>
                        </a:lnTo>
                        <a:lnTo>
                          <a:pt x="271653" y="603205"/>
                        </a:lnTo>
                        <a:cubicBezTo>
                          <a:pt x="273693" y="603431"/>
                          <a:pt x="275732" y="603601"/>
                          <a:pt x="277772" y="603771"/>
                        </a:cubicBezTo>
                        <a:lnTo>
                          <a:pt x="279160" y="603771"/>
                        </a:lnTo>
                        <a:lnTo>
                          <a:pt x="280010" y="603771"/>
                        </a:lnTo>
                        <a:cubicBezTo>
                          <a:pt x="283787" y="604018"/>
                          <a:pt x="287498" y="604216"/>
                          <a:pt x="291144" y="604366"/>
                        </a:cubicBezTo>
                        <a:lnTo>
                          <a:pt x="292136" y="604366"/>
                        </a:lnTo>
                        <a:cubicBezTo>
                          <a:pt x="295252" y="604366"/>
                          <a:pt x="298368" y="604536"/>
                          <a:pt x="301513" y="604536"/>
                        </a:cubicBezTo>
                        <a:lnTo>
                          <a:pt x="302391" y="604536"/>
                        </a:lnTo>
                        <a:cubicBezTo>
                          <a:pt x="469329" y="602921"/>
                          <a:pt x="603350" y="466280"/>
                          <a:pt x="601733" y="299342"/>
                        </a:cubicBezTo>
                        <a:cubicBezTo>
                          <a:pt x="600138" y="134685"/>
                          <a:pt x="467049" y="1594"/>
                          <a:pt x="302391" y="0"/>
                        </a:cubicBezTo>
                        <a:close/>
                        <a:moveTo>
                          <a:pt x="302731" y="467135"/>
                        </a:moveTo>
                        <a:lnTo>
                          <a:pt x="361686" y="491471"/>
                        </a:lnTo>
                        <a:lnTo>
                          <a:pt x="361686" y="463764"/>
                        </a:lnTo>
                        <a:cubicBezTo>
                          <a:pt x="365766" y="464302"/>
                          <a:pt x="369760" y="464925"/>
                          <a:pt x="373670" y="465577"/>
                        </a:cubicBezTo>
                        <a:lnTo>
                          <a:pt x="317746" y="594592"/>
                        </a:lnTo>
                        <a:cubicBezTo>
                          <a:pt x="312647" y="594847"/>
                          <a:pt x="307547" y="594989"/>
                          <a:pt x="302391" y="594989"/>
                        </a:cubicBezTo>
                        <a:cubicBezTo>
                          <a:pt x="297235" y="594989"/>
                          <a:pt x="292419" y="594989"/>
                          <a:pt x="287489" y="594621"/>
                        </a:cubicBezTo>
                        <a:lnTo>
                          <a:pt x="231566" y="465577"/>
                        </a:lnTo>
                        <a:cubicBezTo>
                          <a:pt x="235447" y="464925"/>
                          <a:pt x="239442" y="464302"/>
                          <a:pt x="243521" y="463764"/>
                        </a:cubicBezTo>
                        <a:lnTo>
                          <a:pt x="243521" y="491471"/>
                        </a:lnTo>
                        <a:close/>
                        <a:moveTo>
                          <a:pt x="220149" y="298118"/>
                        </a:moveTo>
                        <a:cubicBezTo>
                          <a:pt x="220149" y="290752"/>
                          <a:pt x="219894" y="283811"/>
                          <a:pt x="219667" y="277125"/>
                        </a:cubicBezTo>
                        <a:cubicBezTo>
                          <a:pt x="218307" y="238908"/>
                          <a:pt x="217401" y="213609"/>
                          <a:pt x="261086" y="190180"/>
                        </a:cubicBezTo>
                        <a:cubicBezTo>
                          <a:pt x="361374" y="199642"/>
                          <a:pt x="386617" y="213467"/>
                          <a:pt x="386532" y="298118"/>
                        </a:cubicBezTo>
                        <a:lnTo>
                          <a:pt x="386532" y="300667"/>
                        </a:lnTo>
                        <a:lnTo>
                          <a:pt x="401008" y="300356"/>
                        </a:lnTo>
                        <a:lnTo>
                          <a:pt x="401008" y="297919"/>
                        </a:lnTo>
                        <a:cubicBezTo>
                          <a:pt x="401008" y="286587"/>
                          <a:pt x="402368" y="279816"/>
                          <a:pt x="405201" y="275454"/>
                        </a:cubicBezTo>
                        <a:cubicBezTo>
                          <a:pt x="406958" y="272621"/>
                          <a:pt x="409989" y="269788"/>
                          <a:pt x="414352" y="271572"/>
                        </a:cubicBezTo>
                        <a:cubicBezTo>
                          <a:pt x="417326" y="272706"/>
                          <a:pt x="417185" y="282904"/>
                          <a:pt x="416958" y="291403"/>
                        </a:cubicBezTo>
                        <a:lnTo>
                          <a:pt x="416958" y="292933"/>
                        </a:lnTo>
                        <a:cubicBezTo>
                          <a:pt x="416533" y="315597"/>
                          <a:pt x="409932" y="339706"/>
                          <a:pt x="400782" y="339706"/>
                        </a:cubicBezTo>
                        <a:lnTo>
                          <a:pt x="399195" y="339706"/>
                        </a:lnTo>
                        <a:lnTo>
                          <a:pt x="398515" y="341179"/>
                        </a:lnTo>
                        <a:cubicBezTo>
                          <a:pt x="377608" y="387103"/>
                          <a:pt x="342648" y="413450"/>
                          <a:pt x="302618" y="413450"/>
                        </a:cubicBezTo>
                        <a:cubicBezTo>
                          <a:pt x="279274" y="413450"/>
                          <a:pt x="235815" y="404072"/>
                          <a:pt x="207174" y="341179"/>
                        </a:cubicBezTo>
                        <a:lnTo>
                          <a:pt x="206494" y="339678"/>
                        </a:lnTo>
                        <a:lnTo>
                          <a:pt x="204822" y="339678"/>
                        </a:lnTo>
                        <a:cubicBezTo>
                          <a:pt x="202547" y="339703"/>
                          <a:pt x="200366" y="338769"/>
                          <a:pt x="198816" y="337100"/>
                        </a:cubicBezTo>
                        <a:cubicBezTo>
                          <a:pt x="192555" y="331122"/>
                          <a:pt x="188249" y="315087"/>
                          <a:pt x="187852" y="296276"/>
                        </a:cubicBezTo>
                        <a:cubicBezTo>
                          <a:pt x="187343" y="272167"/>
                          <a:pt x="190940" y="270213"/>
                          <a:pt x="190969" y="270213"/>
                        </a:cubicBezTo>
                        <a:cubicBezTo>
                          <a:pt x="192552" y="269592"/>
                          <a:pt x="194332" y="269717"/>
                          <a:pt x="195813" y="270553"/>
                        </a:cubicBezTo>
                        <a:cubicBezTo>
                          <a:pt x="199830" y="273099"/>
                          <a:pt x="202760" y="277046"/>
                          <a:pt x="204029" y="281630"/>
                        </a:cubicBezTo>
                        <a:cubicBezTo>
                          <a:pt x="205247" y="287009"/>
                          <a:pt x="205800" y="292520"/>
                          <a:pt x="205672" y="298033"/>
                        </a:cubicBezTo>
                        <a:lnTo>
                          <a:pt x="205672" y="300469"/>
                        </a:lnTo>
                        <a:lnTo>
                          <a:pt x="220149" y="300781"/>
                        </a:lnTo>
                        <a:close/>
                        <a:moveTo>
                          <a:pt x="302391" y="424583"/>
                        </a:moveTo>
                        <a:cubicBezTo>
                          <a:pt x="314769" y="424620"/>
                          <a:pt x="327044" y="422362"/>
                          <a:pt x="338597" y="417926"/>
                        </a:cubicBezTo>
                        <a:lnTo>
                          <a:pt x="338597" y="432969"/>
                        </a:lnTo>
                        <a:lnTo>
                          <a:pt x="302589" y="447814"/>
                        </a:lnTo>
                        <a:lnTo>
                          <a:pt x="266525" y="432941"/>
                        </a:lnTo>
                        <a:lnTo>
                          <a:pt x="266525" y="418011"/>
                        </a:lnTo>
                        <a:cubicBezTo>
                          <a:pt x="277973" y="422391"/>
                          <a:pt x="290133" y="424617"/>
                          <a:pt x="302391" y="424583"/>
                        </a:cubicBezTo>
                        <a:close/>
                        <a:moveTo>
                          <a:pt x="350297" y="440250"/>
                        </a:moveTo>
                        <a:lnTo>
                          <a:pt x="350297" y="474558"/>
                        </a:lnTo>
                        <a:lnTo>
                          <a:pt x="308737" y="457390"/>
                        </a:lnTo>
                        <a:close/>
                        <a:moveTo>
                          <a:pt x="296470" y="457390"/>
                        </a:moveTo>
                        <a:lnTo>
                          <a:pt x="254910" y="474558"/>
                        </a:lnTo>
                        <a:lnTo>
                          <a:pt x="254910" y="440250"/>
                        </a:lnTo>
                        <a:close/>
                        <a:moveTo>
                          <a:pt x="430953" y="483822"/>
                        </a:moveTo>
                        <a:cubicBezTo>
                          <a:pt x="456450" y="497987"/>
                          <a:pt x="467924" y="517251"/>
                          <a:pt x="473023" y="539377"/>
                        </a:cubicBezTo>
                        <a:cubicBezTo>
                          <a:pt x="462669" y="546904"/>
                          <a:pt x="451832" y="553746"/>
                          <a:pt x="440585" y="559860"/>
                        </a:cubicBezTo>
                        <a:close/>
                        <a:moveTo>
                          <a:pt x="330098" y="593572"/>
                        </a:moveTo>
                        <a:lnTo>
                          <a:pt x="330098" y="593572"/>
                        </a:lnTo>
                        <a:lnTo>
                          <a:pt x="384775" y="467645"/>
                        </a:lnTo>
                        <a:cubicBezTo>
                          <a:pt x="396402" y="470056"/>
                          <a:pt x="407779" y="473526"/>
                          <a:pt x="418771" y="478014"/>
                        </a:cubicBezTo>
                        <a:lnTo>
                          <a:pt x="429877" y="565441"/>
                        </a:lnTo>
                        <a:cubicBezTo>
                          <a:pt x="398589" y="580779"/>
                          <a:pt x="364785" y="590337"/>
                          <a:pt x="330098" y="593657"/>
                        </a:cubicBezTo>
                        <a:close/>
                        <a:moveTo>
                          <a:pt x="274996" y="593572"/>
                        </a:moveTo>
                        <a:cubicBezTo>
                          <a:pt x="240360" y="590351"/>
                          <a:pt x="206582" y="580940"/>
                          <a:pt x="175274" y="565781"/>
                        </a:cubicBezTo>
                        <a:lnTo>
                          <a:pt x="186408" y="477957"/>
                        </a:lnTo>
                        <a:cubicBezTo>
                          <a:pt x="197405" y="473492"/>
                          <a:pt x="208783" y="470030"/>
                          <a:pt x="220404" y="467617"/>
                        </a:cubicBezTo>
                        <a:close/>
                        <a:moveTo>
                          <a:pt x="164508" y="560313"/>
                        </a:moveTo>
                        <a:cubicBezTo>
                          <a:pt x="153221" y="554253"/>
                          <a:pt x="142339" y="547468"/>
                          <a:pt x="131929" y="540000"/>
                        </a:cubicBezTo>
                        <a:cubicBezTo>
                          <a:pt x="136972" y="517591"/>
                          <a:pt x="148360" y="497958"/>
                          <a:pt x="174226" y="483737"/>
                        </a:cubicBezTo>
                        <a:close/>
                        <a:moveTo>
                          <a:pt x="482797" y="532209"/>
                        </a:moveTo>
                        <a:lnTo>
                          <a:pt x="482797" y="531898"/>
                        </a:lnTo>
                        <a:cubicBezTo>
                          <a:pt x="481783" y="528130"/>
                          <a:pt x="480553" y="524421"/>
                          <a:pt x="479114" y="520792"/>
                        </a:cubicBezTo>
                        <a:cubicBezTo>
                          <a:pt x="463986" y="482802"/>
                          <a:pt x="425514" y="460364"/>
                          <a:pt x="361573" y="452177"/>
                        </a:cubicBezTo>
                        <a:lnTo>
                          <a:pt x="361573" y="423507"/>
                        </a:lnTo>
                        <a:lnTo>
                          <a:pt x="349929" y="428295"/>
                        </a:lnTo>
                        <a:lnTo>
                          <a:pt x="349929" y="412741"/>
                        </a:lnTo>
                        <a:cubicBezTo>
                          <a:pt x="379109" y="397160"/>
                          <a:pt x="396872" y="370246"/>
                          <a:pt x="406731" y="349707"/>
                        </a:cubicBezTo>
                        <a:cubicBezTo>
                          <a:pt x="420896" y="344182"/>
                          <a:pt x="425712" y="319960"/>
                          <a:pt x="427242" y="305795"/>
                        </a:cubicBezTo>
                        <a:cubicBezTo>
                          <a:pt x="427780" y="301036"/>
                          <a:pt x="430075" y="276955"/>
                          <a:pt x="423786" y="264405"/>
                        </a:cubicBezTo>
                        <a:cubicBezTo>
                          <a:pt x="427185" y="212872"/>
                          <a:pt x="424975" y="176383"/>
                          <a:pt x="403785" y="153917"/>
                        </a:cubicBezTo>
                        <a:cubicBezTo>
                          <a:pt x="385823" y="134625"/>
                          <a:pt x="354037" y="125786"/>
                          <a:pt x="303808" y="125786"/>
                        </a:cubicBezTo>
                        <a:lnTo>
                          <a:pt x="303298" y="125786"/>
                        </a:lnTo>
                        <a:cubicBezTo>
                          <a:pt x="252842" y="125786"/>
                          <a:pt x="220942" y="134738"/>
                          <a:pt x="202896" y="153946"/>
                        </a:cubicBezTo>
                        <a:cubicBezTo>
                          <a:pt x="181875" y="176298"/>
                          <a:pt x="179467" y="211909"/>
                          <a:pt x="182498" y="262082"/>
                        </a:cubicBezTo>
                        <a:cubicBezTo>
                          <a:pt x="174396" y="273924"/>
                          <a:pt x="176634" y="300526"/>
                          <a:pt x="177172" y="305824"/>
                        </a:cubicBezTo>
                        <a:cubicBezTo>
                          <a:pt x="178617" y="319989"/>
                          <a:pt x="183348" y="344437"/>
                          <a:pt x="198675" y="349877"/>
                        </a:cubicBezTo>
                        <a:cubicBezTo>
                          <a:pt x="212840" y="378859"/>
                          <a:pt x="232246" y="400616"/>
                          <a:pt x="255335" y="412968"/>
                        </a:cubicBezTo>
                        <a:lnTo>
                          <a:pt x="255335" y="428408"/>
                        </a:lnTo>
                        <a:lnTo>
                          <a:pt x="243691" y="423620"/>
                        </a:lnTo>
                        <a:lnTo>
                          <a:pt x="243691" y="452432"/>
                        </a:lnTo>
                        <a:cubicBezTo>
                          <a:pt x="179722" y="460619"/>
                          <a:pt x="141278" y="483085"/>
                          <a:pt x="126150" y="521047"/>
                        </a:cubicBezTo>
                        <a:cubicBezTo>
                          <a:pt x="124614" y="524912"/>
                          <a:pt x="123318" y="528866"/>
                          <a:pt x="122268" y="532889"/>
                        </a:cubicBezTo>
                        <a:cubicBezTo>
                          <a:pt x="-4864" y="433442"/>
                          <a:pt x="-27307" y="249764"/>
                          <a:pt x="72140" y="122632"/>
                        </a:cubicBezTo>
                        <a:cubicBezTo>
                          <a:pt x="171586" y="-4500"/>
                          <a:pt x="355264" y="-26944"/>
                          <a:pt x="482398" y="72503"/>
                        </a:cubicBezTo>
                        <a:cubicBezTo>
                          <a:pt x="609529" y="171950"/>
                          <a:pt x="631972" y="355628"/>
                          <a:pt x="532525" y="482759"/>
                        </a:cubicBezTo>
                        <a:cubicBezTo>
                          <a:pt x="518054" y="501262"/>
                          <a:pt x="501404" y="517948"/>
                          <a:pt x="482939" y="532464"/>
                        </a:cubicBezTo>
                        <a:close/>
                      </a:path>
                    </a:pathLst>
                  </a:custGeom>
                  <a:solidFill>
                    <a:schemeClr val="accent2"/>
                  </a:solidFill>
                  <a:ln w="2811" cap="flat">
                    <a:noFill/>
                    <a:prstDash val="solid"/>
                    <a:miter/>
                  </a:ln>
                </p:spPr>
                <p:txBody>
                  <a:bodyPr rtlCol="0" anchor="ctr"/>
                  <a:lstStyle/>
                  <a:p>
                    <a:endParaRPr lang="en-US"/>
                  </a:p>
                </p:txBody>
              </p:sp>
              <p:sp>
                <p:nvSpPr>
                  <p:cNvPr id="234" name="Graphic 4">
                    <a:extLst>
                      <a:ext uri="{FF2B5EF4-FFF2-40B4-BE49-F238E27FC236}">
                        <a16:creationId xmlns:a16="http://schemas.microsoft.com/office/drawing/2014/main" id="{1155D3B2-BF40-7F44-B90E-7D403CD93404}"/>
                      </a:ext>
                    </a:extLst>
                  </p:cNvPr>
                  <p:cNvSpPr/>
                  <p:nvPr/>
                </p:nvSpPr>
                <p:spPr>
                  <a:xfrm>
                    <a:off x="1891713" y="4897949"/>
                    <a:ext cx="295328" cy="514330"/>
                  </a:xfrm>
                  <a:custGeom>
                    <a:avLst/>
                    <a:gdLst>
                      <a:gd name="connsiteX0" fmla="*/ 265085 w 295328"/>
                      <a:gd name="connsiteY0" fmla="*/ 407444 h 514330"/>
                      <a:gd name="connsiteX1" fmla="*/ 271966 w 295328"/>
                      <a:gd name="connsiteY1" fmla="*/ 407104 h 514330"/>
                      <a:gd name="connsiteX2" fmla="*/ 271969 w 295328"/>
                      <a:gd name="connsiteY2" fmla="*/ 407104 h 514330"/>
                      <a:gd name="connsiteX3" fmla="*/ 279165 w 295328"/>
                      <a:gd name="connsiteY3" fmla="*/ 413648 h 514330"/>
                      <a:gd name="connsiteX4" fmla="*/ 285709 w 295328"/>
                      <a:gd name="connsiteY4" fmla="*/ 406424 h 514330"/>
                      <a:gd name="connsiteX5" fmla="*/ 292593 w 295328"/>
                      <a:gd name="connsiteY5" fmla="*/ 406084 h 514330"/>
                      <a:gd name="connsiteX6" fmla="*/ 292973 w 295328"/>
                      <a:gd name="connsiteY6" fmla="*/ 412925 h 514330"/>
                      <a:gd name="connsiteX7" fmla="*/ 292933 w 295328"/>
                      <a:gd name="connsiteY7" fmla="*/ 412968 h 514330"/>
                      <a:gd name="connsiteX8" fmla="*/ 286502 w 295328"/>
                      <a:gd name="connsiteY8" fmla="*/ 420192 h 514330"/>
                      <a:gd name="connsiteX9" fmla="*/ 293727 w 295328"/>
                      <a:gd name="connsiteY9" fmla="*/ 426736 h 514330"/>
                      <a:gd name="connsiteX10" fmla="*/ 294067 w 295328"/>
                      <a:gd name="connsiteY10" fmla="*/ 433621 h 514330"/>
                      <a:gd name="connsiteX11" fmla="*/ 287182 w 295328"/>
                      <a:gd name="connsiteY11" fmla="*/ 433961 h 514330"/>
                      <a:gd name="connsiteX12" fmla="*/ 279958 w 295328"/>
                      <a:gd name="connsiteY12" fmla="*/ 427416 h 514330"/>
                      <a:gd name="connsiteX13" fmla="*/ 272904 w 295328"/>
                      <a:gd name="connsiteY13" fmla="*/ 435009 h 514330"/>
                      <a:gd name="connsiteX14" fmla="*/ 266020 w 295328"/>
                      <a:gd name="connsiteY14" fmla="*/ 435349 h 514330"/>
                      <a:gd name="connsiteX15" fmla="*/ 265680 w 295328"/>
                      <a:gd name="connsiteY15" fmla="*/ 428465 h 514330"/>
                      <a:gd name="connsiteX16" fmla="*/ 272649 w 295328"/>
                      <a:gd name="connsiteY16" fmla="*/ 420815 h 514330"/>
                      <a:gd name="connsiteX17" fmla="*/ 265425 w 295328"/>
                      <a:gd name="connsiteY17" fmla="*/ 414271 h 514330"/>
                      <a:gd name="connsiteX18" fmla="*/ 265085 w 295328"/>
                      <a:gd name="connsiteY18" fmla="*/ 407444 h 514330"/>
                      <a:gd name="connsiteX19" fmla="*/ 259702 w 295328"/>
                      <a:gd name="connsiteY19" fmla="*/ 481612 h 514330"/>
                      <a:gd name="connsiteX20" fmla="*/ 239049 w 295328"/>
                      <a:gd name="connsiteY20" fmla="*/ 460987 h 514330"/>
                      <a:gd name="connsiteX21" fmla="*/ 235270 w 295328"/>
                      <a:gd name="connsiteY21" fmla="*/ 456523 h 514330"/>
                      <a:gd name="connsiteX22" fmla="*/ 230805 w 295328"/>
                      <a:gd name="connsiteY22" fmla="*/ 460305 h 514330"/>
                      <a:gd name="connsiteX23" fmla="*/ 230805 w 295328"/>
                      <a:gd name="connsiteY23" fmla="*/ 460987 h 514330"/>
                      <a:gd name="connsiteX24" fmla="*/ 210153 w 295328"/>
                      <a:gd name="connsiteY24" fmla="*/ 481612 h 514330"/>
                      <a:gd name="connsiteX25" fmla="*/ 206017 w 295328"/>
                      <a:gd name="connsiteY25" fmla="*/ 485748 h 514330"/>
                      <a:gd name="connsiteX26" fmla="*/ 210153 w 295328"/>
                      <a:gd name="connsiteY26" fmla="*/ 489884 h 514330"/>
                      <a:gd name="connsiteX27" fmla="*/ 230805 w 295328"/>
                      <a:gd name="connsiteY27" fmla="*/ 510537 h 514330"/>
                      <a:gd name="connsiteX28" fmla="*/ 235270 w 295328"/>
                      <a:gd name="connsiteY28" fmla="*/ 514316 h 514330"/>
                      <a:gd name="connsiteX29" fmla="*/ 239049 w 295328"/>
                      <a:gd name="connsiteY29" fmla="*/ 510537 h 514330"/>
                      <a:gd name="connsiteX30" fmla="*/ 259702 w 295328"/>
                      <a:gd name="connsiteY30" fmla="*/ 489884 h 514330"/>
                      <a:gd name="connsiteX31" fmla="*/ 263838 w 295328"/>
                      <a:gd name="connsiteY31" fmla="*/ 485748 h 514330"/>
                      <a:gd name="connsiteX32" fmla="*/ 259702 w 295328"/>
                      <a:gd name="connsiteY32" fmla="*/ 481612 h 514330"/>
                      <a:gd name="connsiteX33" fmla="*/ 25214 w 295328"/>
                      <a:gd name="connsiteY33" fmla="*/ 0 h 514330"/>
                      <a:gd name="connsiteX34" fmla="*/ 50428 w 295328"/>
                      <a:gd name="connsiteY34" fmla="*/ 25214 h 514330"/>
                      <a:gd name="connsiteX35" fmla="*/ 25214 w 295328"/>
                      <a:gd name="connsiteY35" fmla="*/ 50428 h 514330"/>
                      <a:gd name="connsiteX36" fmla="*/ 0 w 295328"/>
                      <a:gd name="connsiteY36" fmla="*/ 25214 h 514330"/>
                      <a:gd name="connsiteX37" fmla="*/ 25214 w 295328"/>
                      <a:gd name="connsiteY37" fmla="*/ 113 h 5143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5328" h="514330">
                        <a:moveTo>
                          <a:pt x="265085" y="407444"/>
                        </a:moveTo>
                        <a:cubicBezTo>
                          <a:pt x="266892" y="405449"/>
                          <a:pt x="269972" y="405296"/>
                          <a:pt x="271966" y="407104"/>
                        </a:cubicBezTo>
                        <a:cubicBezTo>
                          <a:pt x="271969" y="407104"/>
                          <a:pt x="271969" y="407104"/>
                          <a:pt x="271969" y="407104"/>
                        </a:cubicBezTo>
                        <a:lnTo>
                          <a:pt x="279165" y="413648"/>
                        </a:lnTo>
                        <a:lnTo>
                          <a:pt x="285709" y="406424"/>
                        </a:lnTo>
                        <a:cubicBezTo>
                          <a:pt x="287522" y="404443"/>
                          <a:pt x="290593" y="404290"/>
                          <a:pt x="292593" y="406084"/>
                        </a:cubicBezTo>
                        <a:cubicBezTo>
                          <a:pt x="294588" y="407869"/>
                          <a:pt x="294758" y="410931"/>
                          <a:pt x="292973" y="412925"/>
                        </a:cubicBezTo>
                        <a:cubicBezTo>
                          <a:pt x="292959" y="412940"/>
                          <a:pt x="292947" y="412954"/>
                          <a:pt x="292933" y="412968"/>
                        </a:cubicBezTo>
                        <a:lnTo>
                          <a:pt x="286502" y="420192"/>
                        </a:lnTo>
                        <a:lnTo>
                          <a:pt x="293727" y="426736"/>
                        </a:lnTo>
                        <a:cubicBezTo>
                          <a:pt x="295721" y="428544"/>
                          <a:pt x="295874" y="431626"/>
                          <a:pt x="294067" y="433621"/>
                        </a:cubicBezTo>
                        <a:cubicBezTo>
                          <a:pt x="292259" y="435615"/>
                          <a:pt x="289177" y="435768"/>
                          <a:pt x="287182" y="433961"/>
                        </a:cubicBezTo>
                        <a:lnTo>
                          <a:pt x="279958" y="427416"/>
                        </a:lnTo>
                        <a:lnTo>
                          <a:pt x="272904" y="435009"/>
                        </a:lnTo>
                        <a:cubicBezTo>
                          <a:pt x="271096" y="437003"/>
                          <a:pt x="268014" y="437156"/>
                          <a:pt x="266020" y="435349"/>
                        </a:cubicBezTo>
                        <a:cubicBezTo>
                          <a:pt x="264025" y="433541"/>
                          <a:pt x="263872" y="430459"/>
                          <a:pt x="265680" y="428465"/>
                        </a:cubicBezTo>
                        <a:lnTo>
                          <a:pt x="272649" y="420815"/>
                        </a:lnTo>
                        <a:lnTo>
                          <a:pt x="265425" y="414271"/>
                        </a:lnTo>
                        <a:cubicBezTo>
                          <a:pt x="263450" y="412478"/>
                          <a:pt x="263300" y="409424"/>
                          <a:pt x="265085" y="407444"/>
                        </a:cubicBezTo>
                        <a:close/>
                        <a:moveTo>
                          <a:pt x="259702" y="481612"/>
                        </a:moveTo>
                        <a:cubicBezTo>
                          <a:pt x="248308" y="481612"/>
                          <a:pt x="239066" y="472382"/>
                          <a:pt x="239049" y="460987"/>
                        </a:cubicBezTo>
                        <a:cubicBezTo>
                          <a:pt x="239239" y="458710"/>
                          <a:pt x="237545" y="456712"/>
                          <a:pt x="235270" y="456523"/>
                        </a:cubicBezTo>
                        <a:cubicBezTo>
                          <a:pt x="232992" y="456336"/>
                          <a:pt x="230995" y="458027"/>
                          <a:pt x="230805" y="460305"/>
                        </a:cubicBezTo>
                        <a:cubicBezTo>
                          <a:pt x="230786" y="460531"/>
                          <a:pt x="230786" y="460761"/>
                          <a:pt x="230805" y="460987"/>
                        </a:cubicBezTo>
                        <a:cubicBezTo>
                          <a:pt x="230788" y="472382"/>
                          <a:pt x="221547" y="481612"/>
                          <a:pt x="210153" y="481612"/>
                        </a:cubicBezTo>
                        <a:cubicBezTo>
                          <a:pt x="207869" y="481612"/>
                          <a:pt x="206017" y="483465"/>
                          <a:pt x="206017" y="485748"/>
                        </a:cubicBezTo>
                        <a:cubicBezTo>
                          <a:pt x="206017" y="488031"/>
                          <a:pt x="207869" y="489884"/>
                          <a:pt x="210153" y="489884"/>
                        </a:cubicBezTo>
                        <a:cubicBezTo>
                          <a:pt x="221553" y="489901"/>
                          <a:pt x="230788" y="499137"/>
                          <a:pt x="230805" y="510537"/>
                        </a:cubicBezTo>
                        <a:cubicBezTo>
                          <a:pt x="230995" y="512815"/>
                          <a:pt x="232992" y="514506"/>
                          <a:pt x="235270" y="514316"/>
                        </a:cubicBezTo>
                        <a:cubicBezTo>
                          <a:pt x="237284" y="514149"/>
                          <a:pt x="238882" y="512551"/>
                          <a:pt x="239049" y="510537"/>
                        </a:cubicBezTo>
                        <a:cubicBezTo>
                          <a:pt x="239066" y="499137"/>
                          <a:pt x="248302" y="489901"/>
                          <a:pt x="259702" y="489884"/>
                        </a:cubicBezTo>
                        <a:cubicBezTo>
                          <a:pt x="261985" y="489884"/>
                          <a:pt x="263838" y="488031"/>
                          <a:pt x="263838" y="485748"/>
                        </a:cubicBezTo>
                        <a:cubicBezTo>
                          <a:pt x="263838" y="483465"/>
                          <a:pt x="261985" y="481612"/>
                          <a:pt x="259702" y="481612"/>
                        </a:cubicBezTo>
                        <a:close/>
                        <a:moveTo>
                          <a:pt x="25214" y="0"/>
                        </a:moveTo>
                        <a:cubicBezTo>
                          <a:pt x="39138" y="0"/>
                          <a:pt x="50428" y="11289"/>
                          <a:pt x="50428" y="25214"/>
                        </a:cubicBezTo>
                        <a:cubicBezTo>
                          <a:pt x="50428" y="39139"/>
                          <a:pt x="39138" y="50428"/>
                          <a:pt x="25214" y="50428"/>
                        </a:cubicBezTo>
                        <a:cubicBezTo>
                          <a:pt x="11290" y="50428"/>
                          <a:pt x="0" y="39139"/>
                          <a:pt x="0" y="25214"/>
                        </a:cubicBezTo>
                        <a:cubicBezTo>
                          <a:pt x="48" y="11326"/>
                          <a:pt x="11326" y="98"/>
                          <a:pt x="25214" y="113"/>
                        </a:cubicBezTo>
                        <a:close/>
                      </a:path>
                    </a:pathLst>
                  </a:custGeom>
                  <a:solidFill>
                    <a:schemeClr val="accent1"/>
                  </a:solidFill>
                  <a:ln w="2811" cap="flat">
                    <a:noFill/>
                    <a:prstDash val="solid"/>
                    <a:miter/>
                  </a:ln>
                </p:spPr>
                <p:txBody>
                  <a:bodyPr rtlCol="0" anchor="ctr"/>
                  <a:lstStyle/>
                  <a:p>
                    <a:endParaRPr lang="en-US"/>
                  </a:p>
                </p:txBody>
              </p:sp>
              <p:sp>
                <p:nvSpPr>
                  <p:cNvPr id="235" name="Graphic 4">
                    <a:extLst>
                      <a:ext uri="{FF2B5EF4-FFF2-40B4-BE49-F238E27FC236}">
                        <a16:creationId xmlns:a16="http://schemas.microsoft.com/office/drawing/2014/main" id="{2BF8BEBB-AF7D-8541-A2F5-0726B1F3305D}"/>
                      </a:ext>
                    </a:extLst>
                  </p:cNvPr>
                  <p:cNvSpPr/>
                  <p:nvPr/>
                </p:nvSpPr>
                <p:spPr>
                  <a:xfrm>
                    <a:off x="1530686" y="4912493"/>
                    <a:ext cx="773201" cy="767763"/>
                  </a:xfrm>
                  <a:custGeom>
                    <a:avLst/>
                    <a:gdLst>
                      <a:gd name="connsiteX0" fmla="*/ 452249 w 773201"/>
                      <a:gd name="connsiteY0" fmla="*/ 301 h 767763"/>
                      <a:gd name="connsiteX1" fmla="*/ 451541 w 773201"/>
                      <a:gd name="connsiteY1" fmla="*/ 301 h 767763"/>
                      <a:gd name="connsiteX2" fmla="*/ 449841 w 773201"/>
                      <a:gd name="connsiteY2" fmla="*/ 18 h 767763"/>
                      <a:gd name="connsiteX3" fmla="*/ 437081 w 773201"/>
                      <a:gd name="connsiteY3" fmla="*/ 12869 h 767763"/>
                      <a:gd name="connsiteX4" fmla="*/ 446725 w 773201"/>
                      <a:gd name="connsiteY4" fmla="*/ 25232 h 767763"/>
                      <a:gd name="connsiteX5" fmla="*/ 447008 w 773201"/>
                      <a:gd name="connsiteY5" fmla="*/ 25232 h 767763"/>
                      <a:gd name="connsiteX6" fmla="*/ 448142 w 773201"/>
                      <a:gd name="connsiteY6" fmla="*/ 25515 h 767763"/>
                      <a:gd name="connsiteX7" fmla="*/ 452391 w 773201"/>
                      <a:gd name="connsiteY7" fmla="*/ 26082 h 767763"/>
                      <a:gd name="connsiteX8" fmla="*/ 741384 w 773201"/>
                      <a:gd name="connsiteY8" fmla="*/ 447206 h 767763"/>
                      <a:gd name="connsiteX9" fmla="*/ 320259 w 773201"/>
                      <a:gd name="connsiteY9" fmla="*/ 736198 h 767763"/>
                      <a:gd name="connsiteX10" fmla="*/ 25173 w 773201"/>
                      <a:gd name="connsiteY10" fmla="*/ 381058 h 767763"/>
                      <a:gd name="connsiteX11" fmla="*/ 320656 w 773201"/>
                      <a:gd name="connsiteY11" fmla="*/ 26082 h 767763"/>
                      <a:gd name="connsiteX12" fmla="*/ 324906 w 773201"/>
                      <a:gd name="connsiteY12" fmla="*/ 25515 h 767763"/>
                      <a:gd name="connsiteX13" fmla="*/ 326889 w 773201"/>
                      <a:gd name="connsiteY13" fmla="*/ 25232 h 767763"/>
                      <a:gd name="connsiteX14" fmla="*/ 327172 w 773201"/>
                      <a:gd name="connsiteY14" fmla="*/ 25232 h 767763"/>
                      <a:gd name="connsiteX15" fmla="*/ 336521 w 773201"/>
                      <a:gd name="connsiteY15" fmla="*/ 12767 h 767763"/>
                      <a:gd name="connsiteX16" fmla="*/ 323942 w 773201"/>
                      <a:gd name="connsiteY16" fmla="*/ 18 h 767763"/>
                      <a:gd name="connsiteX17" fmla="*/ 323886 w 773201"/>
                      <a:gd name="connsiteY17" fmla="*/ 18 h 767763"/>
                      <a:gd name="connsiteX18" fmla="*/ 323886 w 773201"/>
                      <a:gd name="connsiteY18" fmla="*/ 18 h 767763"/>
                      <a:gd name="connsiteX19" fmla="*/ 321903 w 773201"/>
                      <a:gd name="connsiteY19" fmla="*/ 301 h 767763"/>
                      <a:gd name="connsiteX20" fmla="*/ 5501 w 773201"/>
                      <a:gd name="connsiteY20" fmla="*/ 445923 h 767763"/>
                      <a:gd name="connsiteX21" fmla="*/ 386779 w 773201"/>
                      <a:gd name="connsiteY21" fmla="*/ 767764 h 767763"/>
                      <a:gd name="connsiteX22" fmla="*/ 773201 w 773201"/>
                      <a:gd name="connsiteY22" fmla="*/ 381058 h 767763"/>
                      <a:gd name="connsiteX23" fmla="*/ 452249 w 773201"/>
                      <a:gd name="connsiteY23" fmla="*/ 301 h 767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773201" h="767763">
                        <a:moveTo>
                          <a:pt x="452249" y="301"/>
                        </a:moveTo>
                        <a:lnTo>
                          <a:pt x="451541" y="301"/>
                        </a:lnTo>
                        <a:cubicBezTo>
                          <a:pt x="450975" y="301"/>
                          <a:pt x="450408" y="18"/>
                          <a:pt x="449841" y="18"/>
                        </a:cubicBezTo>
                        <a:cubicBezTo>
                          <a:pt x="442770" y="43"/>
                          <a:pt x="437056" y="5797"/>
                          <a:pt x="437081" y="12869"/>
                        </a:cubicBezTo>
                        <a:cubicBezTo>
                          <a:pt x="437104" y="18706"/>
                          <a:pt x="441067" y="23790"/>
                          <a:pt x="446725" y="25232"/>
                        </a:cubicBezTo>
                        <a:lnTo>
                          <a:pt x="447008" y="25232"/>
                        </a:lnTo>
                        <a:cubicBezTo>
                          <a:pt x="447292" y="25232"/>
                          <a:pt x="447858" y="25515"/>
                          <a:pt x="448142" y="25515"/>
                        </a:cubicBezTo>
                        <a:lnTo>
                          <a:pt x="452391" y="26082"/>
                        </a:lnTo>
                        <a:cubicBezTo>
                          <a:pt x="648484" y="62569"/>
                          <a:pt x="777870" y="251113"/>
                          <a:pt x="741384" y="447206"/>
                        </a:cubicBezTo>
                        <a:cubicBezTo>
                          <a:pt x="704897" y="643298"/>
                          <a:pt x="516352" y="772685"/>
                          <a:pt x="320259" y="736198"/>
                        </a:cubicBezTo>
                        <a:cubicBezTo>
                          <a:pt x="149185" y="704367"/>
                          <a:pt x="25134" y="555070"/>
                          <a:pt x="25173" y="381058"/>
                        </a:cubicBezTo>
                        <a:cubicBezTo>
                          <a:pt x="25173" y="204278"/>
                          <a:pt x="152659" y="57245"/>
                          <a:pt x="320656" y="26082"/>
                        </a:cubicBezTo>
                        <a:lnTo>
                          <a:pt x="324906" y="25515"/>
                        </a:lnTo>
                        <a:cubicBezTo>
                          <a:pt x="325472" y="25515"/>
                          <a:pt x="326039" y="25232"/>
                          <a:pt x="326889" y="25232"/>
                        </a:cubicBezTo>
                        <a:lnTo>
                          <a:pt x="327172" y="25232"/>
                        </a:lnTo>
                        <a:cubicBezTo>
                          <a:pt x="332742" y="23660"/>
                          <a:pt x="336572" y="18554"/>
                          <a:pt x="336521" y="12767"/>
                        </a:cubicBezTo>
                        <a:cubicBezTo>
                          <a:pt x="336569" y="5773"/>
                          <a:pt x="330937" y="65"/>
                          <a:pt x="323942" y="18"/>
                        </a:cubicBezTo>
                        <a:cubicBezTo>
                          <a:pt x="323923" y="18"/>
                          <a:pt x="323906" y="18"/>
                          <a:pt x="323886" y="18"/>
                        </a:cubicBezTo>
                        <a:lnTo>
                          <a:pt x="323886" y="18"/>
                        </a:lnTo>
                        <a:cubicBezTo>
                          <a:pt x="323211" y="-44"/>
                          <a:pt x="322531" y="53"/>
                          <a:pt x="321903" y="301"/>
                        </a:cubicBezTo>
                        <a:cubicBezTo>
                          <a:pt x="111476" y="35985"/>
                          <a:pt x="-30182" y="235496"/>
                          <a:pt x="5501" y="445923"/>
                        </a:cubicBezTo>
                        <a:cubicBezTo>
                          <a:pt x="37033" y="631867"/>
                          <a:pt x="198179" y="767894"/>
                          <a:pt x="386779" y="767764"/>
                        </a:cubicBezTo>
                        <a:cubicBezTo>
                          <a:pt x="600104" y="767764"/>
                          <a:pt x="773201" y="594100"/>
                          <a:pt x="773201" y="381058"/>
                        </a:cubicBezTo>
                        <a:cubicBezTo>
                          <a:pt x="773000" y="192994"/>
                          <a:pt x="637568" y="32325"/>
                          <a:pt x="452249" y="301"/>
                        </a:cubicBezTo>
                        <a:close/>
                      </a:path>
                    </a:pathLst>
                  </a:custGeom>
                  <a:solidFill>
                    <a:schemeClr val="accent2"/>
                  </a:solidFill>
                  <a:ln w="2811" cap="flat">
                    <a:noFill/>
                    <a:prstDash val="solid"/>
                    <a:miter/>
                  </a:ln>
                </p:spPr>
                <p:txBody>
                  <a:bodyPr rtlCol="0" anchor="ctr"/>
                  <a:lstStyle/>
                  <a:p>
                    <a:endParaRPr lang="en-US"/>
                  </a:p>
                </p:txBody>
              </p:sp>
            </p:grpSp>
          </p:grpSp>
          <p:grpSp>
            <p:nvGrpSpPr>
              <p:cNvPr id="240" name="Group 239">
                <a:extLst>
                  <a:ext uri="{FF2B5EF4-FFF2-40B4-BE49-F238E27FC236}">
                    <a16:creationId xmlns:a16="http://schemas.microsoft.com/office/drawing/2014/main" id="{9E6686AE-6EFC-174F-9378-1162BCF3A347}"/>
                  </a:ext>
                </a:extLst>
              </p:cNvPr>
              <p:cNvGrpSpPr/>
              <p:nvPr/>
            </p:nvGrpSpPr>
            <p:grpSpPr>
              <a:xfrm>
                <a:off x="9880785" y="5881243"/>
                <a:ext cx="1298229" cy="548640"/>
                <a:chOff x="6542306" y="5869023"/>
                <a:chExt cx="1298229" cy="548640"/>
              </a:xfrm>
            </p:grpSpPr>
            <p:grpSp>
              <p:nvGrpSpPr>
                <p:cNvPr id="241" name="Group 240">
                  <a:extLst>
                    <a:ext uri="{FF2B5EF4-FFF2-40B4-BE49-F238E27FC236}">
                      <a16:creationId xmlns:a16="http://schemas.microsoft.com/office/drawing/2014/main" id="{D3296756-4A4A-6D4B-AFE1-5F4F9EF50B75}"/>
                    </a:ext>
                  </a:extLst>
                </p:cNvPr>
                <p:cNvGrpSpPr>
                  <a:grpSpLocks noChangeAspect="1"/>
                </p:cNvGrpSpPr>
                <p:nvPr/>
              </p:nvGrpSpPr>
              <p:grpSpPr>
                <a:xfrm>
                  <a:off x="6542306" y="5869023"/>
                  <a:ext cx="542254" cy="548640"/>
                  <a:chOff x="1530686" y="4897949"/>
                  <a:chExt cx="773201" cy="782307"/>
                </a:xfrm>
              </p:grpSpPr>
              <p:sp>
                <p:nvSpPr>
                  <p:cNvPr id="247" name="Graphic 4">
                    <a:extLst>
                      <a:ext uri="{FF2B5EF4-FFF2-40B4-BE49-F238E27FC236}">
                        <a16:creationId xmlns:a16="http://schemas.microsoft.com/office/drawing/2014/main" id="{0F183C59-D2F4-BF45-9E32-C6D37D4B8FCA}"/>
                      </a:ext>
                    </a:extLst>
                  </p:cNvPr>
                  <p:cNvSpPr/>
                  <p:nvPr/>
                </p:nvSpPr>
                <p:spPr>
                  <a:xfrm>
                    <a:off x="1673239" y="5130596"/>
                    <a:ext cx="489054" cy="257435"/>
                  </a:xfrm>
                  <a:custGeom>
                    <a:avLst/>
                    <a:gdLst>
                      <a:gd name="connsiteX0" fmla="*/ 459875 w 489054"/>
                      <a:gd name="connsiteY0" fmla="*/ 10001 h 257435"/>
                      <a:gd name="connsiteX1" fmla="*/ 394489 w 489054"/>
                      <a:gd name="connsiteY1" fmla="*/ 10001 h 257435"/>
                      <a:gd name="connsiteX2" fmla="*/ 389865 w 489054"/>
                      <a:gd name="connsiteY2" fmla="*/ 4623 h 257435"/>
                      <a:gd name="connsiteX3" fmla="*/ 394489 w 489054"/>
                      <a:gd name="connsiteY3" fmla="*/ 0 h 257435"/>
                      <a:gd name="connsiteX4" fmla="*/ 459648 w 489054"/>
                      <a:gd name="connsiteY4" fmla="*/ 0 h 257435"/>
                      <a:gd name="connsiteX5" fmla="*/ 464271 w 489054"/>
                      <a:gd name="connsiteY5" fmla="*/ 5377 h 257435"/>
                      <a:gd name="connsiteX6" fmla="*/ 459648 w 489054"/>
                      <a:gd name="connsiteY6" fmla="*/ 10001 h 257435"/>
                      <a:gd name="connsiteX7" fmla="*/ 489055 w 489054"/>
                      <a:gd name="connsiteY7" fmla="*/ 35498 h 257435"/>
                      <a:gd name="connsiteX8" fmla="*/ 484069 w 489054"/>
                      <a:gd name="connsiteY8" fmla="*/ 30512 h 257435"/>
                      <a:gd name="connsiteX9" fmla="*/ 419759 w 489054"/>
                      <a:gd name="connsiteY9" fmla="*/ 30512 h 257435"/>
                      <a:gd name="connsiteX10" fmla="*/ 415136 w 489054"/>
                      <a:gd name="connsiteY10" fmla="*/ 35888 h 257435"/>
                      <a:gd name="connsiteX11" fmla="*/ 419759 w 489054"/>
                      <a:gd name="connsiteY11" fmla="*/ 40512 h 257435"/>
                      <a:gd name="connsiteX12" fmla="*/ 484069 w 489054"/>
                      <a:gd name="connsiteY12" fmla="*/ 40512 h 257435"/>
                      <a:gd name="connsiteX13" fmla="*/ 489055 w 489054"/>
                      <a:gd name="connsiteY13" fmla="*/ 35527 h 257435"/>
                      <a:gd name="connsiteX14" fmla="*/ 489055 w 489054"/>
                      <a:gd name="connsiteY14" fmla="*/ 35413 h 257435"/>
                      <a:gd name="connsiteX15" fmla="*/ 451149 w 489054"/>
                      <a:gd name="connsiteY15" fmla="*/ 65839 h 257435"/>
                      <a:gd name="connsiteX16" fmla="*/ 446163 w 489054"/>
                      <a:gd name="connsiteY16" fmla="*/ 60853 h 257435"/>
                      <a:gd name="connsiteX17" fmla="*/ 394489 w 489054"/>
                      <a:gd name="connsiteY17" fmla="*/ 60853 h 257435"/>
                      <a:gd name="connsiteX18" fmla="*/ 389865 w 489054"/>
                      <a:gd name="connsiteY18" fmla="*/ 66230 h 257435"/>
                      <a:gd name="connsiteX19" fmla="*/ 394489 w 489054"/>
                      <a:gd name="connsiteY19" fmla="*/ 70854 h 257435"/>
                      <a:gd name="connsiteX20" fmla="*/ 446163 w 489054"/>
                      <a:gd name="connsiteY20" fmla="*/ 70854 h 257435"/>
                      <a:gd name="connsiteX21" fmla="*/ 451149 w 489054"/>
                      <a:gd name="connsiteY21" fmla="*/ 65867 h 257435"/>
                      <a:gd name="connsiteX22" fmla="*/ 451149 w 489054"/>
                      <a:gd name="connsiteY22" fmla="*/ 65839 h 257435"/>
                      <a:gd name="connsiteX23" fmla="*/ 68409 w 489054"/>
                      <a:gd name="connsiteY23" fmla="*/ 229134 h 257435"/>
                      <a:gd name="connsiteX24" fmla="*/ 63423 w 489054"/>
                      <a:gd name="connsiteY24" fmla="*/ 224148 h 257435"/>
                      <a:gd name="connsiteX25" fmla="*/ 4638 w 489054"/>
                      <a:gd name="connsiteY25" fmla="*/ 224148 h 257435"/>
                      <a:gd name="connsiteX26" fmla="*/ 14 w 489054"/>
                      <a:gd name="connsiteY26" fmla="*/ 229525 h 257435"/>
                      <a:gd name="connsiteX27" fmla="*/ 4638 w 489054"/>
                      <a:gd name="connsiteY27" fmla="*/ 234148 h 257435"/>
                      <a:gd name="connsiteX28" fmla="*/ 63423 w 489054"/>
                      <a:gd name="connsiteY28" fmla="*/ 234148 h 257435"/>
                      <a:gd name="connsiteX29" fmla="*/ 68409 w 489054"/>
                      <a:gd name="connsiteY29" fmla="*/ 229162 h 257435"/>
                      <a:gd name="connsiteX30" fmla="*/ 68409 w 489054"/>
                      <a:gd name="connsiteY30" fmla="*/ 229134 h 257435"/>
                      <a:gd name="connsiteX31" fmla="*/ 68409 w 489054"/>
                      <a:gd name="connsiteY31" fmla="*/ 252450 h 257435"/>
                      <a:gd name="connsiteX32" fmla="*/ 63423 w 489054"/>
                      <a:gd name="connsiteY32" fmla="*/ 247463 h 257435"/>
                      <a:gd name="connsiteX33" fmla="*/ 22571 w 489054"/>
                      <a:gd name="connsiteY33" fmla="*/ 247463 h 257435"/>
                      <a:gd name="connsiteX34" fmla="*/ 17585 w 489054"/>
                      <a:gd name="connsiteY34" fmla="*/ 252450 h 257435"/>
                      <a:gd name="connsiteX35" fmla="*/ 22571 w 489054"/>
                      <a:gd name="connsiteY35" fmla="*/ 257436 h 257435"/>
                      <a:gd name="connsiteX36" fmla="*/ 63423 w 489054"/>
                      <a:gd name="connsiteY36" fmla="*/ 257436 h 257435"/>
                      <a:gd name="connsiteX37" fmla="*/ 68409 w 489054"/>
                      <a:gd name="connsiteY37" fmla="*/ 252450 h 2574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489054" h="257435">
                        <a:moveTo>
                          <a:pt x="459875" y="10001"/>
                        </a:moveTo>
                        <a:lnTo>
                          <a:pt x="394489" y="10001"/>
                        </a:lnTo>
                        <a:cubicBezTo>
                          <a:pt x="391727" y="9793"/>
                          <a:pt x="389658" y="7385"/>
                          <a:pt x="389865" y="4623"/>
                        </a:cubicBezTo>
                        <a:cubicBezTo>
                          <a:pt x="390052" y="2151"/>
                          <a:pt x="392016" y="186"/>
                          <a:pt x="394489" y="0"/>
                        </a:cubicBezTo>
                        <a:lnTo>
                          <a:pt x="459648" y="0"/>
                        </a:lnTo>
                        <a:cubicBezTo>
                          <a:pt x="462410" y="208"/>
                          <a:pt x="464478" y="2615"/>
                          <a:pt x="464271" y="5377"/>
                        </a:cubicBezTo>
                        <a:cubicBezTo>
                          <a:pt x="464084" y="7849"/>
                          <a:pt x="462121" y="9814"/>
                          <a:pt x="459648" y="10001"/>
                        </a:cubicBezTo>
                        <a:close/>
                        <a:moveTo>
                          <a:pt x="489055" y="35498"/>
                        </a:moveTo>
                        <a:cubicBezTo>
                          <a:pt x="489055" y="32744"/>
                          <a:pt x="486822" y="30512"/>
                          <a:pt x="484069" y="30512"/>
                        </a:cubicBezTo>
                        <a:lnTo>
                          <a:pt x="419759" y="30512"/>
                        </a:lnTo>
                        <a:cubicBezTo>
                          <a:pt x="416997" y="30719"/>
                          <a:pt x="414929" y="33127"/>
                          <a:pt x="415136" y="35888"/>
                        </a:cubicBezTo>
                        <a:cubicBezTo>
                          <a:pt x="415323" y="38361"/>
                          <a:pt x="417286" y="40326"/>
                          <a:pt x="419759" y="40512"/>
                        </a:cubicBezTo>
                        <a:lnTo>
                          <a:pt x="484069" y="40512"/>
                        </a:lnTo>
                        <a:cubicBezTo>
                          <a:pt x="486822" y="40513"/>
                          <a:pt x="489055" y="38281"/>
                          <a:pt x="489055" y="35527"/>
                        </a:cubicBezTo>
                        <a:cubicBezTo>
                          <a:pt x="489055" y="35489"/>
                          <a:pt x="489055" y="35451"/>
                          <a:pt x="489055" y="35413"/>
                        </a:cubicBezTo>
                        <a:close/>
                        <a:moveTo>
                          <a:pt x="451149" y="65839"/>
                        </a:moveTo>
                        <a:cubicBezTo>
                          <a:pt x="451149" y="63085"/>
                          <a:pt x="448917" y="60853"/>
                          <a:pt x="446163" y="60853"/>
                        </a:cubicBezTo>
                        <a:lnTo>
                          <a:pt x="394489" y="60853"/>
                        </a:lnTo>
                        <a:cubicBezTo>
                          <a:pt x="391727" y="61060"/>
                          <a:pt x="389658" y="63468"/>
                          <a:pt x="389865" y="66230"/>
                        </a:cubicBezTo>
                        <a:cubicBezTo>
                          <a:pt x="390052" y="68703"/>
                          <a:pt x="392016" y="70667"/>
                          <a:pt x="394489" y="70854"/>
                        </a:cubicBezTo>
                        <a:lnTo>
                          <a:pt x="446163" y="70854"/>
                        </a:lnTo>
                        <a:cubicBezTo>
                          <a:pt x="448917" y="70854"/>
                          <a:pt x="451149" y="68621"/>
                          <a:pt x="451149" y="65867"/>
                        </a:cubicBezTo>
                        <a:cubicBezTo>
                          <a:pt x="451149" y="65859"/>
                          <a:pt x="451149" y="65848"/>
                          <a:pt x="451149" y="65839"/>
                        </a:cubicBezTo>
                        <a:close/>
                        <a:moveTo>
                          <a:pt x="68409" y="229134"/>
                        </a:moveTo>
                        <a:cubicBezTo>
                          <a:pt x="68409" y="226380"/>
                          <a:pt x="66177" y="224148"/>
                          <a:pt x="63423" y="224148"/>
                        </a:cubicBezTo>
                        <a:lnTo>
                          <a:pt x="4638" y="224148"/>
                        </a:lnTo>
                        <a:cubicBezTo>
                          <a:pt x="1877" y="224355"/>
                          <a:pt x="-194" y="226763"/>
                          <a:pt x="14" y="229525"/>
                        </a:cubicBezTo>
                        <a:cubicBezTo>
                          <a:pt x="201" y="231998"/>
                          <a:pt x="2166" y="233961"/>
                          <a:pt x="4638" y="234148"/>
                        </a:cubicBezTo>
                        <a:lnTo>
                          <a:pt x="63423" y="234148"/>
                        </a:lnTo>
                        <a:cubicBezTo>
                          <a:pt x="66177" y="234148"/>
                          <a:pt x="68409" y="231916"/>
                          <a:pt x="68409" y="229162"/>
                        </a:cubicBezTo>
                        <a:cubicBezTo>
                          <a:pt x="68409" y="229154"/>
                          <a:pt x="68409" y="229142"/>
                          <a:pt x="68409" y="229134"/>
                        </a:cubicBezTo>
                        <a:close/>
                        <a:moveTo>
                          <a:pt x="68409" y="252450"/>
                        </a:moveTo>
                        <a:cubicBezTo>
                          <a:pt x="68409" y="249696"/>
                          <a:pt x="66177" y="247463"/>
                          <a:pt x="63423" y="247463"/>
                        </a:cubicBezTo>
                        <a:lnTo>
                          <a:pt x="22571" y="247463"/>
                        </a:lnTo>
                        <a:cubicBezTo>
                          <a:pt x="19817" y="247463"/>
                          <a:pt x="17585" y="249696"/>
                          <a:pt x="17585" y="252450"/>
                        </a:cubicBezTo>
                        <a:cubicBezTo>
                          <a:pt x="17585" y="255203"/>
                          <a:pt x="19817" y="257436"/>
                          <a:pt x="22571" y="257436"/>
                        </a:cubicBezTo>
                        <a:lnTo>
                          <a:pt x="63423" y="257436"/>
                        </a:lnTo>
                        <a:cubicBezTo>
                          <a:pt x="66177" y="257436"/>
                          <a:pt x="68409" y="255203"/>
                          <a:pt x="68409" y="252450"/>
                        </a:cubicBezTo>
                        <a:close/>
                      </a:path>
                    </a:pathLst>
                  </a:custGeom>
                  <a:solidFill>
                    <a:schemeClr val="accent2"/>
                  </a:solidFill>
                  <a:ln w="2811" cap="flat">
                    <a:noFill/>
                    <a:prstDash val="solid"/>
                    <a:miter/>
                  </a:ln>
                </p:spPr>
                <p:txBody>
                  <a:bodyPr rtlCol="0" anchor="ctr"/>
                  <a:lstStyle/>
                  <a:p>
                    <a:endParaRPr lang="en-US"/>
                  </a:p>
                </p:txBody>
              </p:sp>
              <p:sp>
                <p:nvSpPr>
                  <p:cNvPr id="248" name="Graphic 4">
                    <a:extLst>
                      <a:ext uri="{FF2B5EF4-FFF2-40B4-BE49-F238E27FC236}">
                        <a16:creationId xmlns:a16="http://schemas.microsoft.com/office/drawing/2014/main" id="{B1F71AFD-2692-4A49-B1E1-75D28661FCBE}"/>
                      </a:ext>
                    </a:extLst>
                  </p:cNvPr>
                  <p:cNvSpPr/>
                  <p:nvPr/>
                </p:nvSpPr>
                <p:spPr>
                  <a:xfrm>
                    <a:off x="1618020" y="4991864"/>
                    <a:ext cx="601747" cy="604536"/>
                  </a:xfrm>
                  <a:custGeom>
                    <a:avLst/>
                    <a:gdLst>
                      <a:gd name="connsiteX0" fmla="*/ 302391 w 601747"/>
                      <a:gd name="connsiteY0" fmla="*/ 482 h 604536"/>
                      <a:gd name="connsiteX1" fmla="*/ 0 w 601747"/>
                      <a:gd name="connsiteY1" fmla="*/ 302373 h 604536"/>
                      <a:gd name="connsiteX2" fmla="*/ 119804 w 601747"/>
                      <a:gd name="connsiteY2" fmla="*/ 543541 h 604536"/>
                      <a:gd name="connsiteX3" fmla="*/ 119804 w 601747"/>
                      <a:gd name="connsiteY3" fmla="*/ 543541 h 604536"/>
                      <a:gd name="connsiteX4" fmla="*/ 130087 w 601747"/>
                      <a:gd name="connsiteY4" fmla="*/ 551021 h 604536"/>
                      <a:gd name="connsiteX5" fmla="*/ 163262 w 601747"/>
                      <a:gd name="connsiteY5" fmla="*/ 571050 h 604536"/>
                      <a:gd name="connsiteX6" fmla="*/ 173942 w 601747"/>
                      <a:gd name="connsiteY6" fmla="*/ 576348 h 604536"/>
                      <a:gd name="connsiteX7" fmla="*/ 248819 w 601747"/>
                      <a:gd name="connsiteY7" fmla="*/ 600145 h 604536"/>
                      <a:gd name="connsiteX8" fmla="*/ 248819 w 601747"/>
                      <a:gd name="connsiteY8" fmla="*/ 600145 h 604536"/>
                      <a:gd name="connsiteX9" fmla="*/ 255788 w 601747"/>
                      <a:gd name="connsiteY9" fmla="*/ 601307 h 604536"/>
                      <a:gd name="connsiteX10" fmla="*/ 256553 w 601747"/>
                      <a:gd name="connsiteY10" fmla="*/ 601307 h 604536"/>
                      <a:gd name="connsiteX11" fmla="*/ 262956 w 601747"/>
                      <a:gd name="connsiteY11" fmla="*/ 602213 h 604536"/>
                      <a:gd name="connsiteX12" fmla="*/ 264145 w 601747"/>
                      <a:gd name="connsiteY12" fmla="*/ 602355 h 604536"/>
                      <a:gd name="connsiteX13" fmla="*/ 270236 w 601747"/>
                      <a:gd name="connsiteY13" fmla="*/ 603063 h 604536"/>
                      <a:gd name="connsiteX14" fmla="*/ 271653 w 601747"/>
                      <a:gd name="connsiteY14" fmla="*/ 603205 h 604536"/>
                      <a:gd name="connsiteX15" fmla="*/ 277772 w 601747"/>
                      <a:gd name="connsiteY15" fmla="*/ 603771 h 604536"/>
                      <a:gd name="connsiteX16" fmla="*/ 279160 w 601747"/>
                      <a:gd name="connsiteY16" fmla="*/ 603771 h 604536"/>
                      <a:gd name="connsiteX17" fmla="*/ 280010 w 601747"/>
                      <a:gd name="connsiteY17" fmla="*/ 603771 h 604536"/>
                      <a:gd name="connsiteX18" fmla="*/ 291144 w 601747"/>
                      <a:gd name="connsiteY18" fmla="*/ 604366 h 604536"/>
                      <a:gd name="connsiteX19" fmla="*/ 292136 w 601747"/>
                      <a:gd name="connsiteY19" fmla="*/ 604366 h 604536"/>
                      <a:gd name="connsiteX20" fmla="*/ 301513 w 601747"/>
                      <a:gd name="connsiteY20" fmla="*/ 604536 h 604536"/>
                      <a:gd name="connsiteX21" fmla="*/ 302391 w 601747"/>
                      <a:gd name="connsiteY21" fmla="*/ 604536 h 604536"/>
                      <a:gd name="connsiteX22" fmla="*/ 601733 w 601747"/>
                      <a:gd name="connsiteY22" fmla="*/ 299342 h 604536"/>
                      <a:gd name="connsiteX23" fmla="*/ 302391 w 601747"/>
                      <a:gd name="connsiteY23" fmla="*/ 0 h 604536"/>
                      <a:gd name="connsiteX24" fmla="*/ 302731 w 601747"/>
                      <a:gd name="connsiteY24" fmla="*/ 467135 h 604536"/>
                      <a:gd name="connsiteX25" fmla="*/ 361686 w 601747"/>
                      <a:gd name="connsiteY25" fmla="*/ 491471 h 604536"/>
                      <a:gd name="connsiteX26" fmla="*/ 361686 w 601747"/>
                      <a:gd name="connsiteY26" fmla="*/ 463764 h 604536"/>
                      <a:gd name="connsiteX27" fmla="*/ 373670 w 601747"/>
                      <a:gd name="connsiteY27" fmla="*/ 465577 h 604536"/>
                      <a:gd name="connsiteX28" fmla="*/ 317746 w 601747"/>
                      <a:gd name="connsiteY28" fmla="*/ 594592 h 604536"/>
                      <a:gd name="connsiteX29" fmla="*/ 302391 w 601747"/>
                      <a:gd name="connsiteY29" fmla="*/ 594989 h 604536"/>
                      <a:gd name="connsiteX30" fmla="*/ 287489 w 601747"/>
                      <a:gd name="connsiteY30" fmla="*/ 594621 h 604536"/>
                      <a:gd name="connsiteX31" fmla="*/ 231566 w 601747"/>
                      <a:gd name="connsiteY31" fmla="*/ 465577 h 604536"/>
                      <a:gd name="connsiteX32" fmla="*/ 243521 w 601747"/>
                      <a:gd name="connsiteY32" fmla="*/ 463764 h 604536"/>
                      <a:gd name="connsiteX33" fmla="*/ 243521 w 601747"/>
                      <a:gd name="connsiteY33" fmla="*/ 491471 h 604536"/>
                      <a:gd name="connsiteX34" fmla="*/ 220149 w 601747"/>
                      <a:gd name="connsiteY34" fmla="*/ 298118 h 604536"/>
                      <a:gd name="connsiteX35" fmla="*/ 219667 w 601747"/>
                      <a:gd name="connsiteY35" fmla="*/ 277125 h 604536"/>
                      <a:gd name="connsiteX36" fmla="*/ 261086 w 601747"/>
                      <a:gd name="connsiteY36" fmla="*/ 190180 h 604536"/>
                      <a:gd name="connsiteX37" fmla="*/ 386532 w 601747"/>
                      <a:gd name="connsiteY37" fmla="*/ 298118 h 604536"/>
                      <a:gd name="connsiteX38" fmla="*/ 386532 w 601747"/>
                      <a:gd name="connsiteY38" fmla="*/ 300667 h 604536"/>
                      <a:gd name="connsiteX39" fmla="*/ 401008 w 601747"/>
                      <a:gd name="connsiteY39" fmla="*/ 300356 h 604536"/>
                      <a:gd name="connsiteX40" fmla="*/ 401008 w 601747"/>
                      <a:gd name="connsiteY40" fmla="*/ 297919 h 604536"/>
                      <a:gd name="connsiteX41" fmla="*/ 405201 w 601747"/>
                      <a:gd name="connsiteY41" fmla="*/ 275454 h 604536"/>
                      <a:gd name="connsiteX42" fmla="*/ 414352 w 601747"/>
                      <a:gd name="connsiteY42" fmla="*/ 271572 h 604536"/>
                      <a:gd name="connsiteX43" fmla="*/ 416958 w 601747"/>
                      <a:gd name="connsiteY43" fmla="*/ 291403 h 604536"/>
                      <a:gd name="connsiteX44" fmla="*/ 416958 w 601747"/>
                      <a:gd name="connsiteY44" fmla="*/ 292933 h 604536"/>
                      <a:gd name="connsiteX45" fmla="*/ 400782 w 601747"/>
                      <a:gd name="connsiteY45" fmla="*/ 339706 h 604536"/>
                      <a:gd name="connsiteX46" fmla="*/ 399195 w 601747"/>
                      <a:gd name="connsiteY46" fmla="*/ 339706 h 604536"/>
                      <a:gd name="connsiteX47" fmla="*/ 398515 w 601747"/>
                      <a:gd name="connsiteY47" fmla="*/ 341179 h 604536"/>
                      <a:gd name="connsiteX48" fmla="*/ 302618 w 601747"/>
                      <a:gd name="connsiteY48" fmla="*/ 413450 h 604536"/>
                      <a:gd name="connsiteX49" fmla="*/ 207174 w 601747"/>
                      <a:gd name="connsiteY49" fmla="*/ 341179 h 604536"/>
                      <a:gd name="connsiteX50" fmla="*/ 206494 w 601747"/>
                      <a:gd name="connsiteY50" fmla="*/ 339678 h 604536"/>
                      <a:gd name="connsiteX51" fmla="*/ 204822 w 601747"/>
                      <a:gd name="connsiteY51" fmla="*/ 339678 h 604536"/>
                      <a:gd name="connsiteX52" fmla="*/ 198816 w 601747"/>
                      <a:gd name="connsiteY52" fmla="*/ 337100 h 604536"/>
                      <a:gd name="connsiteX53" fmla="*/ 187852 w 601747"/>
                      <a:gd name="connsiteY53" fmla="*/ 296276 h 604536"/>
                      <a:gd name="connsiteX54" fmla="*/ 190969 w 601747"/>
                      <a:gd name="connsiteY54" fmla="*/ 270213 h 604536"/>
                      <a:gd name="connsiteX55" fmla="*/ 195813 w 601747"/>
                      <a:gd name="connsiteY55" fmla="*/ 270553 h 604536"/>
                      <a:gd name="connsiteX56" fmla="*/ 204029 w 601747"/>
                      <a:gd name="connsiteY56" fmla="*/ 281630 h 604536"/>
                      <a:gd name="connsiteX57" fmla="*/ 205672 w 601747"/>
                      <a:gd name="connsiteY57" fmla="*/ 298033 h 604536"/>
                      <a:gd name="connsiteX58" fmla="*/ 205672 w 601747"/>
                      <a:gd name="connsiteY58" fmla="*/ 300469 h 604536"/>
                      <a:gd name="connsiteX59" fmla="*/ 220149 w 601747"/>
                      <a:gd name="connsiteY59" fmla="*/ 300781 h 604536"/>
                      <a:gd name="connsiteX60" fmla="*/ 302391 w 601747"/>
                      <a:gd name="connsiteY60" fmla="*/ 424583 h 604536"/>
                      <a:gd name="connsiteX61" fmla="*/ 338597 w 601747"/>
                      <a:gd name="connsiteY61" fmla="*/ 417926 h 604536"/>
                      <a:gd name="connsiteX62" fmla="*/ 338597 w 601747"/>
                      <a:gd name="connsiteY62" fmla="*/ 432969 h 604536"/>
                      <a:gd name="connsiteX63" fmla="*/ 302589 w 601747"/>
                      <a:gd name="connsiteY63" fmla="*/ 447814 h 604536"/>
                      <a:gd name="connsiteX64" fmla="*/ 266525 w 601747"/>
                      <a:gd name="connsiteY64" fmla="*/ 432941 h 604536"/>
                      <a:gd name="connsiteX65" fmla="*/ 266525 w 601747"/>
                      <a:gd name="connsiteY65" fmla="*/ 418011 h 604536"/>
                      <a:gd name="connsiteX66" fmla="*/ 302391 w 601747"/>
                      <a:gd name="connsiteY66" fmla="*/ 424583 h 604536"/>
                      <a:gd name="connsiteX67" fmla="*/ 350297 w 601747"/>
                      <a:gd name="connsiteY67" fmla="*/ 440250 h 604536"/>
                      <a:gd name="connsiteX68" fmla="*/ 350297 w 601747"/>
                      <a:gd name="connsiteY68" fmla="*/ 474558 h 604536"/>
                      <a:gd name="connsiteX69" fmla="*/ 308737 w 601747"/>
                      <a:gd name="connsiteY69" fmla="*/ 457390 h 604536"/>
                      <a:gd name="connsiteX70" fmla="*/ 296470 w 601747"/>
                      <a:gd name="connsiteY70" fmla="*/ 457390 h 604536"/>
                      <a:gd name="connsiteX71" fmla="*/ 254910 w 601747"/>
                      <a:gd name="connsiteY71" fmla="*/ 474558 h 604536"/>
                      <a:gd name="connsiteX72" fmla="*/ 254910 w 601747"/>
                      <a:gd name="connsiteY72" fmla="*/ 440250 h 604536"/>
                      <a:gd name="connsiteX73" fmla="*/ 430953 w 601747"/>
                      <a:gd name="connsiteY73" fmla="*/ 483822 h 604536"/>
                      <a:gd name="connsiteX74" fmla="*/ 473023 w 601747"/>
                      <a:gd name="connsiteY74" fmla="*/ 539377 h 604536"/>
                      <a:gd name="connsiteX75" fmla="*/ 440585 w 601747"/>
                      <a:gd name="connsiteY75" fmla="*/ 559860 h 604536"/>
                      <a:gd name="connsiteX76" fmla="*/ 330098 w 601747"/>
                      <a:gd name="connsiteY76" fmla="*/ 593572 h 604536"/>
                      <a:gd name="connsiteX77" fmla="*/ 330098 w 601747"/>
                      <a:gd name="connsiteY77" fmla="*/ 593572 h 604536"/>
                      <a:gd name="connsiteX78" fmla="*/ 384775 w 601747"/>
                      <a:gd name="connsiteY78" fmla="*/ 467645 h 604536"/>
                      <a:gd name="connsiteX79" fmla="*/ 418771 w 601747"/>
                      <a:gd name="connsiteY79" fmla="*/ 478014 h 604536"/>
                      <a:gd name="connsiteX80" fmla="*/ 429877 w 601747"/>
                      <a:gd name="connsiteY80" fmla="*/ 565441 h 604536"/>
                      <a:gd name="connsiteX81" fmla="*/ 330098 w 601747"/>
                      <a:gd name="connsiteY81" fmla="*/ 593657 h 604536"/>
                      <a:gd name="connsiteX82" fmla="*/ 274996 w 601747"/>
                      <a:gd name="connsiteY82" fmla="*/ 593572 h 604536"/>
                      <a:gd name="connsiteX83" fmla="*/ 175274 w 601747"/>
                      <a:gd name="connsiteY83" fmla="*/ 565781 h 604536"/>
                      <a:gd name="connsiteX84" fmla="*/ 186408 w 601747"/>
                      <a:gd name="connsiteY84" fmla="*/ 477957 h 604536"/>
                      <a:gd name="connsiteX85" fmla="*/ 220404 w 601747"/>
                      <a:gd name="connsiteY85" fmla="*/ 467617 h 604536"/>
                      <a:gd name="connsiteX86" fmla="*/ 164508 w 601747"/>
                      <a:gd name="connsiteY86" fmla="*/ 560313 h 604536"/>
                      <a:gd name="connsiteX87" fmla="*/ 131929 w 601747"/>
                      <a:gd name="connsiteY87" fmla="*/ 540000 h 604536"/>
                      <a:gd name="connsiteX88" fmla="*/ 174226 w 601747"/>
                      <a:gd name="connsiteY88" fmla="*/ 483737 h 604536"/>
                      <a:gd name="connsiteX89" fmla="*/ 482797 w 601747"/>
                      <a:gd name="connsiteY89" fmla="*/ 532209 h 604536"/>
                      <a:gd name="connsiteX90" fmla="*/ 482797 w 601747"/>
                      <a:gd name="connsiteY90" fmla="*/ 531898 h 604536"/>
                      <a:gd name="connsiteX91" fmla="*/ 479114 w 601747"/>
                      <a:gd name="connsiteY91" fmla="*/ 520792 h 604536"/>
                      <a:gd name="connsiteX92" fmla="*/ 361573 w 601747"/>
                      <a:gd name="connsiteY92" fmla="*/ 452177 h 604536"/>
                      <a:gd name="connsiteX93" fmla="*/ 361573 w 601747"/>
                      <a:gd name="connsiteY93" fmla="*/ 423507 h 604536"/>
                      <a:gd name="connsiteX94" fmla="*/ 349929 w 601747"/>
                      <a:gd name="connsiteY94" fmla="*/ 428295 h 604536"/>
                      <a:gd name="connsiteX95" fmla="*/ 349929 w 601747"/>
                      <a:gd name="connsiteY95" fmla="*/ 412741 h 604536"/>
                      <a:gd name="connsiteX96" fmla="*/ 406731 w 601747"/>
                      <a:gd name="connsiteY96" fmla="*/ 349707 h 604536"/>
                      <a:gd name="connsiteX97" fmla="*/ 427242 w 601747"/>
                      <a:gd name="connsiteY97" fmla="*/ 305795 h 604536"/>
                      <a:gd name="connsiteX98" fmla="*/ 423786 w 601747"/>
                      <a:gd name="connsiteY98" fmla="*/ 264405 h 604536"/>
                      <a:gd name="connsiteX99" fmla="*/ 403785 w 601747"/>
                      <a:gd name="connsiteY99" fmla="*/ 153917 h 604536"/>
                      <a:gd name="connsiteX100" fmla="*/ 303808 w 601747"/>
                      <a:gd name="connsiteY100" fmla="*/ 125786 h 604536"/>
                      <a:gd name="connsiteX101" fmla="*/ 303298 w 601747"/>
                      <a:gd name="connsiteY101" fmla="*/ 125786 h 604536"/>
                      <a:gd name="connsiteX102" fmla="*/ 202896 w 601747"/>
                      <a:gd name="connsiteY102" fmla="*/ 153946 h 604536"/>
                      <a:gd name="connsiteX103" fmla="*/ 182498 w 601747"/>
                      <a:gd name="connsiteY103" fmla="*/ 262082 h 604536"/>
                      <a:gd name="connsiteX104" fmla="*/ 177172 w 601747"/>
                      <a:gd name="connsiteY104" fmla="*/ 305824 h 604536"/>
                      <a:gd name="connsiteX105" fmla="*/ 198675 w 601747"/>
                      <a:gd name="connsiteY105" fmla="*/ 349877 h 604536"/>
                      <a:gd name="connsiteX106" fmla="*/ 255335 w 601747"/>
                      <a:gd name="connsiteY106" fmla="*/ 412968 h 604536"/>
                      <a:gd name="connsiteX107" fmla="*/ 255335 w 601747"/>
                      <a:gd name="connsiteY107" fmla="*/ 428408 h 604536"/>
                      <a:gd name="connsiteX108" fmla="*/ 243691 w 601747"/>
                      <a:gd name="connsiteY108" fmla="*/ 423620 h 604536"/>
                      <a:gd name="connsiteX109" fmla="*/ 243691 w 601747"/>
                      <a:gd name="connsiteY109" fmla="*/ 452432 h 604536"/>
                      <a:gd name="connsiteX110" fmla="*/ 126150 w 601747"/>
                      <a:gd name="connsiteY110" fmla="*/ 521047 h 604536"/>
                      <a:gd name="connsiteX111" fmla="*/ 122268 w 601747"/>
                      <a:gd name="connsiteY111" fmla="*/ 532889 h 604536"/>
                      <a:gd name="connsiteX112" fmla="*/ 72140 w 601747"/>
                      <a:gd name="connsiteY112" fmla="*/ 122632 h 604536"/>
                      <a:gd name="connsiteX113" fmla="*/ 482398 w 601747"/>
                      <a:gd name="connsiteY113" fmla="*/ 72503 h 604536"/>
                      <a:gd name="connsiteX114" fmla="*/ 532525 w 601747"/>
                      <a:gd name="connsiteY114" fmla="*/ 482759 h 604536"/>
                      <a:gd name="connsiteX115" fmla="*/ 482939 w 601747"/>
                      <a:gd name="connsiteY115" fmla="*/ 532464 h 6045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Lst>
                    <a:rect l="l" t="t" r="r" b="b"/>
                    <a:pathLst>
                      <a:path w="601747" h="604536">
                        <a:moveTo>
                          <a:pt x="302391" y="482"/>
                        </a:moveTo>
                        <a:cubicBezTo>
                          <a:pt x="135524" y="343"/>
                          <a:pt x="139" y="135504"/>
                          <a:pt x="0" y="302373"/>
                        </a:cubicBezTo>
                        <a:cubicBezTo>
                          <a:pt x="-78" y="397097"/>
                          <a:pt x="44272" y="486377"/>
                          <a:pt x="119804" y="543541"/>
                        </a:cubicBezTo>
                        <a:lnTo>
                          <a:pt x="119804" y="543541"/>
                        </a:lnTo>
                        <a:cubicBezTo>
                          <a:pt x="123203" y="546128"/>
                          <a:pt x="126631" y="548621"/>
                          <a:pt x="130087" y="551021"/>
                        </a:cubicBezTo>
                        <a:cubicBezTo>
                          <a:pt x="140696" y="558415"/>
                          <a:pt x="151778" y="565106"/>
                          <a:pt x="163262" y="571050"/>
                        </a:cubicBezTo>
                        <a:cubicBezTo>
                          <a:pt x="166803" y="572891"/>
                          <a:pt x="170344" y="574676"/>
                          <a:pt x="173942" y="576348"/>
                        </a:cubicBezTo>
                        <a:cubicBezTo>
                          <a:pt x="197748" y="587532"/>
                          <a:pt x="222922" y="595533"/>
                          <a:pt x="248819" y="600145"/>
                        </a:cubicBezTo>
                        <a:lnTo>
                          <a:pt x="248819" y="600145"/>
                        </a:lnTo>
                        <a:lnTo>
                          <a:pt x="255788" y="601307"/>
                        </a:lnTo>
                        <a:lnTo>
                          <a:pt x="256553" y="601307"/>
                        </a:lnTo>
                        <a:lnTo>
                          <a:pt x="262956" y="602213"/>
                        </a:lnTo>
                        <a:lnTo>
                          <a:pt x="264145" y="602355"/>
                        </a:lnTo>
                        <a:lnTo>
                          <a:pt x="270236" y="603063"/>
                        </a:lnTo>
                        <a:lnTo>
                          <a:pt x="271653" y="603205"/>
                        </a:lnTo>
                        <a:cubicBezTo>
                          <a:pt x="273693" y="603431"/>
                          <a:pt x="275732" y="603601"/>
                          <a:pt x="277772" y="603771"/>
                        </a:cubicBezTo>
                        <a:lnTo>
                          <a:pt x="279160" y="603771"/>
                        </a:lnTo>
                        <a:lnTo>
                          <a:pt x="280010" y="603771"/>
                        </a:lnTo>
                        <a:cubicBezTo>
                          <a:pt x="283787" y="604018"/>
                          <a:pt x="287498" y="604216"/>
                          <a:pt x="291144" y="604366"/>
                        </a:cubicBezTo>
                        <a:lnTo>
                          <a:pt x="292136" y="604366"/>
                        </a:lnTo>
                        <a:cubicBezTo>
                          <a:pt x="295252" y="604366"/>
                          <a:pt x="298368" y="604536"/>
                          <a:pt x="301513" y="604536"/>
                        </a:cubicBezTo>
                        <a:lnTo>
                          <a:pt x="302391" y="604536"/>
                        </a:lnTo>
                        <a:cubicBezTo>
                          <a:pt x="469329" y="602921"/>
                          <a:pt x="603350" y="466280"/>
                          <a:pt x="601733" y="299342"/>
                        </a:cubicBezTo>
                        <a:cubicBezTo>
                          <a:pt x="600138" y="134685"/>
                          <a:pt x="467049" y="1594"/>
                          <a:pt x="302391" y="0"/>
                        </a:cubicBezTo>
                        <a:close/>
                        <a:moveTo>
                          <a:pt x="302731" y="467135"/>
                        </a:moveTo>
                        <a:lnTo>
                          <a:pt x="361686" y="491471"/>
                        </a:lnTo>
                        <a:lnTo>
                          <a:pt x="361686" y="463764"/>
                        </a:lnTo>
                        <a:cubicBezTo>
                          <a:pt x="365766" y="464302"/>
                          <a:pt x="369760" y="464925"/>
                          <a:pt x="373670" y="465577"/>
                        </a:cubicBezTo>
                        <a:lnTo>
                          <a:pt x="317746" y="594592"/>
                        </a:lnTo>
                        <a:cubicBezTo>
                          <a:pt x="312647" y="594847"/>
                          <a:pt x="307547" y="594989"/>
                          <a:pt x="302391" y="594989"/>
                        </a:cubicBezTo>
                        <a:cubicBezTo>
                          <a:pt x="297235" y="594989"/>
                          <a:pt x="292419" y="594989"/>
                          <a:pt x="287489" y="594621"/>
                        </a:cubicBezTo>
                        <a:lnTo>
                          <a:pt x="231566" y="465577"/>
                        </a:lnTo>
                        <a:cubicBezTo>
                          <a:pt x="235447" y="464925"/>
                          <a:pt x="239442" y="464302"/>
                          <a:pt x="243521" y="463764"/>
                        </a:cubicBezTo>
                        <a:lnTo>
                          <a:pt x="243521" y="491471"/>
                        </a:lnTo>
                        <a:close/>
                        <a:moveTo>
                          <a:pt x="220149" y="298118"/>
                        </a:moveTo>
                        <a:cubicBezTo>
                          <a:pt x="220149" y="290752"/>
                          <a:pt x="219894" y="283811"/>
                          <a:pt x="219667" y="277125"/>
                        </a:cubicBezTo>
                        <a:cubicBezTo>
                          <a:pt x="218307" y="238908"/>
                          <a:pt x="217401" y="213609"/>
                          <a:pt x="261086" y="190180"/>
                        </a:cubicBezTo>
                        <a:cubicBezTo>
                          <a:pt x="361374" y="199642"/>
                          <a:pt x="386617" y="213467"/>
                          <a:pt x="386532" y="298118"/>
                        </a:cubicBezTo>
                        <a:lnTo>
                          <a:pt x="386532" y="300667"/>
                        </a:lnTo>
                        <a:lnTo>
                          <a:pt x="401008" y="300356"/>
                        </a:lnTo>
                        <a:lnTo>
                          <a:pt x="401008" y="297919"/>
                        </a:lnTo>
                        <a:cubicBezTo>
                          <a:pt x="401008" y="286587"/>
                          <a:pt x="402368" y="279816"/>
                          <a:pt x="405201" y="275454"/>
                        </a:cubicBezTo>
                        <a:cubicBezTo>
                          <a:pt x="406958" y="272621"/>
                          <a:pt x="409989" y="269788"/>
                          <a:pt x="414352" y="271572"/>
                        </a:cubicBezTo>
                        <a:cubicBezTo>
                          <a:pt x="417326" y="272706"/>
                          <a:pt x="417185" y="282904"/>
                          <a:pt x="416958" y="291403"/>
                        </a:cubicBezTo>
                        <a:lnTo>
                          <a:pt x="416958" y="292933"/>
                        </a:lnTo>
                        <a:cubicBezTo>
                          <a:pt x="416533" y="315597"/>
                          <a:pt x="409932" y="339706"/>
                          <a:pt x="400782" y="339706"/>
                        </a:cubicBezTo>
                        <a:lnTo>
                          <a:pt x="399195" y="339706"/>
                        </a:lnTo>
                        <a:lnTo>
                          <a:pt x="398515" y="341179"/>
                        </a:lnTo>
                        <a:cubicBezTo>
                          <a:pt x="377608" y="387103"/>
                          <a:pt x="342648" y="413450"/>
                          <a:pt x="302618" y="413450"/>
                        </a:cubicBezTo>
                        <a:cubicBezTo>
                          <a:pt x="279274" y="413450"/>
                          <a:pt x="235815" y="404072"/>
                          <a:pt x="207174" y="341179"/>
                        </a:cubicBezTo>
                        <a:lnTo>
                          <a:pt x="206494" y="339678"/>
                        </a:lnTo>
                        <a:lnTo>
                          <a:pt x="204822" y="339678"/>
                        </a:lnTo>
                        <a:cubicBezTo>
                          <a:pt x="202547" y="339703"/>
                          <a:pt x="200366" y="338769"/>
                          <a:pt x="198816" y="337100"/>
                        </a:cubicBezTo>
                        <a:cubicBezTo>
                          <a:pt x="192555" y="331122"/>
                          <a:pt x="188249" y="315087"/>
                          <a:pt x="187852" y="296276"/>
                        </a:cubicBezTo>
                        <a:cubicBezTo>
                          <a:pt x="187343" y="272167"/>
                          <a:pt x="190940" y="270213"/>
                          <a:pt x="190969" y="270213"/>
                        </a:cubicBezTo>
                        <a:cubicBezTo>
                          <a:pt x="192552" y="269592"/>
                          <a:pt x="194332" y="269717"/>
                          <a:pt x="195813" y="270553"/>
                        </a:cubicBezTo>
                        <a:cubicBezTo>
                          <a:pt x="199830" y="273099"/>
                          <a:pt x="202760" y="277046"/>
                          <a:pt x="204029" y="281630"/>
                        </a:cubicBezTo>
                        <a:cubicBezTo>
                          <a:pt x="205247" y="287009"/>
                          <a:pt x="205800" y="292520"/>
                          <a:pt x="205672" y="298033"/>
                        </a:cubicBezTo>
                        <a:lnTo>
                          <a:pt x="205672" y="300469"/>
                        </a:lnTo>
                        <a:lnTo>
                          <a:pt x="220149" y="300781"/>
                        </a:lnTo>
                        <a:close/>
                        <a:moveTo>
                          <a:pt x="302391" y="424583"/>
                        </a:moveTo>
                        <a:cubicBezTo>
                          <a:pt x="314769" y="424620"/>
                          <a:pt x="327044" y="422362"/>
                          <a:pt x="338597" y="417926"/>
                        </a:cubicBezTo>
                        <a:lnTo>
                          <a:pt x="338597" y="432969"/>
                        </a:lnTo>
                        <a:lnTo>
                          <a:pt x="302589" y="447814"/>
                        </a:lnTo>
                        <a:lnTo>
                          <a:pt x="266525" y="432941"/>
                        </a:lnTo>
                        <a:lnTo>
                          <a:pt x="266525" y="418011"/>
                        </a:lnTo>
                        <a:cubicBezTo>
                          <a:pt x="277973" y="422391"/>
                          <a:pt x="290133" y="424617"/>
                          <a:pt x="302391" y="424583"/>
                        </a:cubicBezTo>
                        <a:close/>
                        <a:moveTo>
                          <a:pt x="350297" y="440250"/>
                        </a:moveTo>
                        <a:lnTo>
                          <a:pt x="350297" y="474558"/>
                        </a:lnTo>
                        <a:lnTo>
                          <a:pt x="308737" y="457390"/>
                        </a:lnTo>
                        <a:close/>
                        <a:moveTo>
                          <a:pt x="296470" y="457390"/>
                        </a:moveTo>
                        <a:lnTo>
                          <a:pt x="254910" y="474558"/>
                        </a:lnTo>
                        <a:lnTo>
                          <a:pt x="254910" y="440250"/>
                        </a:lnTo>
                        <a:close/>
                        <a:moveTo>
                          <a:pt x="430953" y="483822"/>
                        </a:moveTo>
                        <a:cubicBezTo>
                          <a:pt x="456450" y="497987"/>
                          <a:pt x="467924" y="517251"/>
                          <a:pt x="473023" y="539377"/>
                        </a:cubicBezTo>
                        <a:cubicBezTo>
                          <a:pt x="462669" y="546904"/>
                          <a:pt x="451832" y="553746"/>
                          <a:pt x="440585" y="559860"/>
                        </a:cubicBezTo>
                        <a:close/>
                        <a:moveTo>
                          <a:pt x="330098" y="593572"/>
                        </a:moveTo>
                        <a:lnTo>
                          <a:pt x="330098" y="593572"/>
                        </a:lnTo>
                        <a:lnTo>
                          <a:pt x="384775" y="467645"/>
                        </a:lnTo>
                        <a:cubicBezTo>
                          <a:pt x="396402" y="470056"/>
                          <a:pt x="407779" y="473526"/>
                          <a:pt x="418771" y="478014"/>
                        </a:cubicBezTo>
                        <a:lnTo>
                          <a:pt x="429877" y="565441"/>
                        </a:lnTo>
                        <a:cubicBezTo>
                          <a:pt x="398589" y="580779"/>
                          <a:pt x="364785" y="590337"/>
                          <a:pt x="330098" y="593657"/>
                        </a:cubicBezTo>
                        <a:close/>
                        <a:moveTo>
                          <a:pt x="274996" y="593572"/>
                        </a:moveTo>
                        <a:cubicBezTo>
                          <a:pt x="240360" y="590351"/>
                          <a:pt x="206582" y="580940"/>
                          <a:pt x="175274" y="565781"/>
                        </a:cubicBezTo>
                        <a:lnTo>
                          <a:pt x="186408" y="477957"/>
                        </a:lnTo>
                        <a:cubicBezTo>
                          <a:pt x="197405" y="473492"/>
                          <a:pt x="208783" y="470030"/>
                          <a:pt x="220404" y="467617"/>
                        </a:cubicBezTo>
                        <a:close/>
                        <a:moveTo>
                          <a:pt x="164508" y="560313"/>
                        </a:moveTo>
                        <a:cubicBezTo>
                          <a:pt x="153221" y="554253"/>
                          <a:pt x="142339" y="547468"/>
                          <a:pt x="131929" y="540000"/>
                        </a:cubicBezTo>
                        <a:cubicBezTo>
                          <a:pt x="136972" y="517591"/>
                          <a:pt x="148360" y="497958"/>
                          <a:pt x="174226" y="483737"/>
                        </a:cubicBezTo>
                        <a:close/>
                        <a:moveTo>
                          <a:pt x="482797" y="532209"/>
                        </a:moveTo>
                        <a:lnTo>
                          <a:pt x="482797" y="531898"/>
                        </a:lnTo>
                        <a:cubicBezTo>
                          <a:pt x="481783" y="528130"/>
                          <a:pt x="480553" y="524421"/>
                          <a:pt x="479114" y="520792"/>
                        </a:cubicBezTo>
                        <a:cubicBezTo>
                          <a:pt x="463986" y="482802"/>
                          <a:pt x="425514" y="460364"/>
                          <a:pt x="361573" y="452177"/>
                        </a:cubicBezTo>
                        <a:lnTo>
                          <a:pt x="361573" y="423507"/>
                        </a:lnTo>
                        <a:lnTo>
                          <a:pt x="349929" y="428295"/>
                        </a:lnTo>
                        <a:lnTo>
                          <a:pt x="349929" y="412741"/>
                        </a:lnTo>
                        <a:cubicBezTo>
                          <a:pt x="379109" y="397160"/>
                          <a:pt x="396872" y="370246"/>
                          <a:pt x="406731" y="349707"/>
                        </a:cubicBezTo>
                        <a:cubicBezTo>
                          <a:pt x="420896" y="344182"/>
                          <a:pt x="425712" y="319960"/>
                          <a:pt x="427242" y="305795"/>
                        </a:cubicBezTo>
                        <a:cubicBezTo>
                          <a:pt x="427780" y="301036"/>
                          <a:pt x="430075" y="276955"/>
                          <a:pt x="423786" y="264405"/>
                        </a:cubicBezTo>
                        <a:cubicBezTo>
                          <a:pt x="427185" y="212872"/>
                          <a:pt x="424975" y="176383"/>
                          <a:pt x="403785" y="153917"/>
                        </a:cubicBezTo>
                        <a:cubicBezTo>
                          <a:pt x="385823" y="134625"/>
                          <a:pt x="354037" y="125786"/>
                          <a:pt x="303808" y="125786"/>
                        </a:cubicBezTo>
                        <a:lnTo>
                          <a:pt x="303298" y="125786"/>
                        </a:lnTo>
                        <a:cubicBezTo>
                          <a:pt x="252842" y="125786"/>
                          <a:pt x="220942" y="134738"/>
                          <a:pt x="202896" y="153946"/>
                        </a:cubicBezTo>
                        <a:cubicBezTo>
                          <a:pt x="181875" y="176298"/>
                          <a:pt x="179467" y="211909"/>
                          <a:pt x="182498" y="262082"/>
                        </a:cubicBezTo>
                        <a:cubicBezTo>
                          <a:pt x="174396" y="273924"/>
                          <a:pt x="176634" y="300526"/>
                          <a:pt x="177172" y="305824"/>
                        </a:cubicBezTo>
                        <a:cubicBezTo>
                          <a:pt x="178617" y="319989"/>
                          <a:pt x="183348" y="344437"/>
                          <a:pt x="198675" y="349877"/>
                        </a:cubicBezTo>
                        <a:cubicBezTo>
                          <a:pt x="212840" y="378859"/>
                          <a:pt x="232246" y="400616"/>
                          <a:pt x="255335" y="412968"/>
                        </a:cubicBezTo>
                        <a:lnTo>
                          <a:pt x="255335" y="428408"/>
                        </a:lnTo>
                        <a:lnTo>
                          <a:pt x="243691" y="423620"/>
                        </a:lnTo>
                        <a:lnTo>
                          <a:pt x="243691" y="452432"/>
                        </a:lnTo>
                        <a:cubicBezTo>
                          <a:pt x="179722" y="460619"/>
                          <a:pt x="141278" y="483085"/>
                          <a:pt x="126150" y="521047"/>
                        </a:cubicBezTo>
                        <a:cubicBezTo>
                          <a:pt x="124614" y="524912"/>
                          <a:pt x="123318" y="528866"/>
                          <a:pt x="122268" y="532889"/>
                        </a:cubicBezTo>
                        <a:cubicBezTo>
                          <a:pt x="-4864" y="433442"/>
                          <a:pt x="-27307" y="249764"/>
                          <a:pt x="72140" y="122632"/>
                        </a:cubicBezTo>
                        <a:cubicBezTo>
                          <a:pt x="171586" y="-4500"/>
                          <a:pt x="355264" y="-26944"/>
                          <a:pt x="482398" y="72503"/>
                        </a:cubicBezTo>
                        <a:cubicBezTo>
                          <a:pt x="609529" y="171950"/>
                          <a:pt x="631972" y="355628"/>
                          <a:pt x="532525" y="482759"/>
                        </a:cubicBezTo>
                        <a:cubicBezTo>
                          <a:pt x="518054" y="501262"/>
                          <a:pt x="501404" y="517948"/>
                          <a:pt x="482939" y="532464"/>
                        </a:cubicBezTo>
                        <a:close/>
                      </a:path>
                    </a:pathLst>
                  </a:custGeom>
                  <a:solidFill>
                    <a:schemeClr val="accent2"/>
                  </a:solidFill>
                  <a:ln w="2811" cap="flat">
                    <a:noFill/>
                    <a:prstDash val="solid"/>
                    <a:miter/>
                  </a:ln>
                </p:spPr>
                <p:txBody>
                  <a:bodyPr rtlCol="0" anchor="ctr"/>
                  <a:lstStyle/>
                  <a:p>
                    <a:endParaRPr lang="en-US"/>
                  </a:p>
                </p:txBody>
              </p:sp>
              <p:sp>
                <p:nvSpPr>
                  <p:cNvPr id="249" name="Graphic 4">
                    <a:extLst>
                      <a:ext uri="{FF2B5EF4-FFF2-40B4-BE49-F238E27FC236}">
                        <a16:creationId xmlns:a16="http://schemas.microsoft.com/office/drawing/2014/main" id="{BF55CBBB-8E97-9B48-81B6-672A17C06333}"/>
                      </a:ext>
                    </a:extLst>
                  </p:cNvPr>
                  <p:cNvSpPr/>
                  <p:nvPr/>
                </p:nvSpPr>
                <p:spPr>
                  <a:xfrm>
                    <a:off x="1891713" y="4897949"/>
                    <a:ext cx="295328" cy="514330"/>
                  </a:xfrm>
                  <a:custGeom>
                    <a:avLst/>
                    <a:gdLst>
                      <a:gd name="connsiteX0" fmla="*/ 265085 w 295328"/>
                      <a:gd name="connsiteY0" fmla="*/ 407444 h 514330"/>
                      <a:gd name="connsiteX1" fmla="*/ 271966 w 295328"/>
                      <a:gd name="connsiteY1" fmla="*/ 407104 h 514330"/>
                      <a:gd name="connsiteX2" fmla="*/ 271969 w 295328"/>
                      <a:gd name="connsiteY2" fmla="*/ 407104 h 514330"/>
                      <a:gd name="connsiteX3" fmla="*/ 279165 w 295328"/>
                      <a:gd name="connsiteY3" fmla="*/ 413648 h 514330"/>
                      <a:gd name="connsiteX4" fmla="*/ 285709 w 295328"/>
                      <a:gd name="connsiteY4" fmla="*/ 406424 h 514330"/>
                      <a:gd name="connsiteX5" fmla="*/ 292593 w 295328"/>
                      <a:gd name="connsiteY5" fmla="*/ 406084 h 514330"/>
                      <a:gd name="connsiteX6" fmla="*/ 292973 w 295328"/>
                      <a:gd name="connsiteY6" fmla="*/ 412925 h 514330"/>
                      <a:gd name="connsiteX7" fmla="*/ 292933 w 295328"/>
                      <a:gd name="connsiteY7" fmla="*/ 412968 h 514330"/>
                      <a:gd name="connsiteX8" fmla="*/ 286502 w 295328"/>
                      <a:gd name="connsiteY8" fmla="*/ 420192 h 514330"/>
                      <a:gd name="connsiteX9" fmla="*/ 293727 w 295328"/>
                      <a:gd name="connsiteY9" fmla="*/ 426736 h 514330"/>
                      <a:gd name="connsiteX10" fmla="*/ 294067 w 295328"/>
                      <a:gd name="connsiteY10" fmla="*/ 433621 h 514330"/>
                      <a:gd name="connsiteX11" fmla="*/ 287182 w 295328"/>
                      <a:gd name="connsiteY11" fmla="*/ 433961 h 514330"/>
                      <a:gd name="connsiteX12" fmla="*/ 279958 w 295328"/>
                      <a:gd name="connsiteY12" fmla="*/ 427416 h 514330"/>
                      <a:gd name="connsiteX13" fmla="*/ 272904 w 295328"/>
                      <a:gd name="connsiteY13" fmla="*/ 435009 h 514330"/>
                      <a:gd name="connsiteX14" fmla="*/ 266020 w 295328"/>
                      <a:gd name="connsiteY14" fmla="*/ 435349 h 514330"/>
                      <a:gd name="connsiteX15" fmla="*/ 265680 w 295328"/>
                      <a:gd name="connsiteY15" fmla="*/ 428465 h 514330"/>
                      <a:gd name="connsiteX16" fmla="*/ 272649 w 295328"/>
                      <a:gd name="connsiteY16" fmla="*/ 420815 h 514330"/>
                      <a:gd name="connsiteX17" fmla="*/ 265425 w 295328"/>
                      <a:gd name="connsiteY17" fmla="*/ 414271 h 514330"/>
                      <a:gd name="connsiteX18" fmla="*/ 265085 w 295328"/>
                      <a:gd name="connsiteY18" fmla="*/ 407444 h 514330"/>
                      <a:gd name="connsiteX19" fmla="*/ 259702 w 295328"/>
                      <a:gd name="connsiteY19" fmla="*/ 481612 h 514330"/>
                      <a:gd name="connsiteX20" fmla="*/ 239049 w 295328"/>
                      <a:gd name="connsiteY20" fmla="*/ 460987 h 514330"/>
                      <a:gd name="connsiteX21" fmla="*/ 235270 w 295328"/>
                      <a:gd name="connsiteY21" fmla="*/ 456523 h 514330"/>
                      <a:gd name="connsiteX22" fmla="*/ 230805 w 295328"/>
                      <a:gd name="connsiteY22" fmla="*/ 460305 h 514330"/>
                      <a:gd name="connsiteX23" fmla="*/ 230805 w 295328"/>
                      <a:gd name="connsiteY23" fmla="*/ 460987 h 514330"/>
                      <a:gd name="connsiteX24" fmla="*/ 210153 w 295328"/>
                      <a:gd name="connsiteY24" fmla="*/ 481612 h 514330"/>
                      <a:gd name="connsiteX25" fmla="*/ 206017 w 295328"/>
                      <a:gd name="connsiteY25" fmla="*/ 485748 h 514330"/>
                      <a:gd name="connsiteX26" fmla="*/ 210153 w 295328"/>
                      <a:gd name="connsiteY26" fmla="*/ 489884 h 514330"/>
                      <a:gd name="connsiteX27" fmla="*/ 230805 w 295328"/>
                      <a:gd name="connsiteY27" fmla="*/ 510537 h 514330"/>
                      <a:gd name="connsiteX28" fmla="*/ 235270 w 295328"/>
                      <a:gd name="connsiteY28" fmla="*/ 514316 h 514330"/>
                      <a:gd name="connsiteX29" fmla="*/ 239049 w 295328"/>
                      <a:gd name="connsiteY29" fmla="*/ 510537 h 514330"/>
                      <a:gd name="connsiteX30" fmla="*/ 259702 w 295328"/>
                      <a:gd name="connsiteY30" fmla="*/ 489884 h 514330"/>
                      <a:gd name="connsiteX31" fmla="*/ 263838 w 295328"/>
                      <a:gd name="connsiteY31" fmla="*/ 485748 h 514330"/>
                      <a:gd name="connsiteX32" fmla="*/ 259702 w 295328"/>
                      <a:gd name="connsiteY32" fmla="*/ 481612 h 514330"/>
                      <a:gd name="connsiteX33" fmla="*/ 25214 w 295328"/>
                      <a:gd name="connsiteY33" fmla="*/ 0 h 514330"/>
                      <a:gd name="connsiteX34" fmla="*/ 50428 w 295328"/>
                      <a:gd name="connsiteY34" fmla="*/ 25214 h 514330"/>
                      <a:gd name="connsiteX35" fmla="*/ 25214 w 295328"/>
                      <a:gd name="connsiteY35" fmla="*/ 50428 h 514330"/>
                      <a:gd name="connsiteX36" fmla="*/ 0 w 295328"/>
                      <a:gd name="connsiteY36" fmla="*/ 25214 h 514330"/>
                      <a:gd name="connsiteX37" fmla="*/ 25214 w 295328"/>
                      <a:gd name="connsiteY37" fmla="*/ 113 h 5143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5328" h="514330">
                        <a:moveTo>
                          <a:pt x="265085" y="407444"/>
                        </a:moveTo>
                        <a:cubicBezTo>
                          <a:pt x="266892" y="405449"/>
                          <a:pt x="269972" y="405296"/>
                          <a:pt x="271966" y="407104"/>
                        </a:cubicBezTo>
                        <a:cubicBezTo>
                          <a:pt x="271969" y="407104"/>
                          <a:pt x="271969" y="407104"/>
                          <a:pt x="271969" y="407104"/>
                        </a:cubicBezTo>
                        <a:lnTo>
                          <a:pt x="279165" y="413648"/>
                        </a:lnTo>
                        <a:lnTo>
                          <a:pt x="285709" y="406424"/>
                        </a:lnTo>
                        <a:cubicBezTo>
                          <a:pt x="287522" y="404443"/>
                          <a:pt x="290593" y="404290"/>
                          <a:pt x="292593" y="406084"/>
                        </a:cubicBezTo>
                        <a:cubicBezTo>
                          <a:pt x="294588" y="407869"/>
                          <a:pt x="294758" y="410931"/>
                          <a:pt x="292973" y="412925"/>
                        </a:cubicBezTo>
                        <a:cubicBezTo>
                          <a:pt x="292959" y="412940"/>
                          <a:pt x="292947" y="412954"/>
                          <a:pt x="292933" y="412968"/>
                        </a:cubicBezTo>
                        <a:lnTo>
                          <a:pt x="286502" y="420192"/>
                        </a:lnTo>
                        <a:lnTo>
                          <a:pt x="293727" y="426736"/>
                        </a:lnTo>
                        <a:cubicBezTo>
                          <a:pt x="295721" y="428544"/>
                          <a:pt x="295874" y="431626"/>
                          <a:pt x="294067" y="433621"/>
                        </a:cubicBezTo>
                        <a:cubicBezTo>
                          <a:pt x="292259" y="435615"/>
                          <a:pt x="289177" y="435768"/>
                          <a:pt x="287182" y="433961"/>
                        </a:cubicBezTo>
                        <a:lnTo>
                          <a:pt x="279958" y="427416"/>
                        </a:lnTo>
                        <a:lnTo>
                          <a:pt x="272904" y="435009"/>
                        </a:lnTo>
                        <a:cubicBezTo>
                          <a:pt x="271096" y="437003"/>
                          <a:pt x="268014" y="437156"/>
                          <a:pt x="266020" y="435349"/>
                        </a:cubicBezTo>
                        <a:cubicBezTo>
                          <a:pt x="264025" y="433541"/>
                          <a:pt x="263872" y="430459"/>
                          <a:pt x="265680" y="428465"/>
                        </a:cubicBezTo>
                        <a:lnTo>
                          <a:pt x="272649" y="420815"/>
                        </a:lnTo>
                        <a:lnTo>
                          <a:pt x="265425" y="414271"/>
                        </a:lnTo>
                        <a:cubicBezTo>
                          <a:pt x="263450" y="412478"/>
                          <a:pt x="263300" y="409424"/>
                          <a:pt x="265085" y="407444"/>
                        </a:cubicBezTo>
                        <a:close/>
                        <a:moveTo>
                          <a:pt x="259702" y="481612"/>
                        </a:moveTo>
                        <a:cubicBezTo>
                          <a:pt x="248308" y="481612"/>
                          <a:pt x="239066" y="472382"/>
                          <a:pt x="239049" y="460987"/>
                        </a:cubicBezTo>
                        <a:cubicBezTo>
                          <a:pt x="239239" y="458710"/>
                          <a:pt x="237545" y="456712"/>
                          <a:pt x="235270" y="456523"/>
                        </a:cubicBezTo>
                        <a:cubicBezTo>
                          <a:pt x="232992" y="456336"/>
                          <a:pt x="230995" y="458027"/>
                          <a:pt x="230805" y="460305"/>
                        </a:cubicBezTo>
                        <a:cubicBezTo>
                          <a:pt x="230786" y="460531"/>
                          <a:pt x="230786" y="460761"/>
                          <a:pt x="230805" y="460987"/>
                        </a:cubicBezTo>
                        <a:cubicBezTo>
                          <a:pt x="230788" y="472382"/>
                          <a:pt x="221547" y="481612"/>
                          <a:pt x="210153" y="481612"/>
                        </a:cubicBezTo>
                        <a:cubicBezTo>
                          <a:pt x="207869" y="481612"/>
                          <a:pt x="206017" y="483465"/>
                          <a:pt x="206017" y="485748"/>
                        </a:cubicBezTo>
                        <a:cubicBezTo>
                          <a:pt x="206017" y="488031"/>
                          <a:pt x="207869" y="489884"/>
                          <a:pt x="210153" y="489884"/>
                        </a:cubicBezTo>
                        <a:cubicBezTo>
                          <a:pt x="221553" y="489901"/>
                          <a:pt x="230788" y="499137"/>
                          <a:pt x="230805" y="510537"/>
                        </a:cubicBezTo>
                        <a:cubicBezTo>
                          <a:pt x="230995" y="512815"/>
                          <a:pt x="232992" y="514506"/>
                          <a:pt x="235270" y="514316"/>
                        </a:cubicBezTo>
                        <a:cubicBezTo>
                          <a:pt x="237284" y="514149"/>
                          <a:pt x="238882" y="512551"/>
                          <a:pt x="239049" y="510537"/>
                        </a:cubicBezTo>
                        <a:cubicBezTo>
                          <a:pt x="239066" y="499137"/>
                          <a:pt x="248302" y="489901"/>
                          <a:pt x="259702" y="489884"/>
                        </a:cubicBezTo>
                        <a:cubicBezTo>
                          <a:pt x="261985" y="489884"/>
                          <a:pt x="263838" y="488031"/>
                          <a:pt x="263838" y="485748"/>
                        </a:cubicBezTo>
                        <a:cubicBezTo>
                          <a:pt x="263838" y="483465"/>
                          <a:pt x="261985" y="481612"/>
                          <a:pt x="259702" y="481612"/>
                        </a:cubicBezTo>
                        <a:close/>
                        <a:moveTo>
                          <a:pt x="25214" y="0"/>
                        </a:moveTo>
                        <a:cubicBezTo>
                          <a:pt x="39138" y="0"/>
                          <a:pt x="50428" y="11289"/>
                          <a:pt x="50428" y="25214"/>
                        </a:cubicBezTo>
                        <a:cubicBezTo>
                          <a:pt x="50428" y="39139"/>
                          <a:pt x="39138" y="50428"/>
                          <a:pt x="25214" y="50428"/>
                        </a:cubicBezTo>
                        <a:cubicBezTo>
                          <a:pt x="11290" y="50428"/>
                          <a:pt x="0" y="39139"/>
                          <a:pt x="0" y="25214"/>
                        </a:cubicBezTo>
                        <a:cubicBezTo>
                          <a:pt x="48" y="11326"/>
                          <a:pt x="11326" y="98"/>
                          <a:pt x="25214" y="113"/>
                        </a:cubicBezTo>
                        <a:close/>
                      </a:path>
                    </a:pathLst>
                  </a:custGeom>
                  <a:solidFill>
                    <a:schemeClr val="accent1"/>
                  </a:solidFill>
                  <a:ln w="2811" cap="flat">
                    <a:noFill/>
                    <a:prstDash val="solid"/>
                    <a:miter/>
                  </a:ln>
                </p:spPr>
                <p:txBody>
                  <a:bodyPr rtlCol="0" anchor="ctr"/>
                  <a:lstStyle/>
                  <a:p>
                    <a:endParaRPr lang="en-US"/>
                  </a:p>
                </p:txBody>
              </p:sp>
              <p:sp>
                <p:nvSpPr>
                  <p:cNvPr id="250" name="Graphic 4">
                    <a:extLst>
                      <a:ext uri="{FF2B5EF4-FFF2-40B4-BE49-F238E27FC236}">
                        <a16:creationId xmlns:a16="http://schemas.microsoft.com/office/drawing/2014/main" id="{77F0EE4A-AB3A-6F46-AF53-325AE905909D}"/>
                      </a:ext>
                    </a:extLst>
                  </p:cNvPr>
                  <p:cNvSpPr/>
                  <p:nvPr/>
                </p:nvSpPr>
                <p:spPr>
                  <a:xfrm>
                    <a:off x="1530686" y="4912493"/>
                    <a:ext cx="773201" cy="767763"/>
                  </a:xfrm>
                  <a:custGeom>
                    <a:avLst/>
                    <a:gdLst>
                      <a:gd name="connsiteX0" fmla="*/ 452249 w 773201"/>
                      <a:gd name="connsiteY0" fmla="*/ 301 h 767763"/>
                      <a:gd name="connsiteX1" fmla="*/ 451541 w 773201"/>
                      <a:gd name="connsiteY1" fmla="*/ 301 h 767763"/>
                      <a:gd name="connsiteX2" fmla="*/ 449841 w 773201"/>
                      <a:gd name="connsiteY2" fmla="*/ 18 h 767763"/>
                      <a:gd name="connsiteX3" fmla="*/ 437081 w 773201"/>
                      <a:gd name="connsiteY3" fmla="*/ 12869 h 767763"/>
                      <a:gd name="connsiteX4" fmla="*/ 446725 w 773201"/>
                      <a:gd name="connsiteY4" fmla="*/ 25232 h 767763"/>
                      <a:gd name="connsiteX5" fmla="*/ 447008 w 773201"/>
                      <a:gd name="connsiteY5" fmla="*/ 25232 h 767763"/>
                      <a:gd name="connsiteX6" fmla="*/ 448142 w 773201"/>
                      <a:gd name="connsiteY6" fmla="*/ 25515 h 767763"/>
                      <a:gd name="connsiteX7" fmla="*/ 452391 w 773201"/>
                      <a:gd name="connsiteY7" fmla="*/ 26082 h 767763"/>
                      <a:gd name="connsiteX8" fmla="*/ 741384 w 773201"/>
                      <a:gd name="connsiteY8" fmla="*/ 447206 h 767763"/>
                      <a:gd name="connsiteX9" fmla="*/ 320259 w 773201"/>
                      <a:gd name="connsiteY9" fmla="*/ 736198 h 767763"/>
                      <a:gd name="connsiteX10" fmla="*/ 25173 w 773201"/>
                      <a:gd name="connsiteY10" fmla="*/ 381058 h 767763"/>
                      <a:gd name="connsiteX11" fmla="*/ 320656 w 773201"/>
                      <a:gd name="connsiteY11" fmla="*/ 26082 h 767763"/>
                      <a:gd name="connsiteX12" fmla="*/ 324906 w 773201"/>
                      <a:gd name="connsiteY12" fmla="*/ 25515 h 767763"/>
                      <a:gd name="connsiteX13" fmla="*/ 326889 w 773201"/>
                      <a:gd name="connsiteY13" fmla="*/ 25232 h 767763"/>
                      <a:gd name="connsiteX14" fmla="*/ 327172 w 773201"/>
                      <a:gd name="connsiteY14" fmla="*/ 25232 h 767763"/>
                      <a:gd name="connsiteX15" fmla="*/ 336521 w 773201"/>
                      <a:gd name="connsiteY15" fmla="*/ 12767 h 767763"/>
                      <a:gd name="connsiteX16" fmla="*/ 323942 w 773201"/>
                      <a:gd name="connsiteY16" fmla="*/ 18 h 767763"/>
                      <a:gd name="connsiteX17" fmla="*/ 323886 w 773201"/>
                      <a:gd name="connsiteY17" fmla="*/ 18 h 767763"/>
                      <a:gd name="connsiteX18" fmla="*/ 323886 w 773201"/>
                      <a:gd name="connsiteY18" fmla="*/ 18 h 767763"/>
                      <a:gd name="connsiteX19" fmla="*/ 321903 w 773201"/>
                      <a:gd name="connsiteY19" fmla="*/ 301 h 767763"/>
                      <a:gd name="connsiteX20" fmla="*/ 5501 w 773201"/>
                      <a:gd name="connsiteY20" fmla="*/ 445923 h 767763"/>
                      <a:gd name="connsiteX21" fmla="*/ 386779 w 773201"/>
                      <a:gd name="connsiteY21" fmla="*/ 767764 h 767763"/>
                      <a:gd name="connsiteX22" fmla="*/ 773201 w 773201"/>
                      <a:gd name="connsiteY22" fmla="*/ 381058 h 767763"/>
                      <a:gd name="connsiteX23" fmla="*/ 452249 w 773201"/>
                      <a:gd name="connsiteY23" fmla="*/ 301 h 767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773201" h="767763">
                        <a:moveTo>
                          <a:pt x="452249" y="301"/>
                        </a:moveTo>
                        <a:lnTo>
                          <a:pt x="451541" y="301"/>
                        </a:lnTo>
                        <a:cubicBezTo>
                          <a:pt x="450975" y="301"/>
                          <a:pt x="450408" y="18"/>
                          <a:pt x="449841" y="18"/>
                        </a:cubicBezTo>
                        <a:cubicBezTo>
                          <a:pt x="442770" y="43"/>
                          <a:pt x="437056" y="5797"/>
                          <a:pt x="437081" y="12869"/>
                        </a:cubicBezTo>
                        <a:cubicBezTo>
                          <a:pt x="437104" y="18706"/>
                          <a:pt x="441067" y="23790"/>
                          <a:pt x="446725" y="25232"/>
                        </a:cubicBezTo>
                        <a:lnTo>
                          <a:pt x="447008" y="25232"/>
                        </a:lnTo>
                        <a:cubicBezTo>
                          <a:pt x="447292" y="25232"/>
                          <a:pt x="447858" y="25515"/>
                          <a:pt x="448142" y="25515"/>
                        </a:cubicBezTo>
                        <a:lnTo>
                          <a:pt x="452391" y="26082"/>
                        </a:lnTo>
                        <a:cubicBezTo>
                          <a:pt x="648484" y="62569"/>
                          <a:pt x="777870" y="251113"/>
                          <a:pt x="741384" y="447206"/>
                        </a:cubicBezTo>
                        <a:cubicBezTo>
                          <a:pt x="704897" y="643298"/>
                          <a:pt x="516352" y="772685"/>
                          <a:pt x="320259" y="736198"/>
                        </a:cubicBezTo>
                        <a:cubicBezTo>
                          <a:pt x="149185" y="704367"/>
                          <a:pt x="25134" y="555070"/>
                          <a:pt x="25173" y="381058"/>
                        </a:cubicBezTo>
                        <a:cubicBezTo>
                          <a:pt x="25173" y="204278"/>
                          <a:pt x="152659" y="57245"/>
                          <a:pt x="320656" y="26082"/>
                        </a:cubicBezTo>
                        <a:lnTo>
                          <a:pt x="324906" y="25515"/>
                        </a:lnTo>
                        <a:cubicBezTo>
                          <a:pt x="325472" y="25515"/>
                          <a:pt x="326039" y="25232"/>
                          <a:pt x="326889" y="25232"/>
                        </a:cubicBezTo>
                        <a:lnTo>
                          <a:pt x="327172" y="25232"/>
                        </a:lnTo>
                        <a:cubicBezTo>
                          <a:pt x="332742" y="23660"/>
                          <a:pt x="336572" y="18554"/>
                          <a:pt x="336521" y="12767"/>
                        </a:cubicBezTo>
                        <a:cubicBezTo>
                          <a:pt x="336569" y="5773"/>
                          <a:pt x="330937" y="65"/>
                          <a:pt x="323942" y="18"/>
                        </a:cubicBezTo>
                        <a:cubicBezTo>
                          <a:pt x="323923" y="18"/>
                          <a:pt x="323906" y="18"/>
                          <a:pt x="323886" y="18"/>
                        </a:cubicBezTo>
                        <a:lnTo>
                          <a:pt x="323886" y="18"/>
                        </a:lnTo>
                        <a:cubicBezTo>
                          <a:pt x="323211" y="-44"/>
                          <a:pt x="322531" y="53"/>
                          <a:pt x="321903" y="301"/>
                        </a:cubicBezTo>
                        <a:cubicBezTo>
                          <a:pt x="111476" y="35985"/>
                          <a:pt x="-30182" y="235496"/>
                          <a:pt x="5501" y="445923"/>
                        </a:cubicBezTo>
                        <a:cubicBezTo>
                          <a:pt x="37033" y="631867"/>
                          <a:pt x="198179" y="767894"/>
                          <a:pt x="386779" y="767764"/>
                        </a:cubicBezTo>
                        <a:cubicBezTo>
                          <a:pt x="600104" y="767764"/>
                          <a:pt x="773201" y="594100"/>
                          <a:pt x="773201" y="381058"/>
                        </a:cubicBezTo>
                        <a:cubicBezTo>
                          <a:pt x="773000" y="192994"/>
                          <a:pt x="637568" y="32325"/>
                          <a:pt x="452249" y="301"/>
                        </a:cubicBezTo>
                        <a:close/>
                      </a:path>
                    </a:pathLst>
                  </a:custGeom>
                  <a:solidFill>
                    <a:schemeClr val="accent2"/>
                  </a:solidFill>
                  <a:ln w="2811" cap="flat">
                    <a:noFill/>
                    <a:prstDash val="solid"/>
                    <a:miter/>
                  </a:ln>
                </p:spPr>
                <p:txBody>
                  <a:bodyPr rtlCol="0" anchor="ctr"/>
                  <a:lstStyle/>
                  <a:p>
                    <a:endParaRPr lang="en-US"/>
                  </a:p>
                </p:txBody>
              </p:sp>
            </p:grpSp>
            <p:grpSp>
              <p:nvGrpSpPr>
                <p:cNvPr id="242" name="Group 241">
                  <a:extLst>
                    <a:ext uri="{FF2B5EF4-FFF2-40B4-BE49-F238E27FC236}">
                      <a16:creationId xmlns:a16="http://schemas.microsoft.com/office/drawing/2014/main" id="{B397E6A9-FBDC-8A4B-8C9C-0A28314F2583}"/>
                    </a:ext>
                  </a:extLst>
                </p:cNvPr>
                <p:cNvGrpSpPr>
                  <a:grpSpLocks noChangeAspect="1"/>
                </p:cNvGrpSpPr>
                <p:nvPr/>
              </p:nvGrpSpPr>
              <p:grpSpPr>
                <a:xfrm>
                  <a:off x="7298281" y="5869023"/>
                  <a:ext cx="542254" cy="548640"/>
                  <a:chOff x="1530686" y="4897949"/>
                  <a:chExt cx="773201" cy="782307"/>
                </a:xfrm>
              </p:grpSpPr>
              <p:sp>
                <p:nvSpPr>
                  <p:cNvPr id="243" name="Graphic 4">
                    <a:extLst>
                      <a:ext uri="{FF2B5EF4-FFF2-40B4-BE49-F238E27FC236}">
                        <a16:creationId xmlns:a16="http://schemas.microsoft.com/office/drawing/2014/main" id="{3E8C3C76-2C52-B64F-96CA-439FFABDA4A8}"/>
                      </a:ext>
                    </a:extLst>
                  </p:cNvPr>
                  <p:cNvSpPr/>
                  <p:nvPr/>
                </p:nvSpPr>
                <p:spPr>
                  <a:xfrm>
                    <a:off x="1673239" y="5130596"/>
                    <a:ext cx="489054" cy="257435"/>
                  </a:xfrm>
                  <a:custGeom>
                    <a:avLst/>
                    <a:gdLst>
                      <a:gd name="connsiteX0" fmla="*/ 459875 w 489054"/>
                      <a:gd name="connsiteY0" fmla="*/ 10001 h 257435"/>
                      <a:gd name="connsiteX1" fmla="*/ 394489 w 489054"/>
                      <a:gd name="connsiteY1" fmla="*/ 10001 h 257435"/>
                      <a:gd name="connsiteX2" fmla="*/ 389865 w 489054"/>
                      <a:gd name="connsiteY2" fmla="*/ 4623 h 257435"/>
                      <a:gd name="connsiteX3" fmla="*/ 394489 w 489054"/>
                      <a:gd name="connsiteY3" fmla="*/ 0 h 257435"/>
                      <a:gd name="connsiteX4" fmla="*/ 459648 w 489054"/>
                      <a:gd name="connsiteY4" fmla="*/ 0 h 257435"/>
                      <a:gd name="connsiteX5" fmla="*/ 464271 w 489054"/>
                      <a:gd name="connsiteY5" fmla="*/ 5377 h 257435"/>
                      <a:gd name="connsiteX6" fmla="*/ 459648 w 489054"/>
                      <a:gd name="connsiteY6" fmla="*/ 10001 h 257435"/>
                      <a:gd name="connsiteX7" fmla="*/ 489055 w 489054"/>
                      <a:gd name="connsiteY7" fmla="*/ 35498 h 257435"/>
                      <a:gd name="connsiteX8" fmla="*/ 484069 w 489054"/>
                      <a:gd name="connsiteY8" fmla="*/ 30512 h 257435"/>
                      <a:gd name="connsiteX9" fmla="*/ 419759 w 489054"/>
                      <a:gd name="connsiteY9" fmla="*/ 30512 h 257435"/>
                      <a:gd name="connsiteX10" fmla="*/ 415136 w 489054"/>
                      <a:gd name="connsiteY10" fmla="*/ 35888 h 257435"/>
                      <a:gd name="connsiteX11" fmla="*/ 419759 w 489054"/>
                      <a:gd name="connsiteY11" fmla="*/ 40512 h 257435"/>
                      <a:gd name="connsiteX12" fmla="*/ 484069 w 489054"/>
                      <a:gd name="connsiteY12" fmla="*/ 40512 h 257435"/>
                      <a:gd name="connsiteX13" fmla="*/ 489055 w 489054"/>
                      <a:gd name="connsiteY13" fmla="*/ 35527 h 257435"/>
                      <a:gd name="connsiteX14" fmla="*/ 489055 w 489054"/>
                      <a:gd name="connsiteY14" fmla="*/ 35413 h 257435"/>
                      <a:gd name="connsiteX15" fmla="*/ 451149 w 489054"/>
                      <a:gd name="connsiteY15" fmla="*/ 65839 h 257435"/>
                      <a:gd name="connsiteX16" fmla="*/ 446163 w 489054"/>
                      <a:gd name="connsiteY16" fmla="*/ 60853 h 257435"/>
                      <a:gd name="connsiteX17" fmla="*/ 394489 w 489054"/>
                      <a:gd name="connsiteY17" fmla="*/ 60853 h 257435"/>
                      <a:gd name="connsiteX18" fmla="*/ 389865 w 489054"/>
                      <a:gd name="connsiteY18" fmla="*/ 66230 h 257435"/>
                      <a:gd name="connsiteX19" fmla="*/ 394489 w 489054"/>
                      <a:gd name="connsiteY19" fmla="*/ 70854 h 257435"/>
                      <a:gd name="connsiteX20" fmla="*/ 446163 w 489054"/>
                      <a:gd name="connsiteY20" fmla="*/ 70854 h 257435"/>
                      <a:gd name="connsiteX21" fmla="*/ 451149 w 489054"/>
                      <a:gd name="connsiteY21" fmla="*/ 65867 h 257435"/>
                      <a:gd name="connsiteX22" fmla="*/ 451149 w 489054"/>
                      <a:gd name="connsiteY22" fmla="*/ 65839 h 257435"/>
                      <a:gd name="connsiteX23" fmla="*/ 68409 w 489054"/>
                      <a:gd name="connsiteY23" fmla="*/ 229134 h 257435"/>
                      <a:gd name="connsiteX24" fmla="*/ 63423 w 489054"/>
                      <a:gd name="connsiteY24" fmla="*/ 224148 h 257435"/>
                      <a:gd name="connsiteX25" fmla="*/ 4638 w 489054"/>
                      <a:gd name="connsiteY25" fmla="*/ 224148 h 257435"/>
                      <a:gd name="connsiteX26" fmla="*/ 14 w 489054"/>
                      <a:gd name="connsiteY26" fmla="*/ 229525 h 257435"/>
                      <a:gd name="connsiteX27" fmla="*/ 4638 w 489054"/>
                      <a:gd name="connsiteY27" fmla="*/ 234148 h 257435"/>
                      <a:gd name="connsiteX28" fmla="*/ 63423 w 489054"/>
                      <a:gd name="connsiteY28" fmla="*/ 234148 h 257435"/>
                      <a:gd name="connsiteX29" fmla="*/ 68409 w 489054"/>
                      <a:gd name="connsiteY29" fmla="*/ 229162 h 257435"/>
                      <a:gd name="connsiteX30" fmla="*/ 68409 w 489054"/>
                      <a:gd name="connsiteY30" fmla="*/ 229134 h 257435"/>
                      <a:gd name="connsiteX31" fmla="*/ 68409 w 489054"/>
                      <a:gd name="connsiteY31" fmla="*/ 252450 h 257435"/>
                      <a:gd name="connsiteX32" fmla="*/ 63423 w 489054"/>
                      <a:gd name="connsiteY32" fmla="*/ 247463 h 257435"/>
                      <a:gd name="connsiteX33" fmla="*/ 22571 w 489054"/>
                      <a:gd name="connsiteY33" fmla="*/ 247463 h 257435"/>
                      <a:gd name="connsiteX34" fmla="*/ 17585 w 489054"/>
                      <a:gd name="connsiteY34" fmla="*/ 252450 h 257435"/>
                      <a:gd name="connsiteX35" fmla="*/ 22571 w 489054"/>
                      <a:gd name="connsiteY35" fmla="*/ 257436 h 257435"/>
                      <a:gd name="connsiteX36" fmla="*/ 63423 w 489054"/>
                      <a:gd name="connsiteY36" fmla="*/ 257436 h 257435"/>
                      <a:gd name="connsiteX37" fmla="*/ 68409 w 489054"/>
                      <a:gd name="connsiteY37" fmla="*/ 252450 h 2574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489054" h="257435">
                        <a:moveTo>
                          <a:pt x="459875" y="10001"/>
                        </a:moveTo>
                        <a:lnTo>
                          <a:pt x="394489" y="10001"/>
                        </a:lnTo>
                        <a:cubicBezTo>
                          <a:pt x="391727" y="9793"/>
                          <a:pt x="389658" y="7385"/>
                          <a:pt x="389865" y="4623"/>
                        </a:cubicBezTo>
                        <a:cubicBezTo>
                          <a:pt x="390052" y="2151"/>
                          <a:pt x="392016" y="186"/>
                          <a:pt x="394489" y="0"/>
                        </a:cubicBezTo>
                        <a:lnTo>
                          <a:pt x="459648" y="0"/>
                        </a:lnTo>
                        <a:cubicBezTo>
                          <a:pt x="462410" y="208"/>
                          <a:pt x="464478" y="2615"/>
                          <a:pt x="464271" y="5377"/>
                        </a:cubicBezTo>
                        <a:cubicBezTo>
                          <a:pt x="464084" y="7849"/>
                          <a:pt x="462121" y="9814"/>
                          <a:pt x="459648" y="10001"/>
                        </a:cubicBezTo>
                        <a:close/>
                        <a:moveTo>
                          <a:pt x="489055" y="35498"/>
                        </a:moveTo>
                        <a:cubicBezTo>
                          <a:pt x="489055" y="32744"/>
                          <a:pt x="486822" y="30512"/>
                          <a:pt x="484069" y="30512"/>
                        </a:cubicBezTo>
                        <a:lnTo>
                          <a:pt x="419759" y="30512"/>
                        </a:lnTo>
                        <a:cubicBezTo>
                          <a:pt x="416997" y="30719"/>
                          <a:pt x="414929" y="33127"/>
                          <a:pt x="415136" y="35888"/>
                        </a:cubicBezTo>
                        <a:cubicBezTo>
                          <a:pt x="415323" y="38361"/>
                          <a:pt x="417286" y="40326"/>
                          <a:pt x="419759" y="40512"/>
                        </a:cubicBezTo>
                        <a:lnTo>
                          <a:pt x="484069" y="40512"/>
                        </a:lnTo>
                        <a:cubicBezTo>
                          <a:pt x="486822" y="40513"/>
                          <a:pt x="489055" y="38281"/>
                          <a:pt x="489055" y="35527"/>
                        </a:cubicBezTo>
                        <a:cubicBezTo>
                          <a:pt x="489055" y="35489"/>
                          <a:pt x="489055" y="35451"/>
                          <a:pt x="489055" y="35413"/>
                        </a:cubicBezTo>
                        <a:close/>
                        <a:moveTo>
                          <a:pt x="451149" y="65839"/>
                        </a:moveTo>
                        <a:cubicBezTo>
                          <a:pt x="451149" y="63085"/>
                          <a:pt x="448917" y="60853"/>
                          <a:pt x="446163" y="60853"/>
                        </a:cubicBezTo>
                        <a:lnTo>
                          <a:pt x="394489" y="60853"/>
                        </a:lnTo>
                        <a:cubicBezTo>
                          <a:pt x="391727" y="61060"/>
                          <a:pt x="389658" y="63468"/>
                          <a:pt x="389865" y="66230"/>
                        </a:cubicBezTo>
                        <a:cubicBezTo>
                          <a:pt x="390052" y="68703"/>
                          <a:pt x="392016" y="70667"/>
                          <a:pt x="394489" y="70854"/>
                        </a:cubicBezTo>
                        <a:lnTo>
                          <a:pt x="446163" y="70854"/>
                        </a:lnTo>
                        <a:cubicBezTo>
                          <a:pt x="448917" y="70854"/>
                          <a:pt x="451149" y="68621"/>
                          <a:pt x="451149" y="65867"/>
                        </a:cubicBezTo>
                        <a:cubicBezTo>
                          <a:pt x="451149" y="65859"/>
                          <a:pt x="451149" y="65848"/>
                          <a:pt x="451149" y="65839"/>
                        </a:cubicBezTo>
                        <a:close/>
                        <a:moveTo>
                          <a:pt x="68409" y="229134"/>
                        </a:moveTo>
                        <a:cubicBezTo>
                          <a:pt x="68409" y="226380"/>
                          <a:pt x="66177" y="224148"/>
                          <a:pt x="63423" y="224148"/>
                        </a:cubicBezTo>
                        <a:lnTo>
                          <a:pt x="4638" y="224148"/>
                        </a:lnTo>
                        <a:cubicBezTo>
                          <a:pt x="1877" y="224355"/>
                          <a:pt x="-194" y="226763"/>
                          <a:pt x="14" y="229525"/>
                        </a:cubicBezTo>
                        <a:cubicBezTo>
                          <a:pt x="201" y="231998"/>
                          <a:pt x="2166" y="233961"/>
                          <a:pt x="4638" y="234148"/>
                        </a:cubicBezTo>
                        <a:lnTo>
                          <a:pt x="63423" y="234148"/>
                        </a:lnTo>
                        <a:cubicBezTo>
                          <a:pt x="66177" y="234148"/>
                          <a:pt x="68409" y="231916"/>
                          <a:pt x="68409" y="229162"/>
                        </a:cubicBezTo>
                        <a:cubicBezTo>
                          <a:pt x="68409" y="229154"/>
                          <a:pt x="68409" y="229142"/>
                          <a:pt x="68409" y="229134"/>
                        </a:cubicBezTo>
                        <a:close/>
                        <a:moveTo>
                          <a:pt x="68409" y="252450"/>
                        </a:moveTo>
                        <a:cubicBezTo>
                          <a:pt x="68409" y="249696"/>
                          <a:pt x="66177" y="247463"/>
                          <a:pt x="63423" y="247463"/>
                        </a:cubicBezTo>
                        <a:lnTo>
                          <a:pt x="22571" y="247463"/>
                        </a:lnTo>
                        <a:cubicBezTo>
                          <a:pt x="19817" y="247463"/>
                          <a:pt x="17585" y="249696"/>
                          <a:pt x="17585" y="252450"/>
                        </a:cubicBezTo>
                        <a:cubicBezTo>
                          <a:pt x="17585" y="255203"/>
                          <a:pt x="19817" y="257436"/>
                          <a:pt x="22571" y="257436"/>
                        </a:cubicBezTo>
                        <a:lnTo>
                          <a:pt x="63423" y="257436"/>
                        </a:lnTo>
                        <a:cubicBezTo>
                          <a:pt x="66177" y="257436"/>
                          <a:pt x="68409" y="255203"/>
                          <a:pt x="68409" y="252450"/>
                        </a:cubicBezTo>
                        <a:close/>
                      </a:path>
                    </a:pathLst>
                  </a:custGeom>
                  <a:solidFill>
                    <a:schemeClr val="accent2"/>
                  </a:solidFill>
                  <a:ln w="2811" cap="flat">
                    <a:noFill/>
                    <a:prstDash val="solid"/>
                    <a:miter/>
                  </a:ln>
                </p:spPr>
                <p:txBody>
                  <a:bodyPr rtlCol="0" anchor="ctr"/>
                  <a:lstStyle/>
                  <a:p>
                    <a:endParaRPr lang="en-US"/>
                  </a:p>
                </p:txBody>
              </p:sp>
              <p:sp>
                <p:nvSpPr>
                  <p:cNvPr id="244" name="Graphic 4">
                    <a:extLst>
                      <a:ext uri="{FF2B5EF4-FFF2-40B4-BE49-F238E27FC236}">
                        <a16:creationId xmlns:a16="http://schemas.microsoft.com/office/drawing/2014/main" id="{8337D59C-0252-7443-A683-BE1E2EA9E502}"/>
                      </a:ext>
                    </a:extLst>
                  </p:cNvPr>
                  <p:cNvSpPr/>
                  <p:nvPr/>
                </p:nvSpPr>
                <p:spPr>
                  <a:xfrm>
                    <a:off x="1618020" y="4991864"/>
                    <a:ext cx="601747" cy="604536"/>
                  </a:xfrm>
                  <a:custGeom>
                    <a:avLst/>
                    <a:gdLst>
                      <a:gd name="connsiteX0" fmla="*/ 302391 w 601747"/>
                      <a:gd name="connsiteY0" fmla="*/ 482 h 604536"/>
                      <a:gd name="connsiteX1" fmla="*/ 0 w 601747"/>
                      <a:gd name="connsiteY1" fmla="*/ 302373 h 604536"/>
                      <a:gd name="connsiteX2" fmla="*/ 119804 w 601747"/>
                      <a:gd name="connsiteY2" fmla="*/ 543541 h 604536"/>
                      <a:gd name="connsiteX3" fmla="*/ 119804 w 601747"/>
                      <a:gd name="connsiteY3" fmla="*/ 543541 h 604536"/>
                      <a:gd name="connsiteX4" fmla="*/ 130087 w 601747"/>
                      <a:gd name="connsiteY4" fmla="*/ 551021 h 604536"/>
                      <a:gd name="connsiteX5" fmla="*/ 163262 w 601747"/>
                      <a:gd name="connsiteY5" fmla="*/ 571050 h 604536"/>
                      <a:gd name="connsiteX6" fmla="*/ 173942 w 601747"/>
                      <a:gd name="connsiteY6" fmla="*/ 576348 h 604536"/>
                      <a:gd name="connsiteX7" fmla="*/ 248819 w 601747"/>
                      <a:gd name="connsiteY7" fmla="*/ 600145 h 604536"/>
                      <a:gd name="connsiteX8" fmla="*/ 248819 w 601747"/>
                      <a:gd name="connsiteY8" fmla="*/ 600145 h 604536"/>
                      <a:gd name="connsiteX9" fmla="*/ 255788 w 601747"/>
                      <a:gd name="connsiteY9" fmla="*/ 601307 h 604536"/>
                      <a:gd name="connsiteX10" fmla="*/ 256553 w 601747"/>
                      <a:gd name="connsiteY10" fmla="*/ 601307 h 604536"/>
                      <a:gd name="connsiteX11" fmla="*/ 262956 w 601747"/>
                      <a:gd name="connsiteY11" fmla="*/ 602213 h 604536"/>
                      <a:gd name="connsiteX12" fmla="*/ 264145 w 601747"/>
                      <a:gd name="connsiteY12" fmla="*/ 602355 h 604536"/>
                      <a:gd name="connsiteX13" fmla="*/ 270236 w 601747"/>
                      <a:gd name="connsiteY13" fmla="*/ 603063 h 604536"/>
                      <a:gd name="connsiteX14" fmla="*/ 271653 w 601747"/>
                      <a:gd name="connsiteY14" fmla="*/ 603205 h 604536"/>
                      <a:gd name="connsiteX15" fmla="*/ 277772 w 601747"/>
                      <a:gd name="connsiteY15" fmla="*/ 603771 h 604536"/>
                      <a:gd name="connsiteX16" fmla="*/ 279160 w 601747"/>
                      <a:gd name="connsiteY16" fmla="*/ 603771 h 604536"/>
                      <a:gd name="connsiteX17" fmla="*/ 280010 w 601747"/>
                      <a:gd name="connsiteY17" fmla="*/ 603771 h 604536"/>
                      <a:gd name="connsiteX18" fmla="*/ 291144 w 601747"/>
                      <a:gd name="connsiteY18" fmla="*/ 604366 h 604536"/>
                      <a:gd name="connsiteX19" fmla="*/ 292136 w 601747"/>
                      <a:gd name="connsiteY19" fmla="*/ 604366 h 604536"/>
                      <a:gd name="connsiteX20" fmla="*/ 301513 w 601747"/>
                      <a:gd name="connsiteY20" fmla="*/ 604536 h 604536"/>
                      <a:gd name="connsiteX21" fmla="*/ 302391 w 601747"/>
                      <a:gd name="connsiteY21" fmla="*/ 604536 h 604536"/>
                      <a:gd name="connsiteX22" fmla="*/ 601733 w 601747"/>
                      <a:gd name="connsiteY22" fmla="*/ 299342 h 604536"/>
                      <a:gd name="connsiteX23" fmla="*/ 302391 w 601747"/>
                      <a:gd name="connsiteY23" fmla="*/ 0 h 604536"/>
                      <a:gd name="connsiteX24" fmla="*/ 302731 w 601747"/>
                      <a:gd name="connsiteY24" fmla="*/ 467135 h 604536"/>
                      <a:gd name="connsiteX25" fmla="*/ 361686 w 601747"/>
                      <a:gd name="connsiteY25" fmla="*/ 491471 h 604536"/>
                      <a:gd name="connsiteX26" fmla="*/ 361686 w 601747"/>
                      <a:gd name="connsiteY26" fmla="*/ 463764 h 604536"/>
                      <a:gd name="connsiteX27" fmla="*/ 373670 w 601747"/>
                      <a:gd name="connsiteY27" fmla="*/ 465577 h 604536"/>
                      <a:gd name="connsiteX28" fmla="*/ 317746 w 601747"/>
                      <a:gd name="connsiteY28" fmla="*/ 594592 h 604536"/>
                      <a:gd name="connsiteX29" fmla="*/ 302391 w 601747"/>
                      <a:gd name="connsiteY29" fmla="*/ 594989 h 604536"/>
                      <a:gd name="connsiteX30" fmla="*/ 287489 w 601747"/>
                      <a:gd name="connsiteY30" fmla="*/ 594621 h 604536"/>
                      <a:gd name="connsiteX31" fmla="*/ 231566 w 601747"/>
                      <a:gd name="connsiteY31" fmla="*/ 465577 h 604536"/>
                      <a:gd name="connsiteX32" fmla="*/ 243521 w 601747"/>
                      <a:gd name="connsiteY32" fmla="*/ 463764 h 604536"/>
                      <a:gd name="connsiteX33" fmla="*/ 243521 w 601747"/>
                      <a:gd name="connsiteY33" fmla="*/ 491471 h 604536"/>
                      <a:gd name="connsiteX34" fmla="*/ 220149 w 601747"/>
                      <a:gd name="connsiteY34" fmla="*/ 298118 h 604536"/>
                      <a:gd name="connsiteX35" fmla="*/ 219667 w 601747"/>
                      <a:gd name="connsiteY35" fmla="*/ 277125 h 604536"/>
                      <a:gd name="connsiteX36" fmla="*/ 261086 w 601747"/>
                      <a:gd name="connsiteY36" fmla="*/ 190180 h 604536"/>
                      <a:gd name="connsiteX37" fmla="*/ 386532 w 601747"/>
                      <a:gd name="connsiteY37" fmla="*/ 298118 h 604536"/>
                      <a:gd name="connsiteX38" fmla="*/ 386532 w 601747"/>
                      <a:gd name="connsiteY38" fmla="*/ 300667 h 604536"/>
                      <a:gd name="connsiteX39" fmla="*/ 401008 w 601747"/>
                      <a:gd name="connsiteY39" fmla="*/ 300356 h 604536"/>
                      <a:gd name="connsiteX40" fmla="*/ 401008 w 601747"/>
                      <a:gd name="connsiteY40" fmla="*/ 297919 h 604536"/>
                      <a:gd name="connsiteX41" fmla="*/ 405201 w 601747"/>
                      <a:gd name="connsiteY41" fmla="*/ 275454 h 604536"/>
                      <a:gd name="connsiteX42" fmla="*/ 414352 w 601747"/>
                      <a:gd name="connsiteY42" fmla="*/ 271572 h 604536"/>
                      <a:gd name="connsiteX43" fmla="*/ 416958 w 601747"/>
                      <a:gd name="connsiteY43" fmla="*/ 291403 h 604536"/>
                      <a:gd name="connsiteX44" fmla="*/ 416958 w 601747"/>
                      <a:gd name="connsiteY44" fmla="*/ 292933 h 604536"/>
                      <a:gd name="connsiteX45" fmla="*/ 400782 w 601747"/>
                      <a:gd name="connsiteY45" fmla="*/ 339706 h 604536"/>
                      <a:gd name="connsiteX46" fmla="*/ 399195 w 601747"/>
                      <a:gd name="connsiteY46" fmla="*/ 339706 h 604536"/>
                      <a:gd name="connsiteX47" fmla="*/ 398515 w 601747"/>
                      <a:gd name="connsiteY47" fmla="*/ 341179 h 604536"/>
                      <a:gd name="connsiteX48" fmla="*/ 302618 w 601747"/>
                      <a:gd name="connsiteY48" fmla="*/ 413450 h 604536"/>
                      <a:gd name="connsiteX49" fmla="*/ 207174 w 601747"/>
                      <a:gd name="connsiteY49" fmla="*/ 341179 h 604536"/>
                      <a:gd name="connsiteX50" fmla="*/ 206494 w 601747"/>
                      <a:gd name="connsiteY50" fmla="*/ 339678 h 604536"/>
                      <a:gd name="connsiteX51" fmla="*/ 204822 w 601747"/>
                      <a:gd name="connsiteY51" fmla="*/ 339678 h 604536"/>
                      <a:gd name="connsiteX52" fmla="*/ 198816 w 601747"/>
                      <a:gd name="connsiteY52" fmla="*/ 337100 h 604536"/>
                      <a:gd name="connsiteX53" fmla="*/ 187852 w 601747"/>
                      <a:gd name="connsiteY53" fmla="*/ 296276 h 604536"/>
                      <a:gd name="connsiteX54" fmla="*/ 190969 w 601747"/>
                      <a:gd name="connsiteY54" fmla="*/ 270213 h 604536"/>
                      <a:gd name="connsiteX55" fmla="*/ 195813 w 601747"/>
                      <a:gd name="connsiteY55" fmla="*/ 270553 h 604536"/>
                      <a:gd name="connsiteX56" fmla="*/ 204029 w 601747"/>
                      <a:gd name="connsiteY56" fmla="*/ 281630 h 604536"/>
                      <a:gd name="connsiteX57" fmla="*/ 205672 w 601747"/>
                      <a:gd name="connsiteY57" fmla="*/ 298033 h 604536"/>
                      <a:gd name="connsiteX58" fmla="*/ 205672 w 601747"/>
                      <a:gd name="connsiteY58" fmla="*/ 300469 h 604536"/>
                      <a:gd name="connsiteX59" fmla="*/ 220149 w 601747"/>
                      <a:gd name="connsiteY59" fmla="*/ 300781 h 604536"/>
                      <a:gd name="connsiteX60" fmla="*/ 302391 w 601747"/>
                      <a:gd name="connsiteY60" fmla="*/ 424583 h 604536"/>
                      <a:gd name="connsiteX61" fmla="*/ 338597 w 601747"/>
                      <a:gd name="connsiteY61" fmla="*/ 417926 h 604536"/>
                      <a:gd name="connsiteX62" fmla="*/ 338597 w 601747"/>
                      <a:gd name="connsiteY62" fmla="*/ 432969 h 604536"/>
                      <a:gd name="connsiteX63" fmla="*/ 302589 w 601747"/>
                      <a:gd name="connsiteY63" fmla="*/ 447814 h 604536"/>
                      <a:gd name="connsiteX64" fmla="*/ 266525 w 601747"/>
                      <a:gd name="connsiteY64" fmla="*/ 432941 h 604536"/>
                      <a:gd name="connsiteX65" fmla="*/ 266525 w 601747"/>
                      <a:gd name="connsiteY65" fmla="*/ 418011 h 604536"/>
                      <a:gd name="connsiteX66" fmla="*/ 302391 w 601747"/>
                      <a:gd name="connsiteY66" fmla="*/ 424583 h 604536"/>
                      <a:gd name="connsiteX67" fmla="*/ 350297 w 601747"/>
                      <a:gd name="connsiteY67" fmla="*/ 440250 h 604536"/>
                      <a:gd name="connsiteX68" fmla="*/ 350297 w 601747"/>
                      <a:gd name="connsiteY68" fmla="*/ 474558 h 604536"/>
                      <a:gd name="connsiteX69" fmla="*/ 308737 w 601747"/>
                      <a:gd name="connsiteY69" fmla="*/ 457390 h 604536"/>
                      <a:gd name="connsiteX70" fmla="*/ 296470 w 601747"/>
                      <a:gd name="connsiteY70" fmla="*/ 457390 h 604536"/>
                      <a:gd name="connsiteX71" fmla="*/ 254910 w 601747"/>
                      <a:gd name="connsiteY71" fmla="*/ 474558 h 604536"/>
                      <a:gd name="connsiteX72" fmla="*/ 254910 w 601747"/>
                      <a:gd name="connsiteY72" fmla="*/ 440250 h 604536"/>
                      <a:gd name="connsiteX73" fmla="*/ 430953 w 601747"/>
                      <a:gd name="connsiteY73" fmla="*/ 483822 h 604536"/>
                      <a:gd name="connsiteX74" fmla="*/ 473023 w 601747"/>
                      <a:gd name="connsiteY74" fmla="*/ 539377 h 604536"/>
                      <a:gd name="connsiteX75" fmla="*/ 440585 w 601747"/>
                      <a:gd name="connsiteY75" fmla="*/ 559860 h 604536"/>
                      <a:gd name="connsiteX76" fmla="*/ 330098 w 601747"/>
                      <a:gd name="connsiteY76" fmla="*/ 593572 h 604536"/>
                      <a:gd name="connsiteX77" fmla="*/ 330098 w 601747"/>
                      <a:gd name="connsiteY77" fmla="*/ 593572 h 604536"/>
                      <a:gd name="connsiteX78" fmla="*/ 384775 w 601747"/>
                      <a:gd name="connsiteY78" fmla="*/ 467645 h 604536"/>
                      <a:gd name="connsiteX79" fmla="*/ 418771 w 601747"/>
                      <a:gd name="connsiteY79" fmla="*/ 478014 h 604536"/>
                      <a:gd name="connsiteX80" fmla="*/ 429877 w 601747"/>
                      <a:gd name="connsiteY80" fmla="*/ 565441 h 604536"/>
                      <a:gd name="connsiteX81" fmla="*/ 330098 w 601747"/>
                      <a:gd name="connsiteY81" fmla="*/ 593657 h 604536"/>
                      <a:gd name="connsiteX82" fmla="*/ 274996 w 601747"/>
                      <a:gd name="connsiteY82" fmla="*/ 593572 h 604536"/>
                      <a:gd name="connsiteX83" fmla="*/ 175274 w 601747"/>
                      <a:gd name="connsiteY83" fmla="*/ 565781 h 604536"/>
                      <a:gd name="connsiteX84" fmla="*/ 186408 w 601747"/>
                      <a:gd name="connsiteY84" fmla="*/ 477957 h 604536"/>
                      <a:gd name="connsiteX85" fmla="*/ 220404 w 601747"/>
                      <a:gd name="connsiteY85" fmla="*/ 467617 h 604536"/>
                      <a:gd name="connsiteX86" fmla="*/ 164508 w 601747"/>
                      <a:gd name="connsiteY86" fmla="*/ 560313 h 604536"/>
                      <a:gd name="connsiteX87" fmla="*/ 131929 w 601747"/>
                      <a:gd name="connsiteY87" fmla="*/ 540000 h 604536"/>
                      <a:gd name="connsiteX88" fmla="*/ 174226 w 601747"/>
                      <a:gd name="connsiteY88" fmla="*/ 483737 h 604536"/>
                      <a:gd name="connsiteX89" fmla="*/ 482797 w 601747"/>
                      <a:gd name="connsiteY89" fmla="*/ 532209 h 604536"/>
                      <a:gd name="connsiteX90" fmla="*/ 482797 w 601747"/>
                      <a:gd name="connsiteY90" fmla="*/ 531898 h 604536"/>
                      <a:gd name="connsiteX91" fmla="*/ 479114 w 601747"/>
                      <a:gd name="connsiteY91" fmla="*/ 520792 h 604536"/>
                      <a:gd name="connsiteX92" fmla="*/ 361573 w 601747"/>
                      <a:gd name="connsiteY92" fmla="*/ 452177 h 604536"/>
                      <a:gd name="connsiteX93" fmla="*/ 361573 w 601747"/>
                      <a:gd name="connsiteY93" fmla="*/ 423507 h 604536"/>
                      <a:gd name="connsiteX94" fmla="*/ 349929 w 601747"/>
                      <a:gd name="connsiteY94" fmla="*/ 428295 h 604536"/>
                      <a:gd name="connsiteX95" fmla="*/ 349929 w 601747"/>
                      <a:gd name="connsiteY95" fmla="*/ 412741 h 604536"/>
                      <a:gd name="connsiteX96" fmla="*/ 406731 w 601747"/>
                      <a:gd name="connsiteY96" fmla="*/ 349707 h 604536"/>
                      <a:gd name="connsiteX97" fmla="*/ 427242 w 601747"/>
                      <a:gd name="connsiteY97" fmla="*/ 305795 h 604536"/>
                      <a:gd name="connsiteX98" fmla="*/ 423786 w 601747"/>
                      <a:gd name="connsiteY98" fmla="*/ 264405 h 604536"/>
                      <a:gd name="connsiteX99" fmla="*/ 403785 w 601747"/>
                      <a:gd name="connsiteY99" fmla="*/ 153917 h 604536"/>
                      <a:gd name="connsiteX100" fmla="*/ 303808 w 601747"/>
                      <a:gd name="connsiteY100" fmla="*/ 125786 h 604536"/>
                      <a:gd name="connsiteX101" fmla="*/ 303298 w 601747"/>
                      <a:gd name="connsiteY101" fmla="*/ 125786 h 604536"/>
                      <a:gd name="connsiteX102" fmla="*/ 202896 w 601747"/>
                      <a:gd name="connsiteY102" fmla="*/ 153946 h 604536"/>
                      <a:gd name="connsiteX103" fmla="*/ 182498 w 601747"/>
                      <a:gd name="connsiteY103" fmla="*/ 262082 h 604536"/>
                      <a:gd name="connsiteX104" fmla="*/ 177172 w 601747"/>
                      <a:gd name="connsiteY104" fmla="*/ 305824 h 604536"/>
                      <a:gd name="connsiteX105" fmla="*/ 198675 w 601747"/>
                      <a:gd name="connsiteY105" fmla="*/ 349877 h 604536"/>
                      <a:gd name="connsiteX106" fmla="*/ 255335 w 601747"/>
                      <a:gd name="connsiteY106" fmla="*/ 412968 h 604536"/>
                      <a:gd name="connsiteX107" fmla="*/ 255335 w 601747"/>
                      <a:gd name="connsiteY107" fmla="*/ 428408 h 604536"/>
                      <a:gd name="connsiteX108" fmla="*/ 243691 w 601747"/>
                      <a:gd name="connsiteY108" fmla="*/ 423620 h 604536"/>
                      <a:gd name="connsiteX109" fmla="*/ 243691 w 601747"/>
                      <a:gd name="connsiteY109" fmla="*/ 452432 h 604536"/>
                      <a:gd name="connsiteX110" fmla="*/ 126150 w 601747"/>
                      <a:gd name="connsiteY110" fmla="*/ 521047 h 604536"/>
                      <a:gd name="connsiteX111" fmla="*/ 122268 w 601747"/>
                      <a:gd name="connsiteY111" fmla="*/ 532889 h 604536"/>
                      <a:gd name="connsiteX112" fmla="*/ 72140 w 601747"/>
                      <a:gd name="connsiteY112" fmla="*/ 122632 h 604536"/>
                      <a:gd name="connsiteX113" fmla="*/ 482398 w 601747"/>
                      <a:gd name="connsiteY113" fmla="*/ 72503 h 604536"/>
                      <a:gd name="connsiteX114" fmla="*/ 532525 w 601747"/>
                      <a:gd name="connsiteY114" fmla="*/ 482759 h 604536"/>
                      <a:gd name="connsiteX115" fmla="*/ 482939 w 601747"/>
                      <a:gd name="connsiteY115" fmla="*/ 532464 h 6045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Lst>
                    <a:rect l="l" t="t" r="r" b="b"/>
                    <a:pathLst>
                      <a:path w="601747" h="604536">
                        <a:moveTo>
                          <a:pt x="302391" y="482"/>
                        </a:moveTo>
                        <a:cubicBezTo>
                          <a:pt x="135524" y="343"/>
                          <a:pt x="139" y="135504"/>
                          <a:pt x="0" y="302373"/>
                        </a:cubicBezTo>
                        <a:cubicBezTo>
                          <a:pt x="-78" y="397097"/>
                          <a:pt x="44272" y="486377"/>
                          <a:pt x="119804" y="543541"/>
                        </a:cubicBezTo>
                        <a:lnTo>
                          <a:pt x="119804" y="543541"/>
                        </a:lnTo>
                        <a:cubicBezTo>
                          <a:pt x="123203" y="546128"/>
                          <a:pt x="126631" y="548621"/>
                          <a:pt x="130087" y="551021"/>
                        </a:cubicBezTo>
                        <a:cubicBezTo>
                          <a:pt x="140696" y="558415"/>
                          <a:pt x="151778" y="565106"/>
                          <a:pt x="163262" y="571050"/>
                        </a:cubicBezTo>
                        <a:cubicBezTo>
                          <a:pt x="166803" y="572891"/>
                          <a:pt x="170344" y="574676"/>
                          <a:pt x="173942" y="576348"/>
                        </a:cubicBezTo>
                        <a:cubicBezTo>
                          <a:pt x="197748" y="587532"/>
                          <a:pt x="222922" y="595533"/>
                          <a:pt x="248819" y="600145"/>
                        </a:cubicBezTo>
                        <a:lnTo>
                          <a:pt x="248819" y="600145"/>
                        </a:lnTo>
                        <a:lnTo>
                          <a:pt x="255788" y="601307"/>
                        </a:lnTo>
                        <a:lnTo>
                          <a:pt x="256553" y="601307"/>
                        </a:lnTo>
                        <a:lnTo>
                          <a:pt x="262956" y="602213"/>
                        </a:lnTo>
                        <a:lnTo>
                          <a:pt x="264145" y="602355"/>
                        </a:lnTo>
                        <a:lnTo>
                          <a:pt x="270236" y="603063"/>
                        </a:lnTo>
                        <a:lnTo>
                          <a:pt x="271653" y="603205"/>
                        </a:lnTo>
                        <a:cubicBezTo>
                          <a:pt x="273693" y="603431"/>
                          <a:pt x="275732" y="603601"/>
                          <a:pt x="277772" y="603771"/>
                        </a:cubicBezTo>
                        <a:lnTo>
                          <a:pt x="279160" y="603771"/>
                        </a:lnTo>
                        <a:lnTo>
                          <a:pt x="280010" y="603771"/>
                        </a:lnTo>
                        <a:cubicBezTo>
                          <a:pt x="283787" y="604018"/>
                          <a:pt x="287498" y="604216"/>
                          <a:pt x="291144" y="604366"/>
                        </a:cubicBezTo>
                        <a:lnTo>
                          <a:pt x="292136" y="604366"/>
                        </a:lnTo>
                        <a:cubicBezTo>
                          <a:pt x="295252" y="604366"/>
                          <a:pt x="298368" y="604536"/>
                          <a:pt x="301513" y="604536"/>
                        </a:cubicBezTo>
                        <a:lnTo>
                          <a:pt x="302391" y="604536"/>
                        </a:lnTo>
                        <a:cubicBezTo>
                          <a:pt x="469329" y="602921"/>
                          <a:pt x="603350" y="466280"/>
                          <a:pt x="601733" y="299342"/>
                        </a:cubicBezTo>
                        <a:cubicBezTo>
                          <a:pt x="600138" y="134685"/>
                          <a:pt x="467049" y="1594"/>
                          <a:pt x="302391" y="0"/>
                        </a:cubicBezTo>
                        <a:close/>
                        <a:moveTo>
                          <a:pt x="302731" y="467135"/>
                        </a:moveTo>
                        <a:lnTo>
                          <a:pt x="361686" y="491471"/>
                        </a:lnTo>
                        <a:lnTo>
                          <a:pt x="361686" y="463764"/>
                        </a:lnTo>
                        <a:cubicBezTo>
                          <a:pt x="365766" y="464302"/>
                          <a:pt x="369760" y="464925"/>
                          <a:pt x="373670" y="465577"/>
                        </a:cubicBezTo>
                        <a:lnTo>
                          <a:pt x="317746" y="594592"/>
                        </a:lnTo>
                        <a:cubicBezTo>
                          <a:pt x="312647" y="594847"/>
                          <a:pt x="307547" y="594989"/>
                          <a:pt x="302391" y="594989"/>
                        </a:cubicBezTo>
                        <a:cubicBezTo>
                          <a:pt x="297235" y="594989"/>
                          <a:pt x="292419" y="594989"/>
                          <a:pt x="287489" y="594621"/>
                        </a:cubicBezTo>
                        <a:lnTo>
                          <a:pt x="231566" y="465577"/>
                        </a:lnTo>
                        <a:cubicBezTo>
                          <a:pt x="235447" y="464925"/>
                          <a:pt x="239442" y="464302"/>
                          <a:pt x="243521" y="463764"/>
                        </a:cubicBezTo>
                        <a:lnTo>
                          <a:pt x="243521" y="491471"/>
                        </a:lnTo>
                        <a:close/>
                        <a:moveTo>
                          <a:pt x="220149" y="298118"/>
                        </a:moveTo>
                        <a:cubicBezTo>
                          <a:pt x="220149" y="290752"/>
                          <a:pt x="219894" y="283811"/>
                          <a:pt x="219667" y="277125"/>
                        </a:cubicBezTo>
                        <a:cubicBezTo>
                          <a:pt x="218307" y="238908"/>
                          <a:pt x="217401" y="213609"/>
                          <a:pt x="261086" y="190180"/>
                        </a:cubicBezTo>
                        <a:cubicBezTo>
                          <a:pt x="361374" y="199642"/>
                          <a:pt x="386617" y="213467"/>
                          <a:pt x="386532" y="298118"/>
                        </a:cubicBezTo>
                        <a:lnTo>
                          <a:pt x="386532" y="300667"/>
                        </a:lnTo>
                        <a:lnTo>
                          <a:pt x="401008" y="300356"/>
                        </a:lnTo>
                        <a:lnTo>
                          <a:pt x="401008" y="297919"/>
                        </a:lnTo>
                        <a:cubicBezTo>
                          <a:pt x="401008" y="286587"/>
                          <a:pt x="402368" y="279816"/>
                          <a:pt x="405201" y="275454"/>
                        </a:cubicBezTo>
                        <a:cubicBezTo>
                          <a:pt x="406958" y="272621"/>
                          <a:pt x="409989" y="269788"/>
                          <a:pt x="414352" y="271572"/>
                        </a:cubicBezTo>
                        <a:cubicBezTo>
                          <a:pt x="417326" y="272706"/>
                          <a:pt x="417185" y="282904"/>
                          <a:pt x="416958" y="291403"/>
                        </a:cubicBezTo>
                        <a:lnTo>
                          <a:pt x="416958" y="292933"/>
                        </a:lnTo>
                        <a:cubicBezTo>
                          <a:pt x="416533" y="315597"/>
                          <a:pt x="409932" y="339706"/>
                          <a:pt x="400782" y="339706"/>
                        </a:cubicBezTo>
                        <a:lnTo>
                          <a:pt x="399195" y="339706"/>
                        </a:lnTo>
                        <a:lnTo>
                          <a:pt x="398515" y="341179"/>
                        </a:lnTo>
                        <a:cubicBezTo>
                          <a:pt x="377608" y="387103"/>
                          <a:pt x="342648" y="413450"/>
                          <a:pt x="302618" y="413450"/>
                        </a:cubicBezTo>
                        <a:cubicBezTo>
                          <a:pt x="279274" y="413450"/>
                          <a:pt x="235815" y="404072"/>
                          <a:pt x="207174" y="341179"/>
                        </a:cubicBezTo>
                        <a:lnTo>
                          <a:pt x="206494" y="339678"/>
                        </a:lnTo>
                        <a:lnTo>
                          <a:pt x="204822" y="339678"/>
                        </a:lnTo>
                        <a:cubicBezTo>
                          <a:pt x="202547" y="339703"/>
                          <a:pt x="200366" y="338769"/>
                          <a:pt x="198816" y="337100"/>
                        </a:cubicBezTo>
                        <a:cubicBezTo>
                          <a:pt x="192555" y="331122"/>
                          <a:pt x="188249" y="315087"/>
                          <a:pt x="187852" y="296276"/>
                        </a:cubicBezTo>
                        <a:cubicBezTo>
                          <a:pt x="187343" y="272167"/>
                          <a:pt x="190940" y="270213"/>
                          <a:pt x="190969" y="270213"/>
                        </a:cubicBezTo>
                        <a:cubicBezTo>
                          <a:pt x="192552" y="269592"/>
                          <a:pt x="194332" y="269717"/>
                          <a:pt x="195813" y="270553"/>
                        </a:cubicBezTo>
                        <a:cubicBezTo>
                          <a:pt x="199830" y="273099"/>
                          <a:pt x="202760" y="277046"/>
                          <a:pt x="204029" y="281630"/>
                        </a:cubicBezTo>
                        <a:cubicBezTo>
                          <a:pt x="205247" y="287009"/>
                          <a:pt x="205800" y="292520"/>
                          <a:pt x="205672" y="298033"/>
                        </a:cubicBezTo>
                        <a:lnTo>
                          <a:pt x="205672" y="300469"/>
                        </a:lnTo>
                        <a:lnTo>
                          <a:pt x="220149" y="300781"/>
                        </a:lnTo>
                        <a:close/>
                        <a:moveTo>
                          <a:pt x="302391" y="424583"/>
                        </a:moveTo>
                        <a:cubicBezTo>
                          <a:pt x="314769" y="424620"/>
                          <a:pt x="327044" y="422362"/>
                          <a:pt x="338597" y="417926"/>
                        </a:cubicBezTo>
                        <a:lnTo>
                          <a:pt x="338597" y="432969"/>
                        </a:lnTo>
                        <a:lnTo>
                          <a:pt x="302589" y="447814"/>
                        </a:lnTo>
                        <a:lnTo>
                          <a:pt x="266525" y="432941"/>
                        </a:lnTo>
                        <a:lnTo>
                          <a:pt x="266525" y="418011"/>
                        </a:lnTo>
                        <a:cubicBezTo>
                          <a:pt x="277973" y="422391"/>
                          <a:pt x="290133" y="424617"/>
                          <a:pt x="302391" y="424583"/>
                        </a:cubicBezTo>
                        <a:close/>
                        <a:moveTo>
                          <a:pt x="350297" y="440250"/>
                        </a:moveTo>
                        <a:lnTo>
                          <a:pt x="350297" y="474558"/>
                        </a:lnTo>
                        <a:lnTo>
                          <a:pt x="308737" y="457390"/>
                        </a:lnTo>
                        <a:close/>
                        <a:moveTo>
                          <a:pt x="296470" y="457390"/>
                        </a:moveTo>
                        <a:lnTo>
                          <a:pt x="254910" y="474558"/>
                        </a:lnTo>
                        <a:lnTo>
                          <a:pt x="254910" y="440250"/>
                        </a:lnTo>
                        <a:close/>
                        <a:moveTo>
                          <a:pt x="430953" y="483822"/>
                        </a:moveTo>
                        <a:cubicBezTo>
                          <a:pt x="456450" y="497987"/>
                          <a:pt x="467924" y="517251"/>
                          <a:pt x="473023" y="539377"/>
                        </a:cubicBezTo>
                        <a:cubicBezTo>
                          <a:pt x="462669" y="546904"/>
                          <a:pt x="451832" y="553746"/>
                          <a:pt x="440585" y="559860"/>
                        </a:cubicBezTo>
                        <a:close/>
                        <a:moveTo>
                          <a:pt x="330098" y="593572"/>
                        </a:moveTo>
                        <a:lnTo>
                          <a:pt x="330098" y="593572"/>
                        </a:lnTo>
                        <a:lnTo>
                          <a:pt x="384775" y="467645"/>
                        </a:lnTo>
                        <a:cubicBezTo>
                          <a:pt x="396402" y="470056"/>
                          <a:pt x="407779" y="473526"/>
                          <a:pt x="418771" y="478014"/>
                        </a:cubicBezTo>
                        <a:lnTo>
                          <a:pt x="429877" y="565441"/>
                        </a:lnTo>
                        <a:cubicBezTo>
                          <a:pt x="398589" y="580779"/>
                          <a:pt x="364785" y="590337"/>
                          <a:pt x="330098" y="593657"/>
                        </a:cubicBezTo>
                        <a:close/>
                        <a:moveTo>
                          <a:pt x="274996" y="593572"/>
                        </a:moveTo>
                        <a:cubicBezTo>
                          <a:pt x="240360" y="590351"/>
                          <a:pt x="206582" y="580940"/>
                          <a:pt x="175274" y="565781"/>
                        </a:cubicBezTo>
                        <a:lnTo>
                          <a:pt x="186408" y="477957"/>
                        </a:lnTo>
                        <a:cubicBezTo>
                          <a:pt x="197405" y="473492"/>
                          <a:pt x="208783" y="470030"/>
                          <a:pt x="220404" y="467617"/>
                        </a:cubicBezTo>
                        <a:close/>
                        <a:moveTo>
                          <a:pt x="164508" y="560313"/>
                        </a:moveTo>
                        <a:cubicBezTo>
                          <a:pt x="153221" y="554253"/>
                          <a:pt x="142339" y="547468"/>
                          <a:pt x="131929" y="540000"/>
                        </a:cubicBezTo>
                        <a:cubicBezTo>
                          <a:pt x="136972" y="517591"/>
                          <a:pt x="148360" y="497958"/>
                          <a:pt x="174226" y="483737"/>
                        </a:cubicBezTo>
                        <a:close/>
                        <a:moveTo>
                          <a:pt x="482797" y="532209"/>
                        </a:moveTo>
                        <a:lnTo>
                          <a:pt x="482797" y="531898"/>
                        </a:lnTo>
                        <a:cubicBezTo>
                          <a:pt x="481783" y="528130"/>
                          <a:pt x="480553" y="524421"/>
                          <a:pt x="479114" y="520792"/>
                        </a:cubicBezTo>
                        <a:cubicBezTo>
                          <a:pt x="463986" y="482802"/>
                          <a:pt x="425514" y="460364"/>
                          <a:pt x="361573" y="452177"/>
                        </a:cubicBezTo>
                        <a:lnTo>
                          <a:pt x="361573" y="423507"/>
                        </a:lnTo>
                        <a:lnTo>
                          <a:pt x="349929" y="428295"/>
                        </a:lnTo>
                        <a:lnTo>
                          <a:pt x="349929" y="412741"/>
                        </a:lnTo>
                        <a:cubicBezTo>
                          <a:pt x="379109" y="397160"/>
                          <a:pt x="396872" y="370246"/>
                          <a:pt x="406731" y="349707"/>
                        </a:cubicBezTo>
                        <a:cubicBezTo>
                          <a:pt x="420896" y="344182"/>
                          <a:pt x="425712" y="319960"/>
                          <a:pt x="427242" y="305795"/>
                        </a:cubicBezTo>
                        <a:cubicBezTo>
                          <a:pt x="427780" y="301036"/>
                          <a:pt x="430075" y="276955"/>
                          <a:pt x="423786" y="264405"/>
                        </a:cubicBezTo>
                        <a:cubicBezTo>
                          <a:pt x="427185" y="212872"/>
                          <a:pt x="424975" y="176383"/>
                          <a:pt x="403785" y="153917"/>
                        </a:cubicBezTo>
                        <a:cubicBezTo>
                          <a:pt x="385823" y="134625"/>
                          <a:pt x="354037" y="125786"/>
                          <a:pt x="303808" y="125786"/>
                        </a:cubicBezTo>
                        <a:lnTo>
                          <a:pt x="303298" y="125786"/>
                        </a:lnTo>
                        <a:cubicBezTo>
                          <a:pt x="252842" y="125786"/>
                          <a:pt x="220942" y="134738"/>
                          <a:pt x="202896" y="153946"/>
                        </a:cubicBezTo>
                        <a:cubicBezTo>
                          <a:pt x="181875" y="176298"/>
                          <a:pt x="179467" y="211909"/>
                          <a:pt x="182498" y="262082"/>
                        </a:cubicBezTo>
                        <a:cubicBezTo>
                          <a:pt x="174396" y="273924"/>
                          <a:pt x="176634" y="300526"/>
                          <a:pt x="177172" y="305824"/>
                        </a:cubicBezTo>
                        <a:cubicBezTo>
                          <a:pt x="178617" y="319989"/>
                          <a:pt x="183348" y="344437"/>
                          <a:pt x="198675" y="349877"/>
                        </a:cubicBezTo>
                        <a:cubicBezTo>
                          <a:pt x="212840" y="378859"/>
                          <a:pt x="232246" y="400616"/>
                          <a:pt x="255335" y="412968"/>
                        </a:cubicBezTo>
                        <a:lnTo>
                          <a:pt x="255335" y="428408"/>
                        </a:lnTo>
                        <a:lnTo>
                          <a:pt x="243691" y="423620"/>
                        </a:lnTo>
                        <a:lnTo>
                          <a:pt x="243691" y="452432"/>
                        </a:lnTo>
                        <a:cubicBezTo>
                          <a:pt x="179722" y="460619"/>
                          <a:pt x="141278" y="483085"/>
                          <a:pt x="126150" y="521047"/>
                        </a:cubicBezTo>
                        <a:cubicBezTo>
                          <a:pt x="124614" y="524912"/>
                          <a:pt x="123318" y="528866"/>
                          <a:pt x="122268" y="532889"/>
                        </a:cubicBezTo>
                        <a:cubicBezTo>
                          <a:pt x="-4864" y="433442"/>
                          <a:pt x="-27307" y="249764"/>
                          <a:pt x="72140" y="122632"/>
                        </a:cubicBezTo>
                        <a:cubicBezTo>
                          <a:pt x="171586" y="-4500"/>
                          <a:pt x="355264" y="-26944"/>
                          <a:pt x="482398" y="72503"/>
                        </a:cubicBezTo>
                        <a:cubicBezTo>
                          <a:pt x="609529" y="171950"/>
                          <a:pt x="631972" y="355628"/>
                          <a:pt x="532525" y="482759"/>
                        </a:cubicBezTo>
                        <a:cubicBezTo>
                          <a:pt x="518054" y="501262"/>
                          <a:pt x="501404" y="517948"/>
                          <a:pt x="482939" y="532464"/>
                        </a:cubicBezTo>
                        <a:close/>
                      </a:path>
                    </a:pathLst>
                  </a:custGeom>
                  <a:solidFill>
                    <a:schemeClr val="accent2"/>
                  </a:solidFill>
                  <a:ln w="2811" cap="flat">
                    <a:noFill/>
                    <a:prstDash val="solid"/>
                    <a:miter/>
                  </a:ln>
                </p:spPr>
                <p:txBody>
                  <a:bodyPr rtlCol="0" anchor="ctr"/>
                  <a:lstStyle/>
                  <a:p>
                    <a:endParaRPr lang="en-US"/>
                  </a:p>
                </p:txBody>
              </p:sp>
              <p:sp>
                <p:nvSpPr>
                  <p:cNvPr id="245" name="Graphic 4">
                    <a:extLst>
                      <a:ext uri="{FF2B5EF4-FFF2-40B4-BE49-F238E27FC236}">
                        <a16:creationId xmlns:a16="http://schemas.microsoft.com/office/drawing/2014/main" id="{3AAD73F5-329F-4F49-8A01-90FBA95CDEB6}"/>
                      </a:ext>
                    </a:extLst>
                  </p:cNvPr>
                  <p:cNvSpPr/>
                  <p:nvPr/>
                </p:nvSpPr>
                <p:spPr>
                  <a:xfrm>
                    <a:off x="1891713" y="4897949"/>
                    <a:ext cx="295328" cy="514330"/>
                  </a:xfrm>
                  <a:custGeom>
                    <a:avLst/>
                    <a:gdLst>
                      <a:gd name="connsiteX0" fmla="*/ 265085 w 295328"/>
                      <a:gd name="connsiteY0" fmla="*/ 407444 h 514330"/>
                      <a:gd name="connsiteX1" fmla="*/ 271966 w 295328"/>
                      <a:gd name="connsiteY1" fmla="*/ 407104 h 514330"/>
                      <a:gd name="connsiteX2" fmla="*/ 271969 w 295328"/>
                      <a:gd name="connsiteY2" fmla="*/ 407104 h 514330"/>
                      <a:gd name="connsiteX3" fmla="*/ 279165 w 295328"/>
                      <a:gd name="connsiteY3" fmla="*/ 413648 h 514330"/>
                      <a:gd name="connsiteX4" fmla="*/ 285709 w 295328"/>
                      <a:gd name="connsiteY4" fmla="*/ 406424 h 514330"/>
                      <a:gd name="connsiteX5" fmla="*/ 292593 w 295328"/>
                      <a:gd name="connsiteY5" fmla="*/ 406084 h 514330"/>
                      <a:gd name="connsiteX6" fmla="*/ 292973 w 295328"/>
                      <a:gd name="connsiteY6" fmla="*/ 412925 h 514330"/>
                      <a:gd name="connsiteX7" fmla="*/ 292933 w 295328"/>
                      <a:gd name="connsiteY7" fmla="*/ 412968 h 514330"/>
                      <a:gd name="connsiteX8" fmla="*/ 286502 w 295328"/>
                      <a:gd name="connsiteY8" fmla="*/ 420192 h 514330"/>
                      <a:gd name="connsiteX9" fmla="*/ 293727 w 295328"/>
                      <a:gd name="connsiteY9" fmla="*/ 426736 h 514330"/>
                      <a:gd name="connsiteX10" fmla="*/ 294067 w 295328"/>
                      <a:gd name="connsiteY10" fmla="*/ 433621 h 514330"/>
                      <a:gd name="connsiteX11" fmla="*/ 287182 w 295328"/>
                      <a:gd name="connsiteY11" fmla="*/ 433961 h 514330"/>
                      <a:gd name="connsiteX12" fmla="*/ 279958 w 295328"/>
                      <a:gd name="connsiteY12" fmla="*/ 427416 h 514330"/>
                      <a:gd name="connsiteX13" fmla="*/ 272904 w 295328"/>
                      <a:gd name="connsiteY13" fmla="*/ 435009 h 514330"/>
                      <a:gd name="connsiteX14" fmla="*/ 266020 w 295328"/>
                      <a:gd name="connsiteY14" fmla="*/ 435349 h 514330"/>
                      <a:gd name="connsiteX15" fmla="*/ 265680 w 295328"/>
                      <a:gd name="connsiteY15" fmla="*/ 428465 h 514330"/>
                      <a:gd name="connsiteX16" fmla="*/ 272649 w 295328"/>
                      <a:gd name="connsiteY16" fmla="*/ 420815 h 514330"/>
                      <a:gd name="connsiteX17" fmla="*/ 265425 w 295328"/>
                      <a:gd name="connsiteY17" fmla="*/ 414271 h 514330"/>
                      <a:gd name="connsiteX18" fmla="*/ 265085 w 295328"/>
                      <a:gd name="connsiteY18" fmla="*/ 407444 h 514330"/>
                      <a:gd name="connsiteX19" fmla="*/ 259702 w 295328"/>
                      <a:gd name="connsiteY19" fmla="*/ 481612 h 514330"/>
                      <a:gd name="connsiteX20" fmla="*/ 239049 w 295328"/>
                      <a:gd name="connsiteY20" fmla="*/ 460987 h 514330"/>
                      <a:gd name="connsiteX21" fmla="*/ 235270 w 295328"/>
                      <a:gd name="connsiteY21" fmla="*/ 456523 h 514330"/>
                      <a:gd name="connsiteX22" fmla="*/ 230805 w 295328"/>
                      <a:gd name="connsiteY22" fmla="*/ 460305 h 514330"/>
                      <a:gd name="connsiteX23" fmla="*/ 230805 w 295328"/>
                      <a:gd name="connsiteY23" fmla="*/ 460987 h 514330"/>
                      <a:gd name="connsiteX24" fmla="*/ 210153 w 295328"/>
                      <a:gd name="connsiteY24" fmla="*/ 481612 h 514330"/>
                      <a:gd name="connsiteX25" fmla="*/ 206017 w 295328"/>
                      <a:gd name="connsiteY25" fmla="*/ 485748 h 514330"/>
                      <a:gd name="connsiteX26" fmla="*/ 210153 w 295328"/>
                      <a:gd name="connsiteY26" fmla="*/ 489884 h 514330"/>
                      <a:gd name="connsiteX27" fmla="*/ 230805 w 295328"/>
                      <a:gd name="connsiteY27" fmla="*/ 510537 h 514330"/>
                      <a:gd name="connsiteX28" fmla="*/ 235270 w 295328"/>
                      <a:gd name="connsiteY28" fmla="*/ 514316 h 514330"/>
                      <a:gd name="connsiteX29" fmla="*/ 239049 w 295328"/>
                      <a:gd name="connsiteY29" fmla="*/ 510537 h 514330"/>
                      <a:gd name="connsiteX30" fmla="*/ 259702 w 295328"/>
                      <a:gd name="connsiteY30" fmla="*/ 489884 h 514330"/>
                      <a:gd name="connsiteX31" fmla="*/ 263838 w 295328"/>
                      <a:gd name="connsiteY31" fmla="*/ 485748 h 514330"/>
                      <a:gd name="connsiteX32" fmla="*/ 259702 w 295328"/>
                      <a:gd name="connsiteY32" fmla="*/ 481612 h 514330"/>
                      <a:gd name="connsiteX33" fmla="*/ 25214 w 295328"/>
                      <a:gd name="connsiteY33" fmla="*/ 0 h 514330"/>
                      <a:gd name="connsiteX34" fmla="*/ 50428 w 295328"/>
                      <a:gd name="connsiteY34" fmla="*/ 25214 h 514330"/>
                      <a:gd name="connsiteX35" fmla="*/ 25214 w 295328"/>
                      <a:gd name="connsiteY35" fmla="*/ 50428 h 514330"/>
                      <a:gd name="connsiteX36" fmla="*/ 0 w 295328"/>
                      <a:gd name="connsiteY36" fmla="*/ 25214 h 514330"/>
                      <a:gd name="connsiteX37" fmla="*/ 25214 w 295328"/>
                      <a:gd name="connsiteY37" fmla="*/ 113 h 5143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5328" h="514330">
                        <a:moveTo>
                          <a:pt x="265085" y="407444"/>
                        </a:moveTo>
                        <a:cubicBezTo>
                          <a:pt x="266892" y="405449"/>
                          <a:pt x="269972" y="405296"/>
                          <a:pt x="271966" y="407104"/>
                        </a:cubicBezTo>
                        <a:cubicBezTo>
                          <a:pt x="271969" y="407104"/>
                          <a:pt x="271969" y="407104"/>
                          <a:pt x="271969" y="407104"/>
                        </a:cubicBezTo>
                        <a:lnTo>
                          <a:pt x="279165" y="413648"/>
                        </a:lnTo>
                        <a:lnTo>
                          <a:pt x="285709" y="406424"/>
                        </a:lnTo>
                        <a:cubicBezTo>
                          <a:pt x="287522" y="404443"/>
                          <a:pt x="290593" y="404290"/>
                          <a:pt x="292593" y="406084"/>
                        </a:cubicBezTo>
                        <a:cubicBezTo>
                          <a:pt x="294588" y="407869"/>
                          <a:pt x="294758" y="410931"/>
                          <a:pt x="292973" y="412925"/>
                        </a:cubicBezTo>
                        <a:cubicBezTo>
                          <a:pt x="292959" y="412940"/>
                          <a:pt x="292947" y="412954"/>
                          <a:pt x="292933" y="412968"/>
                        </a:cubicBezTo>
                        <a:lnTo>
                          <a:pt x="286502" y="420192"/>
                        </a:lnTo>
                        <a:lnTo>
                          <a:pt x="293727" y="426736"/>
                        </a:lnTo>
                        <a:cubicBezTo>
                          <a:pt x="295721" y="428544"/>
                          <a:pt x="295874" y="431626"/>
                          <a:pt x="294067" y="433621"/>
                        </a:cubicBezTo>
                        <a:cubicBezTo>
                          <a:pt x="292259" y="435615"/>
                          <a:pt x="289177" y="435768"/>
                          <a:pt x="287182" y="433961"/>
                        </a:cubicBezTo>
                        <a:lnTo>
                          <a:pt x="279958" y="427416"/>
                        </a:lnTo>
                        <a:lnTo>
                          <a:pt x="272904" y="435009"/>
                        </a:lnTo>
                        <a:cubicBezTo>
                          <a:pt x="271096" y="437003"/>
                          <a:pt x="268014" y="437156"/>
                          <a:pt x="266020" y="435349"/>
                        </a:cubicBezTo>
                        <a:cubicBezTo>
                          <a:pt x="264025" y="433541"/>
                          <a:pt x="263872" y="430459"/>
                          <a:pt x="265680" y="428465"/>
                        </a:cubicBezTo>
                        <a:lnTo>
                          <a:pt x="272649" y="420815"/>
                        </a:lnTo>
                        <a:lnTo>
                          <a:pt x="265425" y="414271"/>
                        </a:lnTo>
                        <a:cubicBezTo>
                          <a:pt x="263450" y="412478"/>
                          <a:pt x="263300" y="409424"/>
                          <a:pt x="265085" y="407444"/>
                        </a:cubicBezTo>
                        <a:close/>
                        <a:moveTo>
                          <a:pt x="259702" y="481612"/>
                        </a:moveTo>
                        <a:cubicBezTo>
                          <a:pt x="248308" y="481612"/>
                          <a:pt x="239066" y="472382"/>
                          <a:pt x="239049" y="460987"/>
                        </a:cubicBezTo>
                        <a:cubicBezTo>
                          <a:pt x="239239" y="458710"/>
                          <a:pt x="237545" y="456712"/>
                          <a:pt x="235270" y="456523"/>
                        </a:cubicBezTo>
                        <a:cubicBezTo>
                          <a:pt x="232992" y="456336"/>
                          <a:pt x="230995" y="458027"/>
                          <a:pt x="230805" y="460305"/>
                        </a:cubicBezTo>
                        <a:cubicBezTo>
                          <a:pt x="230786" y="460531"/>
                          <a:pt x="230786" y="460761"/>
                          <a:pt x="230805" y="460987"/>
                        </a:cubicBezTo>
                        <a:cubicBezTo>
                          <a:pt x="230788" y="472382"/>
                          <a:pt x="221547" y="481612"/>
                          <a:pt x="210153" y="481612"/>
                        </a:cubicBezTo>
                        <a:cubicBezTo>
                          <a:pt x="207869" y="481612"/>
                          <a:pt x="206017" y="483465"/>
                          <a:pt x="206017" y="485748"/>
                        </a:cubicBezTo>
                        <a:cubicBezTo>
                          <a:pt x="206017" y="488031"/>
                          <a:pt x="207869" y="489884"/>
                          <a:pt x="210153" y="489884"/>
                        </a:cubicBezTo>
                        <a:cubicBezTo>
                          <a:pt x="221553" y="489901"/>
                          <a:pt x="230788" y="499137"/>
                          <a:pt x="230805" y="510537"/>
                        </a:cubicBezTo>
                        <a:cubicBezTo>
                          <a:pt x="230995" y="512815"/>
                          <a:pt x="232992" y="514506"/>
                          <a:pt x="235270" y="514316"/>
                        </a:cubicBezTo>
                        <a:cubicBezTo>
                          <a:pt x="237284" y="514149"/>
                          <a:pt x="238882" y="512551"/>
                          <a:pt x="239049" y="510537"/>
                        </a:cubicBezTo>
                        <a:cubicBezTo>
                          <a:pt x="239066" y="499137"/>
                          <a:pt x="248302" y="489901"/>
                          <a:pt x="259702" y="489884"/>
                        </a:cubicBezTo>
                        <a:cubicBezTo>
                          <a:pt x="261985" y="489884"/>
                          <a:pt x="263838" y="488031"/>
                          <a:pt x="263838" y="485748"/>
                        </a:cubicBezTo>
                        <a:cubicBezTo>
                          <a:pt x="263838" y="483465"/>
                          <a:pt x="261985" y="481612"/>
                          <a:pt x="259702" y="481612"/>
                        </a:cubicBezTo>
                        <a:close/>
                        <a:moveTo>
                          <a:pt x="25214" y="0"/>
                        </a:moveTo>
                        <a:cubicBezTo>
                          <a:pt x="39138" y="0"/>
                          <a:pt x="50428" y="11289"/>
                          <a:pt x="50428" y="25214"/>
                        </a:cubicBezTo>
                        <a:cubicBezTo>
                          <a:pt x="50428" y="39139"/>
                          <a:pt x="39138" y="50428"/>
                          <a:pt x="25214" y="50428"/>
                        </a:cubicBezTo>
                        <a:cubicBezTo>
                          <a:pt x="11290" y="50428"/>
                          <a:pt x="0" y="39139"/>
                          <a:pt x="0" y="25214"/>
                        </a:cubicBezTo>
                        <a:cubicBezTo>
                          <a:pt x="48" y="11326"/>
                          <a:pt x="11326" y="98"/>
                          <a:pt x="25214" y="113"/>
                        </a:cubicBezTo>
                        <a:close/>
                      </a:path>
                    </a:pathLst>
                  </a:custGeom>
                  <a:solidFill>
                    <a:schemeClr val="accent1"/>
                  </a:solidFill>
                  <a:ln w="2811" cap="flat">
                    <a:noFill/>
                    <a:prstDash val="solid"/>
                    <a:miter/>
                  </a:ln>
                </p:spPr>
                <p:txBody>
                  <a:bodyPr rtlCol="0" anchor="ctr"/>
                  <a:lstStyle/>
                  <a:p>
                    <a:endParaRPr lang="en-US"/>
                  </a:p>
                </p:txBody>
              </p:sp>
              <p:sp>
                <p:nvSpPr>
                  <p:cNvPr id="246" name="Graphic 4">
                    <a:extLst>
                      <a:ext uri="{FF2B5EF4-FFF2-40B4-BE49-F238E27FC236}">
                        <a16:creationId xmlns:a16="http://schemas.microsoft.com/office/drawing/2014/main" id="{76D7568A-773D-C442-A961-CEE63C3A42B5}"/>
                      </a:ext>
                    </a:extLst>
                  </p:cNvPr>
                  <p:cNvSpPr/>
                  <p:nvPr/>
                </p:nvSpPr>
                <p:spPr>
                  <a:xfrm>
                    <a:off x="1530686" y="4912493"/>
                    <a:ext cx="773201" cy="767763"/>
                  </a:xfrm>
                  <a:custGeom>
                    <a:avLst/>
                    <a:gdLst>
                      <a:gd name="connsiteX0" fmla="*/ 452249 w 773201"/>
                      <a:gd name="connsiteY0" fmla="*/ 301 h 767763"/>
                      <a:gd name="connsiteX1" fmla="*/ 451541 w 773201"/>
                      <a:gd name="connsiteY1" fmla="*/ 301 h 767763"/>
                      <a:gd name="connsiteX2" fmla="*/ 449841 w 773201"/>
                      <a:gd name="connsiteY2" fmla="*/ 18 h 767763"/>
                      <a:gd name="connsiteX3" fmla="*/ 437081 w 773201"/>
                      <a:gd name="connsiteY3" fmla="*/ 12869 h 767763"/>
                      <a:gd name="connsiteX4" fmla="*/ 446725 w 773201"/>
                      <a:gd name="connsiteY4" fmla="*/ 25232 h 767763"/>
                      <a:gd name="connsiteX5" fmla="*/ 447008 w 773201"/>
                      <a:gd name="connsiteY5" fmla="*/ 25232 h 767763"/>
                      <a:gd name="connsiteX6" fmla="*/ 448142 w 773201"/>
                      <a:gd name="connsiteY6" fmla="*/ 25515 h 767763"/>
                      <a:gd name="connsiteX7" fmla="*/ 452391 w 773201"/>
                      <a:gd name="connsiteY7" fmla="*/ 26082 h 767763"/>
                      <a:gd name="connsiteX8" fmla="*/ 741384 w 773201"/>
                      <a:gd name="connsiteY8" fmla="*/ 447206 h 767763"/>
                      <a:gd name="connsiteX9" fmla="*/ 320259 w 773201"/>
                      <a:gd name="connsiteY9" fmla="*/ 736198 h 767763"/>
                      <a:gd name="connsiteX10" fmla="*/ 25173 w 773201"/>
                      <a:gd name="connsiteY10" fmla="*/ 381058 h 767763"/>
                      <a:gd name="connsiteX11" fmla="*/ 320656 w 773201"/>
                      <a:gd name="connsiteY11" fmla="*/ 26082 h 767763"/>
                      <a:gd name="connsiteX12" fmla="*/ 324906 w 773201"/>
                      <a:gd name="connsiteY12" fmla="*/ 25515 h 767763"/>
                      <a:gd name="connsiteX13" fmla="*/ 326889 w 773201"/>
                      <a:gd name="connsiteY13" fmla="*/ 25232 h 767763"/>
                      <a:gd name="connsiteX14" fmla="*/ 327172 w 773201"/>
                      <a:gd name="connsiteY14" fmla="*/ 25232 h 767763"/>
                      <a:gd name="connsiteX15" fmla="*/ 336521 w 773201"/>
                      <a:gd name="connsiteY15" fmla="*/ 12767 h 767763"/>
                      <a:gd name="connsiteX16" fmla="*/ 323942 w 773201"/>
                      <a:gd name="connsiteY16" fmla="*/ 18 h 767763"/>
                      <a:gd name="connsiteX17" fmla="*/ 323886 w 773201"/>
                      <a:gd name="connsiteY17" fmla="*/ 18 h 767763"/>
                      <a:gd name="connsiteX18" fmla="*/ 323886 w 773201"/>
                      <a:gd name="connsiteY18" fmla="*/ 18 h 767763"/>
                      <a:gd name="connsiteX19" fmla="*/ 321903 w 773201"/>
                      <a:gd name="connsiteY19" fmla="*/ 301 h 767763"/>
                      <a:gd name="connsiteX20" fmla="*/ 5501 w 773201"/>
                      <a:gd name="connsiteY20" fmla="*/ 445923 h 767763"/>
                      <a:gd name="connsiteX21" fmla="*/ 386779 w 773201"/>
                      <a:gd name="connsiteY21" fmla="*/ 767764 h 767763"/>
                      <a:gd name="connsiteX22" fmla="*/ 773201 w 773201"/>
                      <a:gd name="connsiteY22" fmla="*/ 381058 h 767763"/>
                      <a:gd name="connsiteX23" fmla="*/ 452249 w 773201"/>
                      <a:gd name="connsiteY23" fmla="*/ 301 h 767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773201" h="767763">
                        <a:moveTo>
                          <a:pt x="452249" y="301"/>
                        </a:moveTo>
                        <a:lnTo>
                          <a:pt x="451541" y="301"/>
                        </a:lnTo>
                        <a:cubicBezTo>
                          <a:pt x="450975" y="301"/>
                          <a:pt x="450408" y="18"/>
                          <a:pt x="449841" y="18"/>
                        </a:cubicBezTo>
                        <a:cubicBezTo>
                          <a:pt x="442770" y="43"/>
                          <a:pt x="437056" y="5797"/>
                          <a:pt x="437081" y="12869"/>
                        </a:cubicBezTo>
                        <a:cubicBezTo>
                          <a:pt x="437104" y="18706"/>
                          <a:pt x="441067" y="23790"/>
                          <a:pt x="446725" y="25232"/>
                        </a:cubicBezTo>
                        <a:lnTo>
                          <a:pt x="447008" y="25232"/>
                        </a:lnTo>
                        <a:cubicBezTo>
                          <a:pt x="447292" y="25232"/>
                          <a:pt x="447858" y="25515"/>
                          <a:pt x="448142" y="25515"/>
                        </a:cubicBezTo>
                        <a:lnTo>
                          <a:pt x="452391" y="26082"/>
                        </a:lnTo>
                        <a:cubicBezTo>
                          <a:pt x="648484" y="62569"/>
                          <a:pt x="777870" y="251113"/>
                          <a:pt x="741384" y="447206"/>
                        </a:cubicBezTo>
                        <a:cubicBezTo>
                          <a:pt x="704897" y="643298"/>
                          <a:pt x="516352" y="772685"/>
                          <a:pt x="320259" y="736198"/>
                        </a:cubicBezTo>
                        <a:cubicBezTo>
                          <a:pt x="149185" y="704367"/>
                          <a:pt x="25134" y="555070"/>
                          <a:pt x="25173" y="381058"/>
                        </a:cubicBezTo>
                        <a:cubicBezTo>
                          <a:pt x="25173" y="204278"/>
                          <a:pt x="152659" y="57245"/>
                          <a:pt x="320656" y="26082"/>
                        </a:cubicBezTo>
                        <a:lnTo>
                          <a:pt x="324906" y="25515"/>
                        </a:lnTo>
                        <a:cubicBezTo>
                          <a:pt x="325472" y="25515"/>
                          <a:pt x="326039" y="25232"/>
                          <a:pt x="326889" y="25232"/>
                        </a:cubicBezTo>
                        <a:lnTo>
                          <a:pt x="327172" y="25232"/>
                        </a:lnTo>
                        <a:cubicBezTo>
                          <a:pt x="332742" y="23660"/>
                          <a:pt x="336572" y="18554"/>
                          <a:pt x="336521" y="12767"/>
                        </a:cubicBezTo>
                        <a:cubicBezTo>
                          <a:pt x="336569" y="5773"/>
                          <a:pt x="330937" y="65"/>
                          <a:pt x="323942" y="18"/>
                        </a:cubicBezTo>
                        <a:cubicBezTo>
                          <a:pt x="323923" y="18"/>
                          <a:pt x="323906" y="18"/>
                          <a:pt x="323886" y="18"/>
                        </a:cubicBezTo>
                        <a:lnTo>
                          <a:pt x="323886" y="18"/>
                        </a:lnTo>
                        <a:cubicBezTo>
                          <a:pt x="323211" y="-44"/>
                          <a:pt x="322531" y="53"/>
                          <a:pt x="321903" y="301"/>
                        </a:cubicBezTo>
                        <a:cubicBezTo>
                          <a:pt x="111476" y="35985"/>
                          <a:pt x="-30182" y="235496"/>
                          <a:pt x="5501" y="445923"/>
                        </a:cubicBezTo>
                        <a:cubicBezTo>
                          <a:pt x="37033" y="631867"/>
                          <a:pt x="198179" y="767894"/>
                          <a:pt x="386779" y="767764"/>
                        </a:cubicBezTo>
                        <a:cubicBezTo>
                          <a:pt x="600104" y="767764"/>
                          <a:pt x="773201" y="594100"/>
                          <a:pt x="773201" y="381058"/>
                        </a:cubicBezTo>
                        <a:cubicBezTo>
                          <a:pt x="773000" y="192994"/>
                          <a:pt x="637568" y="32325"/>
                          <a:pt x="452249" y="301"/>
                        </a:cubicBezTo>
                        <a:close/>
                      </a:path>
                    </a:pathLst>
                  </a:custGeom>
                  <a:solidFill>
                    <a:schemeClr val="accent2"/>
                  </a:solidFill>
                  <a:ln w="2811" cap="flat">
                    <a:noFill/>
                    <a:prstDash val="solid"/>
                    <a:miter/>
                  </a:ln>
                </p:spPr>
                <p:txBody>
                  <a:bodyPr rtlCol="0" anchor="ctr"/>
                  <a:lstStyle/>
                  <a:p>
                    <a:endParaRPr lang="en-US"/>
                  </a:p>
                </p:txBody>
              </p:sp>
            </p:grpSp>
          </p:grpSp>
        </p:grpSp>
      </p:grpSp>
      <p:sp>
        <p:nvSpPr>
          <p:cNvPr id="2" name="Slide Number Placeholder 1">
            <a:extLst>
              <a:ext uri="{FF2B5EF4-FFF2-40B4-BE49-F238E27FC236}">
                <a16:creationId xmlns:a16="http://schemas.microsoft.com/office/drawing/2014/main" id="{131E4D66-9CA9-964D-8A1F-562C7AE94A99}"/>
              </a:ext>
            </a:extLst>
          </p:cNvPr>
          <p:cNvSpPr>
            <a:spLocks noGrp="1"/>
          </p:cNvSpPr>
          <p:nvPr>
            <p:ph type="sldNum" sz="quarter" idx="4"/>
          </p:nvPr>
        </p:nvSpPr>
        <p:spPr/>
        <p:txBody>
          <a:bodyPr/>
          <a:lstStyle/>
          <a:p>
            <a:fld id="{742ED878-647B-DB4D-84DF-0BCCAF9DD0BF}" type="slidenum">
              <a:rPr lang="en-US" smtClean="0"/>
              <a:pPr/>
              <a:t>16</a:t>
            </a:fld>
            <a:endParaRPr lang="en-US" dirty="0"/>
          </a:p>
        </p:txBody>
      </p:sp>
    </p:spTree>
    <p:custDataLst>
      <p:custData r:id="rId1"/>
      <p:custData r:id="rId2"/>
    </p:custDataLst>
    <p:extLst>
      <p:ext uri="{BB962C8B-B14F-4D97-AF65-F5344CB8AC3E}">
        <p14:creationId xmlns:p14="http://schemas.microsoft.com/office/powerpoint/2010/main" val="17519683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00784" y="356616"/>
            <a:ext cx="9468234" cy="868680"/>
          </a:xfrm>
        </p:spPr>
        <p:txBody>
          <a:bodyPr/>
          <a:lstStyle/>
          <a:p>
            <a:r>
              <a:rPr lang="en-US" dirty="0"/>
              <a:t>Enterprise Delivery Approach</a:t>
            </a:r>
          </a:p>
        </p:txBody>
      </p:sp>
      <p:sp>
        <p:nvSpPr>
          <p:cNvPr id="13" name="Text Placeholder 12"/>
          <p:cNvSpPr>
            <a:spLocks noGrp="1"/>
          </p:cNvSpPr>
          <p:nvPr>
            <p:ph type="body" sz="quarter" idx="10"/>
          </p:nvPr>
        </p:nvSpPr>
        <p:spPr>
          <a:xfrm>
            <a:off x="1700784" y="1245885"/>
            <a:ext cx="9468234" cy="273050"/>
          </a:xfrm>
        </p:spPr>
        <p:txBody>
          <a:bodyPr/>
          <a:lstStyle/>
          <a:p>
            <a:r>
              <a:rPr lang="en-US" dirty="0"/>
              <a:t>Optimize Flow and the Time to Business Value at Scale </a:t>
            </a:r>
          </a:p>
        </p:txBody>
      </p:sp>
      <p:grpSp>
        <p:nvGrpSpPr>
          <p:cNvPr id="14" name="Group 13"/>
          <p:cNvGrpSpPr/>
          <p:nvPr/>
        </p:nvGrpSpPr>
        <p:grpSpPr>
          <a:xfrm>
            <a:off x="1524000" y="2375440"/>
            <a:ext cx="8878788" cy="2725200"/>
            <a:chOff x="0" y="3487803"/>
            <a:chExt cx="8878788" cy="2725200"/>
          </a:xfrm>
        </p:grpSpPr>
        <p:sp>
          <p:nvSpPr>
            <p:cNvPr id="119" name="Freeform 118">
              <a:extLst>
                <a:ext uri="{FF2B5EF4-FFF2-40B4-BE49-F238E27FC236}">
                  <a16:creationId xmlns:a16="http://schemas.microsoft.com/office/drawing/2014/main" id="{1695DC09-615D-A647-A8AA-11FD8B093642}"/>
                </a:ext>
              </a:extLst>
            </p:cNvPr>
            <p:cNvSpPr/>
            <p:nvPr/>
          </p:nvSpPr>
          <p:spPr>
            <a:xfrm>
              <a:off x="1543312" y="3539373"/>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Portfolio alignment</a:t>
              </a:r>
            </a:p>
          </p:txBody>
        </p:sp>
        <p:grpSp>
          <p:nvGrpSpPr>
            <p:cNvPr id="12" name="Group 11"/>
            <p:cNvGrpSpPr/>
            <p:nvPr/>
          </p:nvGrpSpPr>
          <p:grpSpPr>
            <a:xfrm>
              <a:off x="0" y="3487803"/>
              <a:ext cx="8878788" cy="2725200"/>
              <a:chOff x="332685" y="3084784"/>
              <a:chExt cx="7524154" cy="2309418"/>
            </a:xfrm>
          </p:grpSpPr>
          <p:grpSp>
            <p:nvGrpSpPr>
              <p:cNvPr id="11" name="Group 10"/>
              <p:cNvGrpSpPr/>
              <p:nvPr/>
            </p:nvGrpSpPr>
            <p:grpSpPr>
              <a:xfrm>
                <a:off x="3338769" y="5058789"/>
                <a:ext cx="4377109" cy="330028"/>
                <a:chOff x="3338769" y="5058789"/>
                <a:chExt cx="4377109" cy="330028"/>
              </a:xfrm>
            </p:grpSpPr>
            <p:sp>
              <p:nvSpPr>
                <p:cNvPr id="47" name="Freeform 46"/>
                <p:cNvSpPr/>
                <p:nvPr/>
              </p:nvSpPr>
              <p:spPr>
                <a:xfrm>
                  <a:off x="3338769" y="5058789"/>
                  <a:ext cx="947152" cy="330028"/>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Make </a:t>
                  </a:r>
                  <a:br>
                    <a:rPr lang="en-US" sz="700" b="1" cap="all" spc="70">
                      <a:latin typeface="+mj-lt"/>
                    </a:rPr>
                  </a:br>
                  <a:r>
                    <a:rPr lang="en-US" sz="700" b="1" cap="all" spc="70">
                      <a:latin typeface="+mj-lt"/>
                    </a:rPr>
                    <a:t>Ready</a:t>
                  </a:r>
                </a:p>
              </p:txBody>
            </p:sp>
            <p:sp>
              <p:nvSpPr>
                <p:cNvPr id="51" name="Freeform 50"/>
                <p:cNvSpPr/>
                <p:nvPr/>
              </p:nvSpPr>
              <p:spPr>
                <a:xfrm>
                  <a:off x="4211241" y="5058789"/>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Ready</a:t>
                  </a:r>
                </a:p>
              </p:txBody>
            </p:sp>
            <p:sp>
              <p:nvSpPr>
                <p:cNvPr id="58" name="Freeform 57"/>
                <p:cNvSpPr/>
                <p:nvPr/>
              </p:nvSpPr>
              <p:spPr>
                <a:xfrm>
                  <a:off x="5083713" y="5058789"/>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61" name="Freeform 60"/>
                <p:cNvSpPr/>
                <p:nvPr/>
              </p:nvSpPr>
              <p:spPr>
                <a:xfrm>
                  <a:off x="5956185" y="5058789"/>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a:t>
                  </a:r>
                  <a:br>
                    <a:rPr lang="en-US" sz="700" b="1" cap="all" spc="70">
                      <a:latin typeface="+mj-lt"/>
                    </a:rPr>
                  </a:br>
                  <a:r>
                    <a:rPr lang="en-US" sz="700" b="1" cap="all" spc="70">
                      <a:latin typeface="+mj-lt"/>
                    </a:rPr>
                    <a:t>Done</a:t>
                  </a:r>
                </a:p>
              </p:txBody>
            </p:sp>
            <p:sp>
              <p:nvSpPr>
                <p:cNvPr id="62" name="Freeform 61"/>
                <p:cNvSpPr/>
                <p:nvPr/>
              </p:nvSpPr>
              <p:spPr>
                <a:xfrm>
                  <a:off x="6828658" y="5058789"/>
                  <a:ext cx="887220" cy="330028"/>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Story</a:t>
                  </a:r>
                  <a:br>
                    <a:rPr lang="en-US" sz="700" b="1" cap="all" spc="70">
                      <a:latin typeface="+mj-lt"/>
                    </a:rPr>
                  </a:br>
                  <a:r>
                    <a:rPr lang="en-US" sz="700" b="1" cap="all" spc="70">
                      <a:latin typeface="+mj-lt"/>
                    </a:rPr>
                    <a:t>Accepted</a:t>
                  </a:r>
                </a:p>
              </p:txBody>
            </p:sp>
          </p:grpSp>
          <p:grpSp>
            <p:nvGrpSpPr>
              <p:cNvPr id="3" name="Group 2"/>
              <p:cNvGrpSpPr/>
              <p:nvPr/>
            </p:nvGrpSpPr>
            <p:grpSpPr>
              <a:xfrm>
                <a:off x="2485694" y="3129997"/>
                <a:ext cx="5206167" cy="330028"/>
                <a:chOff x="2485694" y="3129997"/>
                <a:chExt cx="5206167" cy="330028"/>
              </a:xfrm>
            </p:grpSpPr>
            <p:sp>
              <p:nvSpPr>
                <p:cNvPr id="49" name="Freeform 48"/>
                <p:cNvSpPr/>
                <p:nvPr/>
              </p:nvSpPr>
              <p:spPr>
                <a:xfrm>
                  <a:off x="2485694" y="3129997"/>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dirty="0">
                      <a:latin typeface="+mj-lt"/>
                    </a:rPr>
                    <a:t>Portfolio Prioritization</a:t>
                  </a:r>
                </a:p>
              </p:txBody>
            </p:sp>
            <p:sp>
              <p:nvSpPr>
                <p:cNvPr id="52" name="Freeform 51"/>
                <p:cNvSpPr/>
                <p:nvPr/>
              </p:nvSpPr>
              <p:spPr>
                <a:xfrm>
                  <a:off x="3349483" y="3129997"/>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finition</a:t>
                  </a:r>
                </a:p>
              </p:txBody>
            </p:sp>
            <p:sp>
              <p:nvSpPr>
                <p:cNvPr id="53" name="Freeform 52"/>
                <p:cNvSpPr/>
                <p:nvPr/>
              </p:nvSpPr>
              <p:spPr>
                <a:xfrm>
                  <a:off x="4213272" y="3129997"/>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Targeting</a:t>
                  </a:r>
                </a:p>
              </p:txBody>
            </p:sp>
            <p:sp>
              <p:nvSpPr>
                <p:cNvPr id="56" name="Freeform 55"/>
                <p:cNvSpPr/>
                <p:nvPr/>
              </p:nvSpPr>
              <p:spPr>
                <a:xfrm>
                  <a:off x="5077061" y="3129997"/>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59" name="Freeform 58"/>
                <p:cNvSpPr/>
                <p:nvPr/>
              </p:nvSpPr>
              <p:spPr>
                <a:xfrm>
                  <a:off x="5940850" y="3129997"/>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Epic</a:t>
                  </a:r>
                </a:p>
                <a:p>
                  <a:pPr algn="ctr"/>
                  <a:r>
                    <a:rPr lang="en-US" sz="700" b="1" cap="all" spc="70">
                      <a:latin typeface="+mj-lt"/>
                    </a:rPr>
                    <a:t> validation</a:t>
                  </a:r>
                </a:p>
              </p:txBody>
            </p:sp>
            <p:sp>
              <p:nvSpPr>
                <p:cNvPr id="65" name="Freeform 64"/>
                <p:cNvSpPr/>
                <p:nvPr/>
              </p:nvSpPr>
              <p:spPr>
                <a:xfrm>
                  <a:off x="6804641" y="3129997"/>
                  <a:ext cx="887220" cy="330028"/>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Completed</a:t>
                  </a:r>
                </a:p>
              </p:txBody>
            </p:sp>
          </p:grpSp>
          <p:grpSp>
            <p:nvGrpSpPr>
              <p:cNvPr id="4" name="Group 3"/>
              <p:cNvGrpSpPr/>
              <p:nvPr/>
            </p:nvGrpSpPr>
            <p:grpSpPr>
              <a:xfrm>
                <a:off x="1691364" y="3526864"/>
                <a:ext cx="5954036" cy="124735"/>
                <a:chOff x="1691364" y="3526864"/>
                <a:chExt cx="5954036" cy="124735"/>
              </a:xfrm>
            </p:grpSpPr>
            <p:cxnSp>
              <p:nvCxnSpPr>
                <p:cNvPr id="67" name="Straight Connector 66"/>
                <p:cNvCxnSpPr>
                  <a:cxnSpLocks/>
                </p:cNvCxnSpPr>
                <p:nvPr/>
              </p:nvCxnSpPr>
              <p:spPr>
                <a:xfrm>
                  <a:off x="1691364" y="3526865"/>
                  <a:ext cx="1578886" cy="1"/>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84" name="Straight Connector 83"/>
                <p:cNvCxnSpPr>
                  <a:cxnSpLocks/>
                </p:cNvCxnSpPr>
                <p:nvPr/>
              </p:nvCxnSpPr>
              <p:spPr>
                <a:xfrm>
                  <a:off x="2576000" y="3526864"/>
                  <a:ext cx="0" cy="124735"/>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88" name="Straight Connector 87"/>
                <p:cNvCxnSpPr/>
                <p:nvPr/>
              </p:nvCxnSpPr>
              <p:spPr>
                <a:xfrm flipV="1">
                  <a:off x="3367084" y="3526864"/>
                  <a:ext cx="738191" cy="3712"/>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89" name="Straight Connector 88"/>
                <p:cNvCxnSpPr/>
                <p:nvPr/>
              </p:nvCxnSpPr>
              <p:spPr>
                <a:xfrm>
                  <a:off x="3560759" y="3526864"/>
                  <a:ext cx="0" cy="124735"/>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96" name="Straight Connector 95"/>
                <p:cNvCxnSpPr/>
                <p:nvPr/>
              </p:nvCxnSpPr>
              <p:spPr>
                <a:xfrm flipV="1">
                  <a:off x="4237185" y="3526864"/>
                  <a:ext cx="738191" cy="371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97" name="Straight Connector 96"/>
                <p:cNvCxnSpPr/>
                <p:nvPr/>
              </p:nvCxnSpPr>
              <p:spPr>
                <a:xfrm>
                  <a:off x="4506909" y="3526864"/>
                  <a:ext cx="0" cy="124735"/>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05" name="Straight Connector 104"/>
                <p:cNvCxnSpPr/>
                <p:nvPr/>
              </p:nvCxnSpPr>
              <p:spPr>
                <a:xfrm flipV="1">
                  <a:off x="5087934" y="3526864"/>
                  <a:ext cx="738191" cy="371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06" name="Straight Connector 105"/>
                <p:cNvCxnSpPr/>
                <p:nvPr/>
              </p:nvCxnSpPr>
              <p:spPr>
                <a:xfrm>
                  <a:off x="5457486" y="3526864"/>
                  <a:ext cx="0" cy="124735"/>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11" name="Straight Connector 110"/>
                <p:cNvCxnSpPr/>
                <p:nvPr/>
              </p:nvCxnSpPr>
              <p:spPr>
                <a:xfrm flipV="1">
                  <a:off x="5970584" y="3526864"/>
                  <a:ext cx="738191" cy="371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12" name="Straight Connector 111"/>
                <p:cNvCxnSpPr/>
                <p:nvPr/>
              </p:nvCxnSpPr>
              <p:spPr>
                <a:xfrm>
                  <a:off x="6340136" y="3526864"/>
                  <a:ext cx="0" cy="124735"/>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13" name="Straight Connector 112"/>
                <p:cNvCxnSpPr/>
                <p:nvPr/>
              </p:nvCxnSpPr>
              <p:spPr>
                <a:xfrm>
                  <a:off x="6829425" y="3526864"/>
                  <a:ext cx="815975"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14" name="Straight Connector 113"/>
                <p:cNvCxnSpPr/>
                <p:nvPr/>
              </p:nvCxnSpPr>
              <p:spPr>
                <a:xfrm>
                  <a:off x="7248251" y="3526864"/>
                  <a:ext cx="0" cy="124735"/>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grpSp>
          <p:grpSp>
            <p:nvGrpSpPr>
              <p:cNvPr id="6" name="Group 5"/>
              <p:cNvGrpSpPr/>
              <p:nvPr/>
            </p:nvGrpSpPr>
            <p:grpSpPr>
              <a:xfrm>
                <a:off x="1644650" y="3906217"/>
                <a:ext cx="6043085" cy="124735"/>
                <a:chOff x="1644650" y="3906217"/>
                <a:chExt cx="6043085" cy="124735"/>
              </a:xfrm>
            </p:grpSpPr>
            <p:cxnSp>
              <p:nvCxnSpPr>
                <p:cNvPr id="74" name="Straight Connector 73"/>
                <p:cNvCxnSpPr/>
                <p:nvPr/>
              </p:nvCxnSpPr>
              <p:spPr>
                <a:xfrm>
                  <a:off x="1644650" y="4030952"/>
                  <a:ext cx="736600" cy="0"/>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87" name="Straight Connector 86"/>
                <p:cNvCxnSpPr/>
                <p:nvPr/>
              </p:nvCxnSpPr>
              <p:spPr>
                <a:xfrm>
                  <a:off x="2022475" y="3906217"/>
                  <a:ext cx="0" cy="124735"/>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91" name="Straight Connector 90"/>
                <p:cNvCxnSpPr/>
                <p:nvPr/>
              </p:nvCxnSpPr>
              <p:spPr>
                <a:xfrm flipV="1">
                  <a:off x="2513818" y="4027240"/>
                  <a:ext cx="738191" cy="3712"/>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92" name="Straight Connector 91"/>
                <p:cNvCxnSpPr/>
                <p:nvPr/>
              </p:nvCxnSpPr>
              <p:spPr>
                <a:xfrm>
                  <a:off x="3161518" y="3906217"/>
                  <a:ext cx="0" cy="124735"/>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93" name="Straight Connector 92"/>
                <p:cNvCxnSpPr/>
                <p:nvPr/>
              </p:nvCxnSpPr>
              <p:spPr>
                <a:xfrm flipV="1">
                  <a:off x="2503484" y="4028573"/>
                  <a:ext cx="750891" cy="2379"/>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98" name="Straight Connector 97"/>
                <p:cNvCxnSpPr/>
                <p:nvPr/>
              </p:nvCxnSpPr>
              <p:spPr>
                <a:xfrm>
                  <a:off x="3357559" y="4030951"/>
                  <a:ext cx="1608141"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99" name="Straight Connector 98"/>
                <p:cNvCxnSpPr/>
                <p:nvPr/>
              </p:nvCxnSpPr>
              <p:spPr>
                <a:xfrm>
                  <a:off x="4510084" y="3906217"/>
                  <a:ext cx="0" cy="124735"/>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07" name="Straight Connector 106"/>
                <p:cNvCxnSpPr/>
                <p:nvPr/>
              </p:nvCxnSpPr>
              <p:spPr>
                <a:xfrm flipV="1">
                  <a:off x="5101269" y="4027240"/>
                  <a:ext cx="738191" cy="371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08" name="Straight Connector 107"/>
                <p:cNvCxnSpPr/>
                <p:nvPr/>
              </p:nvCxnSpPr>
              <p:spPr>
                <a:xfrm>
                  <a:off x="5457029" y="3906217"/>
                  <a:ext cx="0" cy="124735"/>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09" name="Straight Connector 108"/>
                <p:cNvCxnSpPr/>
                <p:nvPr/>
              </p:nvCxnSpPr>
              <p:spPr>
                <a:xfrm flipV="1">
                  <a:off x="5980744" y="4027240"/>
                  <a:ext cx="738191" cy="3712"/>
                </a:xfrm>
                <a:prstGeom prst="line">
                  <a:avLst/>
                </a:prstGeom>
                <a:ln w="19050">
                  <a:solidFill>
                    <a:schemeClr val="accent5"/>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10" name="Straight Connector 109"/>
                <p:cNvCxnSpPr/>
                <p:nvPr/>
              </p:nvCxnSpPr>
              <p:spPr>
                <a:xfrm>
                  <a:off x="6336504" y="3906217"/>
                  <a:ext cx="0" cy="124735"/>
                </a:xfrm>
                <a:prstGeom prst="line">
                  <a:avLst/>
                </a:prstGeom>
                <a:ln w="19050">
                  <a:solidFill>
                    <a:schemeClr val="accent5"/>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1" name="Straight Connector 120"/>
                <p:cNvCxnSpPr>
                  <a:cxnSpLocks/>
                </p:cNvCxnSpPr>
                <p:nvPr/>
              </p:nvCxnSpPr>
              <p:spPr>
                <a:xfrm>
                  <a:off x="6829425" y="4030952"/>
                  <a:ext cx="858310"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2" name="Straight Connector 121"/>
                <p:cNvCxnSpPr/>
                <p:nvPr/>
              </p:nvCxnSpPr>
              <p:spPr>
                <a:xfrm>
                  <a:off x="7248251" y="3906217"/>
                  <a:ext cx="0" cy="124735"/>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grpSp>
          <p:grpSp>
            <p:nvGrpSpPr>
              <p:cNvPr id="8" name="Group 7"/>
              <p:cNvGrpSpPr/>
              <p:nvPr/>
            </p:nvGrpSpPr>
            <p:grpSpPr>
              <a:xfrm>
                <a:off x="3392484" y="4487570"/>
                <a:ext cx="2446976" cy="124735"/>
                <a:chOff x="3392484" y="4487570"/>
                <a:chExt cx="2446976" cy="124735"/>
              </a:xfrm>
            </p:grpSpPr>
            <p:cxnSp>
              <p:nvCxnSpPr>
                <p:cNvPr id="101" name="Straight Connector 100"/>
                <p:cNvCxnSpPr/>
                <p:nvPr/>
              </p:nvCxnSpPr>
              <p:spPr>
                <a:xfrm>
                  <a:off x="3392484" y="4487570"/>
                  <a:ext cx="1608141"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02" name="Straight Connector 101"/>
                <p:cNvCxnSpPr/>
                <p:nvPr/>
              </p:nvCxnSpPr>
              <p:spPr>
                <a:xfrm>
                  <a:off x="4195759" y="4487570"/>
                  <a:ext cx="0" cy="124735"/>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5" name="Straight Connector 124"/>
                <p:cNvCxnSpPr/>
                <p:nvPr/>
              </p:nvCxnSpPr>
              <p:spPr>
                <a:xfrm flipV="1">
                  <a:off x="5101269" y="4487570"/>
                  <a:ext cx="738191" cy="371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6" name="Straight Connector 125"/>
                <p:cNvCxnSpPr/>
                <p:nvPr/>
              </p:nvCxnSpPr>
              <p:spPr>
                <a:xfrm>
                  <a:off x="5465758" y="4487570"/>
                  <a:ext cx="0" cy="124735"/>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grpSp>
          <p:grpSp>
            <p:nvGrpSpPr>
              <p:cNvPr id="10" name="Group 9"/>
              <p:cNvGrpSpPr/>
              <p:nvPr/>
            </p:nvGrpSpPr>
            <p:grpSpPr>
              <a:xfrm>
                <a:off x="3392484" y="4860364"/>
                <a:ext cx="4252916" cy="124735"/>
                <a:chOff x="3392484" y="4860364"/>
                <a:chExt cx="4252916" cy="124735"/>
              </a:xfrm>
            </p:grpSpPr>
            <p:cxnSp>
              <p:nvCxnSpPr>
                <p:cNvPr id="103" name="Straight Connector 102"/>
                <p:cNvCxnSpPr/>
                <p:nvPr/>
              </p:nvCxnSpPr>
              <p:spPr>
                <a:xfrm>
                  <a:off x="3392484" y="4985098"/>
                  <a:ext cx="1608141"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04" name="Straight Connector 103"/>
                <p:cNvCxnSpPr/>
                <p:nvPr/>
              </p:nvCxnSpPr>
              <p:spPr>
                <a:xfrm>
                  <a:off x="4195759" y="4860364"/>
                  <a:ext cx="0" cy="124735"/>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7" name="Straight Connector 126"/>
                <p:cNvCxnSpPr/>
                <p:nvPr/>
              </p:nvCxnSpPr>
              <p:spPr>
                <a:xfrm flipV="1">
                  <a:off x="5107619" y="4981443"/>
                  <a:ext cx="2537781" cy="3656"/>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8" name="Straight Connector 127"/>
                <p:cNvCxnSpPr/>
                <p:nvPr/>
              </p:nvCxnSpPr>
              <p:spPr>
                <a:xfrm>
                  <a:off x="5468933" y="4860364"/>
                  <a:ext cx="0" cy="124735"/>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grpSp>
          <p:sp>
            <p:nvSpPr>
              <p:cNvPr id="130" name="TextBox 129"/>
              <p:cNvSpPr txBox="1"/>
              <p:nvPr/>
            </p:nvSpPr>
            <p:spPr>
              <a:xfrm>
                <a:off x="513121" y="3084784"/>
                <a:ext cx="890211" cy="339065"/>
              </a:xfrm>
              <a:prstGeom prst="rect">
                <a:avLst/>
              </a:prstGeom>
              <a:noFill/>
            </p:spPr>
            <p:txBody>
              <a:bodyPr wrap="square" rtlCol="0">
                <a:spAutoFit/>
              </a:bodyPr>
              <a:lstStyle/>
              <a:p>
                <a:pPr algn="ctr"/>
                <a:r>
                  <a:rPr lang="en-US" sz="1000" b="1" cap="all" spc="100">
                    <a:latin typeface="+mj-lt"/>
                  </a:rPr>
                  <a:t>PORTFOLIO TEAM</a:t>
                </a:r>
              </a:p>
            </p:txBody>
          </p:sp>
          <p:sp>
            <p:nvSpPr>
              <p:cNvPr id="131" name="TextBox 130"/>
              <p:cNvSpPr txBox="1"/>
              <p:nvPr/>
            </p:nvSpPr>
            <p:spPr>
              <a:xfrm>
                <a:off x="574004" y="3968584"/>
                <a:ext cx="890211" cy="339065"/>
              </a:xfrm>
              <a:prstGeom prst="rect">
                <a:avLst/>
              </a:prstGeom>
              <a:noFill/>
            </p:spPr>
            <p:txBody>
              <a:bodyPr wrap="square" lIns="91440" tIns="45720" rIns="91440" bIns="45720" rtlCol="0" anchor="t">
                <a:spAutoFit/>
              </a:bodyPr>
              <a:lstStyle/>
              <a:p>
                <a:pPr algn="ctr"/>
                <a:r>
                  <a:rPr lang="en-US" sz="1000" b="1" cap="all" spc="100" dirty="0">
                    <a:latin typeface="+mj-lt"/>
                  </a:rPr>
                  <a:t>Product</a:t>
                </a:r>
                <a:endParaRPr lang="en-US" sz="1000" b="1" cap="all" spc="100" dirty="0">
                  <a:latin typeface="+mj-lt"/>
                  <a:cs typeface="Calibri Bold"/>
                </a:endParaRPr>
              </a:p>
              <a:p>
                <a:pPr algn="ctr"/>
                <a:r>
                  <a:rPr lang="en-US" sz="1000" b="1" cap="all" spc="100" dirty="0">
                    <a:latin typeface="+mj-lt"/>
                  </a:rPr>
                  <a:t>Team</a:t>
                </a:r>
                <a:endParaRPr lang="en-US" sz="1000" b="1" cap="all" spc="100" dirty="0">
                  <a:latin typeface="+mj-lt"/>
                  <a:cs typeface="Calibri Bold"/>
                </a:endParaRPr>
              </a:p>
            </p:txBody>
          </p:sp>
          <p:sp>
            <p:nvSpPr>
              <p:cNvPr id="132" name="TextBox 131"/>
              <p:cNvSpPr txBox="1"/>
              <p:nvPr/>
            </p:nvSpPr>
            <p:spPr>
              <a:xfrm>
                <a:off x="2294993" y="4918799"/>
                <a:ext cx="890211" cy="339065"/>
              </a:xfrm>
              <a:prstGeom prst="rect">
                <a:avLst/>
              </a:prstGeom>
              <a:noFill/>
            </p:spPr>
            <p:txBody>
              <a:bodyPr wrap="square" rtlCol="0">
                <a:spAutoFit/>
              </a:bodyPr>
              <a:lstStyle/>
              <a:p>
                <a:pPr algn="ctr"/>
                <a:r>
                  <a:rPr lang="en-US" sz="1000" b="1" cap="all" spc="100">
                    <a:latin typeface="+mj-lt"/>
                  </a:rPr>
                  <a:t>Delivery</a:t>
                </a:r>
              </a:p>
              <a:p>
                <a:pPr algn="ctr"/>
                <a:r>
                  <a:rPr lang="en-US" sz="1000" b="1" cap="all" spc="100">
                    <a:latin typeface="+mj-lt"/>
                  </a:rPr>
                  <a:t>TEAM</a:t>
                </a:r>
              </a:p>
            </p:txBody>
          </p:sp>
          <p:grpSp>
            <p:nvGrpSpPr>
              <p:cNvPr id="5" name="Group 4"/>
              <p:cNvGrpSpPr/>
              <p:nvPr/>
            </p:nvGrpSpPr>
            <p:grpSpPr>
              <a:xfrm>
                <a:off x="1691364" y="3706651"/>
                <a:ext cx="6165475" cy="169533"/>
                <a:chOff x="1691364" y="3706651"/>
                <a:chExt cx="6165475" cy="169533"/>
              </a:xfrm>
            </p:grpSpPr>
            <p:sp>
              <p:nvSpPr>
                <p:cNvPr id="136" name="TextBox 135"/>
                <p:cNvSpPr txBox="1"/>
                <p:nvPr/>
              </p:nvSpPr>
              <p:spPr>
                <a:xfrm>
                  <a:off x="1691364" y="3706651"/>
                  <a:ext cx="1238855" cy="169533"/>
                </a:xfrm>
                <a:prstGeom prst="rect">
                  <a:avLst/>
                </a:prstGeom>
                <a:noFill/>
              </p:spPr>
              <p:txBody>
                <a:bodyPr wrap="square" rtlCol="0">
                  <a:spAutoFit/>
                </a:bodyPr>
                <a:lstStyle/>
                <a:p>
                  <a:pPr algn="ctr"/>
                  <a:r>
                    <a:rPr lang="en-US" sz="700" b="1" cap="all" spc="60">
                      <a:solidFill>
                        <a:schemeClr val="accent2"/>
                      </a:solidFill>
                      <a:latin typeface="+mj-lt"/>
                    </a:rPr>
                    <a:t>Strategic Alignment</a:t>
                  </a:r>
                </a:p>
              </p:txBody>
            </p:sp>
            <p:sp>
              <p:nvSpPr>
                <p:cNvPr id="137" name="TextBox 136"/>
                <p:cNvSpPr txBox="1"/>
                <p:nvPr/>
              </p:nvSpPr>
              <p:spPr>
                <a:xfrm>
                  <a:off x="2747656" y="3706651"/>
                  <a:ext cx="1238855" cy="169533"/>
                </a:xfrm>
                <a:prstGeom prst="rect">
                  <a:avLst/>
                </a:prstGeom>
                <a:noFill/>
              </p:spPr>
              <p:txBody>
                <a:bodyPr wrap="square" rtlCol="0">
                  <a:spAutoFit/>
                </a:bodyPr>
                <a:lstStyle/>
                <a:p>
                  <a:pPr algn="ctr"/>
                  <a:r>
                    <a:rPr lang="en-US" sz="700" b="1" cap="all" spc="60">
                      <a:solidFill>
                        <a:schemeClr val="accent4"/>
                      </a:solidFill>
                      <a:latin typeface="+mj-lt"/>
                    </a:rPr>
                    <a:t>Solution Vision</a:t>
                  </a:r>
                </a:p>
              </p:txBody>
            </p:sp>
            <p:sp>
              <p:nvSpPr>
                <p:cNvPr id="138" name="TextBox 137"/>
                <p:cNvSpPr txBox="1"/>
                <p:nvPr/>
              </p:nvSpPr>
              <p:spPr>
                <a:xfrm>
                  <a:off x="3832736" y="3706651"/>
                  <a:ext cx="1238855" cy="169533"/>
                </a:xfrm>
                <a:prstGeom prst="rect">
                  <a:avLst/>
                </a:prstGeom>
                <a:noFill/>
              </p:spPr>
              <p:txBody>
                <a:bodyPr wrap="square" rtlCol="0">
                  <a:spAutoFit/>
                </a:bodyPr>
                <a:lstStyle/>
                <a:p>
                  <a:pPr algn="ctr"/>
                  <a:r>
                    <a:rPr lang="en-US" sz="700" b="1" cap="all" spc="60">
                      <a:latin typeface="+mj-lt"/>
                    </a:rPr>
                    <a:t>Demand Planning</a:t>
                  </a:r>
                </a:p>
              </p:txBody>
            </p:sp>
            <p:sp>
              <p:nvSpPr>
                <p:cNvPr id="139" name="TextBox 138"/>
                <p:cNvSpPr txBox="1"/>
                <p:nvPr/>
              </p:nvSpPr>
              <p:spPr>
                <a:xfrm>
                  <a:off x="4840814" y="3706651"/>
                  <a:ext cx="1238855" cy="169533"/>
                </a:xfrm>
                <a:prstGeom prst="rect">
                  <a:avLst/>
                </a:prstGeom>
                <a:noFill/>
              </p:spPr>
              <p:txBody>
                <a:bodyPr wrap="square" rtlCol="0">
                  <a:spAutoFit/>
                </a:bodyPr>
                <a:lstStyle/>
                <a:p>
                  <a:pPr algn="ctr"/>
                  <a:r>
                    <a:rPr lang="en-US" sz="700" b="1" cap="all" spc="60">
                      <a:solidFill>
                        <a:schemeClr val="accent1"/>
                      </a:solidFill>
                      <a:latin typeface="+mj-lt"/>
                    </a:rPr>
                    <a:t>Execution</a:t>
                  </a:r>
                </a:p>
              </p:txBody>
            </p:sp>
            <p:sp>
              <p:nvSpPr>
                <p:cNvPr id="140" name="TextBox 139"/>
                <p:cNvSpPr txBox="1"/>
                <p:nvPr/>
              </p:nvSpPr>
              <p:spPr>
                <a:xfrm>
                  <a:off x="5757081" y="3706651"/>
                  <a:ext cx="1238855" cy="169533"/>
                </a:xfrm>
                <a:prstGeom prst="rect">
                  <a:avLst/>
                </a:prstGeom>
                <a:noFill/>
              </p:spPr>
              <p:txBody>
                <a:bodyPr wrap="square" rtlCol="0">
                  <a:spAutoFit/>
                </a:bodyPr>
                <a:lstStyle/>
                <a:p>
                  <a:pPr algn="ctr"/>
                  <a:r>
                    <a:rPr lang="en-US" sz="700" b="1" cap="all" spc="60" dirty="0">
                      <a:solidFill>
                        <a:schemeClr val="accent1"/>
                      </a:solidFill>
                      <a:latin typeface="+mj-lt"/>
                    </a:rPr>
                    <a:t>validation</a:t>
                  </a:r>
                </a:p>
              </p:txBody>
            </p:sp>
            <p:sp>
              <p:nvSpPr>
                <p:cNvPr id="141" name="TextBox 140"/>
                <p:cNvSpPr txBox="1"/>
                <p:nvPr/>
              </p:nvSpPr>
              <p:spPr>
                <a:xfrm>
                  <a:off x="6617984" y="3706651"/>
                  <a:ext cx="1238855" cy="169533"/>
                </a:xfrm>
                <a:prstGeom prst="rect">
                  <a:avLst/>
                </a:prstGeom>
                <a:noFill/>
              </p:spPr>
              <p:txBody>
                <a:bodyPr wrap="square" rtlCol="0">
                  <a:spAutoFit/>
                </a:bodyPr>
                <a:lstStyle/>
                <a:p>
                  <a:pPr algn="ctr"/>
                  <a:r>
                    <a:rPr lang="en-US" sz="700" b="1" cap="all" spc="60">
                      <a:solidFill>
                        <a:schemeClr val="accent6"/>
                      </a:solidFill>
                      <a:latin typeface="+mj-lt"/>
                    </a:rPr>
                    <a:t>MEASURE EFFECTIVENESS</a:t>
                  </a:r>
                </a:p>
              </p:txBody>
            </p:sp>
          </p:grpSp>
          <p:grpSp>
            <p:nvGrpSpPr>
              <p:cNvPr id="9" name="Group 8"/>
              <p:cNvGrpSpPr/>
              <p:nvPr/>
            </p:nvGrpSpPr>
            <p:grpSpPr>
              <a:xfrm>
                <a:off x="3576895" y="4671088"/>
                <a:ext cx="2916474" cy="171072"/>
                <a:chOff x="3576895" y="4671088"/>
                <a:chExt cx="2916474" cy="171072"/>
              </a:xfrm>
            </p:grpSpPr>
            <p:sp>
              <p:nvSpPr>
                <p:cNvPr id="142" name="TextBox 141"/>
                <p:cNvSpPr txBox="1"/>
                <p:nvPr/>
              </p:nvSpPr>
              <p:spPr>
                <a:xfrm>
                  <a:off x="3576895" y="4671088"/>
                  <a:ext cx="1238855" cy="169533"/>
                </a:xfrm>
                <a:prstGeom prst="rect">
                  <a:avLst/>
                </a:prstGeom>
                <a:noFill/>
              </p:spPr>
              <p:txBody>
                <a:bodyPr wrap="square" rtlCol="0">
                  <a:spAutoFit/>
                </a:bodyPr>
                <a:lstStyle/>
                <a:p>
                  <a:pPr algn="ctr"/>
                  <a:r>
                    <a:rPr lang="en-US" sz="700" b="1" cap="all" spc="60" dirty="0">
                      <a:latin typeface="+mj-lt"/>
                    </a:rPr>
                    <a:t>Demand Planning</a:t>
                  </a:r>
                </a:p>
              </p:txBody>
            </p:sp>
            <p:sp>
              <p:nvSpPr>
                <p:cNvPr id="143" name="TextBox 142"/>
                <p:cNvSpPr txBox="1"/>
                <p:nvPr/>
              </p:nvSpPr>
              <p:spPr>
                <a:xfrm>
                  <a:off x="5020792" y="4672627"/>
                  <a:ext cx="1472577" cy="169533"/>
                </a:xfrm>
                <a:prstGeom prst="rect">
                  <a:avLst/>
                </a:prstGeom>
                <a:noFill/>
              </p:spPr>
              <p:txBody>
                <a:bodyPr wrap="square" rtlCol="0">
                  <a:spAutoFit/>
                </a:bodyPr>
                <a:lstStyle/>
                <a:p>
                  <a:pPr algn="ctr"/>
                  <a:r>
                    <a:rPr lang="en-US" sz="700" b="1" cap="all" spc="60">
                      <a:solidFill>
                        <a:schemeClr val="accent1"/>
                      </a:solidFill>
                      <a:latin typeface="+mj-lt"/>
                    </a:rPr>
                    <a:t>Execution &amp; Accountability</a:t>
                  </a:r>
                </a:p>
              </p:txBody>
            </p:sp>
          </p:grpSp>
          <p:grpSp>
            <p:nvGrpSpPr>
              <p:cNvPr id="7" name="Group 6"/>
              <p:cNvGrpSpPr/>
              <p:nvPr/>
            </p:nvGrpSpPr>
            <p:grpSpPr>
              <a:xfrm>
                <a:off x="1619119" y="4095648"/>
                <a:ext cx="6068616" cy="330028"/>
                <a:chOff x="1619119" y="4095648"/>
                <a:chExt cx="6068616" cy="330028"/>
              </a:xfrm>
            </p:grpSpPr>
            <p:sp>
              <p:nvSpPr>
                <p:cNvPr id="50" name="Freeform 49"/>
                <p:cNvSpPr/>
                <p:nvPr/>
              </p:nvSpPr>
              <p:spPr>
                <a:xfrm>
                  <a:off x="2481484" y="4095648"/>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sign</a:t>
                  </a:r>
                </a:p>
              </p:txBody>
            </p:sp>
            <p:sp>
              <p:nvSpPr>
                <p:cNvPr id="54" name="Freeform 53"/>
                <p:cNvSpPr/>
                <p:nvPr/>
              </p:nvSpPr>
              <p:spPr>
                <a:xfrm>
                  <a:off x="3343849" y="4095648"/>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Planning</a:t>
                  </a:r>
                </a:p>
              </p:txBody>
            </p:sp>
            <p:sp>
              <p:nvSpPr>
                <p:cNvPr id="55" name="Freeform 54"/>
                <p:cNvSpPr/>
                <p:nvPr/>
              </p:nvSpPr>
              <p:spPr>
                <a:xfrm>
                  <a:off x="4206214" y="4095648"/>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a:t>
                  </a:r>
                </a:p>
                <a:p>
                  <a:pPr algn="ctr"/>
                  <a:r>
                    <a:rPr lang="en-US" sz="700" b="1" cap="all" spc="70">
                      <a:latin typeface="+mj-lt"/>
                    </a:rPr>
                    <a:t>Ready</a:t>
                  </a:r>
                </a:p>
              </p:txBody>
            </p:sp>
            <p:sp>
              <p:nvSpPr>
                <p:cNvPr id="57" name="Freeform 56"/>
                <p:cNvSpPr/>
                <p:nvPr/>
              </p:nvSpPr>
              <p:spPr>
                <a:xfrm>
                  <a:off x="5068579" y="4095648"/>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60" name="Freeform 59"/>
                <p:cNvSpPr/>
                <p:nvPr/>
              </p:nvSpPr>
              <p:spPr>
                <a:xfrm>
                  <a:off x="5930944" y="4095648"/>
                  <a:ext cx="947152" cy="330028"/>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5"/>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validation</a:t>
                  </a:r>
                </a:p>
              </p:txBody>
            </p:sp>
            <p:sp>
              <p:nvSpPr>
                <p:cNvPr id="64" name="Freeform 63"/>
                <p:cNvSpPr/>
                <p:nvPr/>
              </p:nvSpPr>
              <p:spPr>
                <a:xfrm>
                  <a:off x="6800515" y="4095648"/>
                  <a:ext cx="887220" cy="330028"/>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Feature Completed</a:t>
                  </a:r>
                </a:p>
              </p:txBody>
            </p:sp>
            <p:sp>
              <p:nvSpPr>
                <p:cNvPr id="144" name="Freeform 143"/>
                <p:cNvSpPr/>
                <p:nvPr/>
              </p:nvSpPr>
              <p:spPr>
                <a:xfrm>
                  <a:off x="1619119" y="4095648"/>
                  <a:ext cx="947152" cy="330028"/>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Intake</a:t>
                  </a:r>
                </a:p>
              </p:txBody>
            </p:sp>
          </p:grpSp>
          <p:sp>
            <p:nvSpPr>
              <p:cNvPr id="116" name="TextBox 115"/>
              <p:cNvSpPr txBox="1"/>
              <p:nvPr/>
            </p:nvSpPr>
            <p:spPr>
              <a:xfrm>
                <a:off x="332685" y="3357031"/>
                <a:ext cx="1251082" cy="182574"/>
              </a:xfrm>
              <a:prstGeom prst="rect">
                <a:avLst/>
              </a:prstGeom>
              <a:noFill/>
            </p:spPr>
            <p:txBody>
              <a:bodyPr wrap="square" rtlCol="0">
                <a:spAutoFit/>
              </a:bodyPr>
              <a:lstStyle/>
              <a:p>
                <a:pPr algn="ctr"/>
                <a:r>
                  <a:rPr lang="en-US" sz="800" i="1" spc="100">
                    <a:solidFill>
                      <a:schemeClr val="tx2"/>
                    </a:solidFill>
                  </a:rPr>
                  <a:t>Epic | Kanban</a:t>
                </a:r>
              </a:p>
            </p:txBody>
          </p:sp>
          <p:sp>
            <p:nvSpPr>
              <p:cNvPr id="117" name="TextBox 116"/>
              <p:cNvSpPr txBox="1"/>
              <p:nvPr/>
            </p:nvSpPr>
            <p:spPr>
              <a:xfrm>
                <a:off x="393568" y="4260662"/>
                <a:ext cx="1251082" cy="182574"/>
              </a:xfrm>
              <a:prstGeom prst="rect">
                <a:avLst/>
              </a:prstGeom>
              <a:noFill/>
            </p:spPr>
            <p:txBody>
              <a:bodyPr wrap="square" rtlCol="0">
                <a:spAutoFit/>
              </a:bodyPr>
              <a:lstStyle/>
              <a:p>
                <a:pPr algn="ctr"/>
                <a:r>
                  <a:rPr lang="en-US" sz="800" i="1" spc="100">
                    <a:solidFill>
                      <a:schemeClr val="tx2"/>
                    </a:solidFill>
                  </a:rPr>
                  <a:t>Feature | Kanban</a:t>
                </a:r>
              </a:p>
            </p:txBody>
          </p:sp>
          <p:sp>
            <p:nvSpPr>
              <p:cNvPr id="118" name="TextBox 117"/>
              <p:cNvSpPr txBox="1"/>
              <p:nvPr/>
            </p:nvSpPr>
            <p:spPr>
              <a:xfrm>
                <a:off x="2114557" y="5211628"/>
                <a:ext cx="1251082" cy="182574"/>
              </a:xfrm>
              <a:prstGeom prst="rect">
                <a:avLst/>
              </a:prstGeom>
              <a:noFill/>
            </p:spPr>
            <p:txBody>
              <a:bodyPr wrap="square" rtlCol="0">
                <a:spAutoFit/>
              </a:bodyPr>
              <a:lstStyle/>
              <a:p>
                <a:pPr algn="ctr"/>
                <a:r>
                  <a:rPr lang="en-US" sz="800" i="1" spc="100">
                    <a:solidFill>
                      <a:schemeClr val="tx2"/>
                    </a:solidFill>
                  </a:rPr>
                  <a:t>Story | Scrum</a:t>
                </a:r>
              </a:p>
            </p:txBody>
          </p:sp>
        </p:grpSp>
      </p:grpSp>
      <p:sp>
        <p:nvSpPr>
          <p:cNvPr id="18" name="Slide Number Placeholder 17">
            <a:extLst>
              <a:ext uri="{FF2B5EF4-FFF2-40B4-BE49-F238E27FC236}">
                <a16:creationId xmlns:a16="http://schemas.microsoft.com/office/drawing/2014/main" id="{DFDCD0F8-9E58-CD4C-A5C1-98A68F3570A7}"/>
              </a:ext>
            </a:extLst>
          </p:cNvPr>
          <p:cNvSpPr>
            <a:spLocks noGrp="1"/>
          </p:cNvSpPr>
          <p:nvPr>
            <p:ph type="sldNum" sz="quarter" idx="4"/>
          </p:nvPr>
        </p:nvSpPr>
        <p:spPr/>
        <p:txBody>
          <a:bodyPr/>
          <a:lstStyle/>
          <a:p>
            <a:fld id="{742ED878-647B-DB4D-84DF-0BCCAF9DD0BF}" type="slidenum">
              <a:rPr lang="en-US" smtClean="0"/>
              <a:pPr/>
              <a:t>17</a:t>
            </a:fld>
            <a:endParaRPr lang="en-US" dirty="0"/>
          </a:p>
        </p:txBody>
      </p:sp>
    </p:spTree>
    <p:extLst>
      <p:ext uri="{BB962C8B-B14F-4D97-AF65-F5344CB8AC3E}">
        <p14:creationId xmlns:p14="http://schemas.microsoft.com/office/powerpoint/2010/main" val="17977571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2376C07-7066-004B-8743-FD1421C85CB2}"/>
              </a:ext>
            </a:extLst>
          </p:cNvPr>
          <p:cNvSpPr>
            <a:spLocks noGrp="1"/>
          </p:cNvSpPr>
          <p:nvPr>
            <p:ph type="ctrTitle"/>
          </p:nvPr>
        </p:nvSpPr>
        <p:spPr/>
        <p:txBody>
          <a:bodyPr/>
          <a:lstStyle/>
          <a:p>
            <a:r>
              <a:rPr lang="en-US"/>
              <a:t>Portfolio Team</a:t>
            </a:r>
          </a:p>
        </p:txBody>
      </p:sp>
      <p:sp>
        <p:nvSpPr>
          <p:cNvPr id="3" name="Subtitle 2">
            <a:extLst>
              <a:ext uri="{FF2B5EF4-FFF2-40B4-BE49-F238E27FC236}">
                <a16:creationId xmlns:a16="http://schemas.microsoft.com/office/drawing/2014/main" id="{9B7D66D1-DFC6-D243-881C-EBED5290E8EA}"/>
              </a:ext>
            </a:extLst>
          </p:cNvPr>
          <p:cNvSpPr>
            <a:spLocks noGrp="1"/>
          </p:cNvSpPr>
          <p:nvPr>
            <p:ph type="subTitle" idx="1"/>
          </p:nvPr>
        </p:nvSpPr>
        <p:spPr/>
        <p:txBody>
          <a:bodyPr vert="horz" lIns="91440" tIns="45720" rIns="91440" bIns="45720" rtlCol="0" anchor="t">
            <a:noAutofit/>
          </a:bodyPr>
          <a:lstStyle/>
          <a:p>
            <a:endParaRPr lang="en-US" sz="1550">
              <a:cs typeface="Calibri"/>
            </a:endParaRPr>
          </a:p>
          <a:p>
            <a:endParaRPr lang="en-US" sz="1550"/>
          </a:p>
        </p:txBody>
      </p:sp>
    </p:spTree>
    <p:custDataLst>
      <p:custData r:id="rId1"/>
      <p:custData r:id="rId2"/>
    </p:custDataLst>
    <p:extLst>
      <p:ext uri="{BB962C8B-B14F-4D97-AF65-F5344CB8AC3E}">
        <p14:creationId xmlns:p14="http://schemas.microsoft.com/office/powerpoint/2010/main" val="7351592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062D87B-EE56-6144-B3B0-67D4A64204C4}"/>
              </a:ext>
            </a:extLst>
          </p:cNvPr>
          <p:cNvSpPr>
            <a:spLocks noGrp="1"/>
          </p:cNvSpPr>
          <p:nvPr>
            <p:ph type="body" sz="quarter" idx="10"/>
          </p:nvPr>
        </p:nvSpPr>
        <p:spPr/>
        <p:txBody>
          <a:bodyPr/>
          <a:lstStyle/>
          <a:p>
            <a:r>
              <a:rPr lang="en-US"/>
              <a:t>The Portfolio Team, a cross-functional team of leaders</a:t>
            </a:r>
          </a:p>
        </p:txBody>
      </p:sp>
      <p:sp>
        <p:nvSpPr>
          <p:cNvPr id="60" name="Rectangle 59">
            <a:extLst>
              <a:ext uri="{FF2B5EF4-FFF2-40B4-BE49-F238E27FC236}">
                <a16:creationId xmlns:a16="http://schemas.microsoft.com/office/drawing/2014/main" id="{DC18B974-4248-064B-AD1A-001385233962}"/>
              </a:ext>
            </a:extLst>
          </p:cNvPr>
          <p:cNvSpPr/>
          <p:nvPr/>
        </p:nvSpPr>
        <p:spPr>
          <a:xfrm>
            <a:off x="1700783" y="2330278"/>
            <a:ext cx="3600279" cy="1015663"/>
          </a:xfrm>
          <a:prstGeom prst="rect">
            <a:avLst/>
          </a:prstGeom>
        </p:spPr>
        <p:txBody>
          <a:bodyPr wrap="square">
            <a:spAutoFit/>
          </a:bodyPr>
          <a:lstStyle/>
          <a:p>
            <a:r>
              <a:rPr lang="en-US" sz="1200" dirty="0">
                <a:solidFill>
                  <a:schemeClr val="accent4">
                    <a:lumMod val="50000"/>
                  </a:schemeClr>
                </a:solidFill>
              </a:rPr>
              <a:t>The role of the </a:t>
            </a:r>
            <a:r>
              <a:rPr lang="en-US" sz="1200" b="1" dirty="0">
                <a:solidFill>
                  <a:schemeClr val="accent4">
                    <a:lumMod val="50000"/>
                  </a:schemeClr>
                </a:solidFill>
              </a:rPr>
              <a:t>Portfolio Team </a:t>
            </a:r>
            <a:r>
              <a:rPr lang="en-US" sz="1200" dirty="0">
                <a:solidFill>
                  <a:schemeClr val="accent4">
                    <a:lumMod val="50000"/>
                  </a:schemeClr>
                </a:solidFill>
              </a:rPr>
              <a:t>is to </a:t>
            </a:r>
            <a:r>
              <a:rPr lang="en-US" sz="1200" b="1" dirty="0">
                <a:solidFill>
                  <a:schemeClr val="accent4">
                    <a:lumMod val="50000"/>
                  </a:schemeClr>
                </a:solidFill>
              </a:rPr>
              <a:t>maximize the flow of value</a:t>
            </a:r>
            <a:r>
              <a:rPr lang="en-US" sz="1200" dirty="0">
                <a:solidFill>
                  <a:schemeClr val="accent4">
                    <a:lumMod val="50000"/>
                  </a:schemeClr>
                </a:solidFill>
              </a:rPr>
              <a:t> through the organization by managing the </a:t>
            </a:r>
            <a:r>
              <a:rPr lang="en-US" sz="1200" b="1" dirty="0">
                <a:solidFill>
                  <a:schemeClr val="accent4">
                    <a:lumMod val="50000"/>
                  </a:schemeClr>
                </a:solidFill>
              </a:rPr>
              <a:t>throughput</a:t>
            </a:r>
            <a:r>
              <a:rPr lang="en-US" sz="1200" dirty="0">
                <a:solidFill>
                  <a:schemeClr val="accent4">
                    <a:lumMod val="50000"/>
                  </a:schemeClr>
                </a:solidFill>
              </a:rPr>
              <a:t> and </a:t>
            </a:r>
            <a:r>
              <a:rPr lang="en-US" sz="1200" b="1" dirty="0">
                <a:solidFill>
                  <a:schemeClr val="accent4">
                    <a:lumMod val="50000"/>
                  </a:schemeClr>
                </a:solidFill>
              </a:rPr>
              <a:t>value density</a:t>
            </a:r>
            <a:r>
              <a:rPr lang="en-US" sz="1200" dirty="0">
                <a:solidFill>
                  <a:schemeClr val="accent4">
                    <a:lumMod val="50000"/>
                  </a:schemeClr>
                </a:solidFill>
              </a:rPr>
              <a:t>, </a:t>
            </a:r>
            <a:r>
              <a:rPr lang="en-US" sz="1200" b="1" dirty="0">
                <a:solidFill>
                  <a:schemeClr val="accent4">
                    <a:lumMod val="50000"/>
                  </a:schemeClr>
                </a:solidFill>
              </a:rPr>
              <a:t>ensuring a focus on the achievement of business outcomes</a:t>
            </a:r>
            <a:r>
              <a:rPr lang="en-US" sz="1200" dirty="0">
                <a:solidFill>
                  <a:schemeClr val="accent4">
                    <a:lumMod val="50000"/>
                  </a:schemeClr>
                </a:solidFill>
              </a:rPr>
              <a:t>. </a:t>
            </a:r>
          </a:p>
        </p:txBody>
      </p:sp>
      <p:sp>
        <p:nvSpPr>
          <p:cNvPr id="10" name="Title 9">
            <a:extLst>
              <a:ext uri="{FF2B5EF4-FFF2-40B4-BE49-F238E27FC236}">
                <a16:creationId xmlns:a16="http://schemas.microsoft.com/office/drawing/2014/main" id="{BF66E20A-4419-0043-9CA0-0BEEF0188011}"/>
              </a:ext>
            </a:extLst>
          </p:cNvPr>
          <p:cNvSpPr>
            <a:spLocks noGrp="1"/>
          </p:cNvSpPr>
          <p:nvPr>
            <p:ph type="title"/>
          </p:nvPr>
        </p:nvSpPr>
        <p:spPr/>
        <p:txBody>
          <a:bodyPr/>
          <a:lstStyle/>
          <a:p>
            <a:r>
              <a:rPr lang="en-US"/>
              <a:t>Foundational team roles</a:t>
            </a:r>
          </a:p>
        </p:txBody>
      </p:sp>
      <p:sp>
        <p:nvSpPr>
          <p:cNvPr id="8" name="Oval 7">
            <a:extLst>
              <a:ext uri="{FF2B5EF4-FFF2-40B4-BE49-F238E27FC236}">
                <a16:creationId xmlns:a16="http://schemas.microsoft.com/office/drawing/2014/main" id="{791E64FA-62B5-0E40-9B48-8A428EC6F7E2}"/>
              </a:ext>
            </a:extLst>
          </p:cNvPr>
          <p:cNvSpPr/>
          <p:nvPr/>
        </p:nvSpPr>
        <p:spPr>
          <a:xfrm>
            <a:off x="5695786" y="2716323"/>
            <a:ext cx="2900855" cy="2900855"/>
          </a:xfrm>
          <a:prstGeom prst="ellipse">
            <a:avLst/>
          </a:prstGeom>
          <a:noFill/>
          <a:ln w="19050">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47" name="Rounded Rectangle 46">
            <a:extLst>
              <a:ext uri="{FF2B5EF4-FFF2-40B4-BE49-F238E27FC236}">
                <a16:creationId xmlns:a16="http://schemas.microsoft.com/office/drawing/2014/main" id="{E6CB42AD-4E40-954E-A6CF-9AA83FF0F9CB}"/>
              </a:ext>
            </a:extLst>
          </p:cNvPr>
          <p:cNvSpPr/>
          <p:nvPr/>
        </p:nvSpPr>
        <p:spPr>
          <a:xfrm>
            <a:off x="6343563" y="1697420"/>
            <a:ext cx="1614115" cy="494973"/>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b="1">
              <a:latin typeface="+mj-lt"/>
            </a:endParaRPr>
          </a:p>
        </p:txBody>
      </p:sp>
      <p:sp>
        <p:nvSpPr>
          <p:cNvPr id="13" name="Rectangle 12">
            <a:extLst>
              <a:ext uri="{FF2B5EF4-FFF2-40B4-BE49-F238E27FC236}">
                <a16:creationId xmlns:a16="http://schemas.microsoft.com/office/drawing/2014/main" id="{DE27FC2D-0EFD-FE46-99C3-864EFF70BA3D}"/>
              </a:ext>
            </a:extLst>
          </p:cNvPr>
          <p:cNvSpPr/>
          <p:nvPr/>
        </p:nvSpPr>
        <p:spPr>
          <a:xfrm>
            <a:off x="6584562" y="1727305"/>
            <a:ext cx="1132116" cy="369332"/>
          </a:xfrm>
          <a:prstGeom prst="rect">
            <a:avLst/>
          </a:prstGeom>
        </p:spPr>
        <p:txBody>
          <a:bodyPr wrap="square">
            <a:spAutoFit/>
          </a:bodyPr>
          <a:lstStyle/>
          <a:p>
            <a:pPr algn="ctr"/>
            <a:r>
              <a:rPr lang="en-US" sz="900" b="1" spc="100" dirty="0">
                <a:solidFill>
                  <a:schemeClr val="bg1"/>
                </a:solidFill>
              </a:rPr>
              <a:t>PRODUCT </a:t>
            </a:r>
            <a:br>
              <a:rPr lang="en-US" sz="900" b="1" spc="100" dirty="0">
                <a:solidFill>
                  <a:schemeClr val="bg1"/>
                </a:solidFill>
              </a:rPr>
            </a:br>
            <a:r>
              <a:rPr lang="en-US" sz="900" b="1" spc="100" dirty="0">
                <a:solidFill>
                  <a:schemeClr val="bg1"/>
                </a:solidFill>
              </a:rPr>
              <a:t>MANAGER</a:t>
            </a:r>
          </a:p>
        </p:txBody>
      </p:sp>
      <p:sp>
        <p:nvSpPr>
          <p:cNvPr id="14" name="Rounded Rectangle 13">
            <a:extLst>
              <a:ext uri="{FF2B5EF4-FFF2-40B4-BE49-F238E27FC236}">
                <a16:creationId xmlns:a16="http://schemas.microsoft.com/office/drawing/2014/main" id="{EC20534A-5D3A-7A4E-BA72-6F781A817AF6}"/>
              </a:ext>
            </a:extLst>
          </p:cNvPr>
          <p:cNvSpPr/>
          <p:nvPr/>
        </p:nvSpPr>
        <p:spPr>
          <a:xfrm>
            <a:off x="3428676" y="3959000"/>
            <a:ext cx="1614115" cy="494973"/>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20" name="Rectangle 19">
            <a:extLst>
              <a:ext uri="{FF2B5EF4-FFF2-40B4-BE49-F238E27FC236}">
                <a16:creationId xmlns:a16="http://schemas.microsoft.com/office/drawing/2014/main" id="{A5A93163-4F86-B040-9DB5-6DCE912DC837}"/>
              </a:ext>
            </a:extLst>
          </p:cNvPr>
          <p:cNvSpPr/>
          <p:nvPr/>
        </p:nvSpPr>
        <p:spPr>
          <a:xfrm>
            <a:off x="3436627" y="3990964"/>
            <a:ext cx="1587736" cy="369332"/>
          </a:xfrm>
          <a:prstGeom prst="rect">
            <a:avLst/>
          </a:prstGeom>
        </p:spPr>
        <p:txBody>
          <a:bodyPr wrap="square">
            <a:spAutoFit/>
          </a:bodyPr>
          <a:lstStyle/>
          <a:p>
            <a:pPr algn="ctr"/>
            <a:r>
              <a:rPr lang="en-US" sz="900" b="1" spc="100" dirty="0">
                <a:solidFill>
                  <a:schemeClr val="bg1"/>
                </a:solidFill>
              </a:rPr>
              <a:t>STRATEGIC </a:t>
            </a:r>
            <a:br>
              <a:rPr lang="en-US" sz="900" b="1" spc="100" dirty="0">
                <a:solidFill>
                  <a:schemeClr val="bg1"/>
                </a:solidFill>
              </a:rPr>
            </a:br>
            <a:r>
              <a:rPr lang="en-US" sz="900" b="1" spc="100" dirty="0">
                <a:solidFill>
                  <a:schemeClr val="bg1"/>
                </a:solidFill>
              </a:rPr>
              <a:t>PRODUCT DESIGNER</a:t>
            </a:r>
          </a:p>
        </p:txBody>
      </p:sp>
      <p:sp>
        <p:nvSpPr>
          <p:cNvPr id="45" name="Rounded Rectangle 44">
            <a:extLst>
              <a:ext uri="{FF2B5EF4-FFF2-40B4-BE49-F238E27FC236}">
                <a16:creationId xmlns:a16="http://schemas.microsoft.com/office/drawing/2014/main" id="{8E04C39E-B78D-F445-B879-D081A177E77F}"/>
              </a:ext>
            </a:extLst>
          </p:cNvPr>
          <p:cNvSpPr/>
          <p:nvPr/>
        </p:nvSpPr>
        <p:spPr>
          <a:xfrm>
            <a:off x="6416582" y="6135363"/>
            <a:ext cx="1614115" cy="494973"/>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15" name="Rectangle 14">
            <a:extLst>
              <a:ext uri="{FF2B5EF4-FFF2-40B4-BE49-F238E27FC236}">
                <a16:creationId xmlns:a16="http://schemas.microsoft.com/office/drawing/2014/main" id="{C4BB28D6-6D1F-464E-B280-24C39D13BAB5}"/>
              </a:ext>
            </a:extLst>
          </p:cNvPr>
          <p:cNvSpPr/>
          <p:nvPr/>
        </p:nvSpPr>
        <p:spPr>
          <a:xfrm>
            <a:off x="6657581" y="6167342"/>
            <a:ext cx="1132116" cy="369332"/>
          </a:xfrm>
          <a:prstGeom prst="rect">
            <a:avLst/>
          </a:prstGeom>
        </p:spPr>
        <p:txBody>
          <a:bodyPr wrap="square">
            <a:spAutoFit/>
          </a:bodyPr>
          <a:lstStyle/>
          <a:p>
            <a:pPr algn="ctr"/>
            <a:r>
              <a:rPr lang="en-US" sz="900" b="1" spc="100">
                <a:solidFill>
                  <a:schemeClr val="bg1"/>
                </a:solidFill>
              </a:rPr>
              <a:t>SOLUTION </a:t>
            </a:r>
            <a:br>
              <a:rPr lang="en-US" sz="900" b="1" spc="100">
                <a:solidFill>
                  <a:schemeClr val="bg1"/>
                </a:solidFill>
              </a:rPr>
            </a:br>
            <a:r>
              <a:rPr lang="en-US" sz="900" b="1" spc="100">
                <a:solidFill>
                  <a:schemeClr val="bg1"/>
                </a:solidFill>
              </a:rPr>
              <a:t>ARCHITECT</a:t>
            </a:r>
          </a:p>
        </p:txBody>
      </p:sp>
      <p:sp>
        <p:nvSpPr>
          <p:cNvPr id="44" name="Rounded Rectangle 43">
            <a:extLst>
              <a:ext uri="{FF2B5EF4-FFF2-40B4-BE49-F238E27FC236}">
                <a16:creationId xmlns:a16="http://schemas.microsoft.com/office/drawing/2014/main" id="{040F741E-D807-854E-A23C-E551CED38914}"/>
              </a:ext>
            </a:extLst>
          </p:cNvPr>
          <p:cNvSpPr/>
          <p:nvPr/>
        </p:nvSpPr>
        <p:spPr>
          <a:xfrm>
            <a:off x="9137891" y="3918927"/>
            <a:ext cx="1614115" cy="494973"/>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18" name="Rectangle 17">
            <a:extLst>
              <a:ext uri="{FF2B5EF4-FFF2-40B4-BE49-F238E27FC236}">
                <a16:creationId xmlns:a16="http://schemas.microsoft.com/office/drawing/2014/main" id="{B509019C-9F9F-604E-8A0C-D63FD0C9214F}"/>
              </a:ext>
            </a:extLst>
          </p:cNvPr>
          <p:cNvSpPr/>
          <p:nvPr/>
        </p:nvSpPr>
        <p:spPr>
          <a:xfrm>
            <a:off x="9148261" y="3958664"/>
            <a:ext cx="1614115" cy="369332"/>
          </a:xfrm>
          <a:prstGeom prst="rect">
            <a:avLst/>
          </a:prstGeom>
        </p:spPr>
        <p:txBody>
          <a:bodyPr wrap="square">
            <a:spAutoFit/>
          </a:bodyPr>
          <a:lstStyle/>
          <a:p>
            <a:pPr algn="ctr"/>
            <a:r>
              <a:rPr lang="en-US" sz="900" b="1" spc="100" dirty="0">
                <a:solidFill>
                  <a:schemeClr val="bg1"/>
                </a:solidFill>
              </a:rPr>
              <a:t>PORTFOLIO </a:t>
            </a:r>
            <a:br>
              <a:rPr lang="en-US" sz="900" b="1" spc="100" dirty="0">
                <a:solidFill>
                  <a:schemeClr val="bg1"/>
                </a:solidFill>
              </a:rPr>
            </a:br>
            <a:r>
              <a:rPr lang="en-US" sz="900" b="1" spc="100" dirty="0">
                <a:solidFill>
                  <a:schemeClr val="bg1"/>
                </a:solidFill>
              </a:rPr>
              <a:t>ORCHESTRATOR</a:t>
            </a:r>
          </a:p>
        </p:txBody>
      </p:sp>
      <p:grpSp>
        <p:nvGrpSpPr>
          <p:cNvPr id="55" name="Group 54">
            <a:extLst>
              <a:ext uri="{FF2B5EF4-FFF2-40B4-BE49-F238E27FC236}">
                <a16:creationId xmlns:a16="http://schemas.microsoft.com/office/drawing/2014/main" id="{B365A268-8C59-044A-B0F1-DFA2D27B1665}"/>
              </a:ext>
            </a:extLst>
          </p:cNvPr>
          <p:cNvGrpSpPr/>
          <p:nvPr/>
        </p:nvGrpSpPr>
        <p:grpSpPr>
          <a:xfrm>
            <a:off x="6498847" y="4840493"/>
            <a:ext cx="1309784" cy="1185916"/>
            <a:chOff x="6498847" y="4840493"/>
            <a:chExt cx="1309784" cy="1185916"/>
          </a:xfrm>
        </p:grpSpPr>
        <p:sp>
          <p:nvSpPr>
            <p:cNvPr id="43" name="Oval 42">
              <a:extLst>
                <a:ext uri="{FF2B5EF4-FFF2-40B4-BE49-F238E27FC236}">
                  <a16:creationId xmlns:a16="http://schemas.microsoft.com/office/drawing/2014/main" id="{91941ADA-E679-3143-B6DE-3005FE75BCD4}"/>
                </a:ext>
              </a:extLst>
            </p:cNvPr>
            <p:cNvSpPr/>
            <p:nvPr/>
          </p:nvSpPr>
          <p:spPr>
            <a:xfrm>
              <a:off x="6622715" y="4840493"/>
              <a:ext cx="1185916" cy="1185916"/>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35" name="Graphic 2">
              <a:extLst>
                <a:ext uri="{FF2B5EF4-FFF2-40B4-BE49-F238E27FC236}">
                  <a16:creationId xmlns:a16="http://schemas.microsoft.com/office/drawing/2014/main" id="{97F573F2-0394-6D40-8089-4BA5BA0A7B02}"/>
                </a:ext>
              </a:extLst>
            </p:cNvPr>
            <p:cNvSpPr/>
            <p:nvPr/>
          </p:nvSpPr>
          <p:spPr>
            <a:xfrm>
              <a:off x="6498847" y="5099900"/>
              <a:ext cx="313738" cy="287388"/>
            </a:xfrm>
            <a:custGeom>
              <a:avLst/>
              <a:gdLst>
                <a:gd name="connsiteX0" fmla="*/ 313546 w 313738"/>
                <a:gd name="connsiteY0" fmla="*/ 6515 h 287388"/>
                <a:gd name="connsiteX1" fmla="*/ 313546 w 313738"/>
                <a:gd name="connsiteY1" fmla="*/ 71859 h 287388"/>
                <a:gd name="connsiteX2" fmla="*/ 306982 w 313738"/>
                <a:gd name="connsiteY2" fmla="*/ 78374 h 287388"/>
                <a:gd name="connsiteX3" fmla="*/ 111047 w 313738"/>
                <a:gd name="connsiteY3" fmla="*/ 78374 h 287388"/>
                <a:gd name="connsiteX4" fmla="*/ 104676 w 313738"/>
                <a:gd name="connsiteY4" fmla="*/ 71859 h 287388"/>
                <a:gd name="connsiteX5" fmla="*/ 104676 w 313738"/>
                <a:gd name="connsiteY5" fmla="*/ 6515 h 287388"/>
                <a:gd name="connsiteX6" fmla="*/ 111191 w 313738"/>
                <a:gd name="connsiteY6" fmla="*/ 0 h 287388"/>
                <a:gd name="connsiteX7" fmla="*/ 111240 w 313738"/>
                <a:gd name="connsiteY7" fmla="*/ 0 h 287388"/>
                <a:gd name="connsiteX8" fmla="*/ 307175 w 313738"/>
                <a:gd name="connsiteY8" fmla="*/ 0 h 287388"/>
                <a:gd name="connsiteX9" fmla="*/ 313546 w 313738"/>
                <a:gd name="connsiteY9" fmla="*/ 6515 h 287388"/>
                <a:gd name="connsiteX10" fmla="*/ 306982 w 313738"/>
                <a:gd name="connsiteY10" fmla="*/ 104483 h 287388"/>
                <a:gd name="connsiteX11" fmla="*/ 111047 w 313738"/>
                <a:gd name="connsiteY11" fmla="*/ 104483 h 287388"/>
                <a:gd name="connsiteX12" fmla="*/ 104676 w 313738"/>
                <a:gd name="connsiteY12" fmla="*/ 111046 h 287388"/>
                <a:gd name="connsiteX13" fmla="*/ 104676 w 313738"/>
                <a:gd name="connsiteY13" fmla="*/ 176342 h 287388"/>
                <a:gd name="connsiteX14" fmla="*/ 111240 w 313738"/>
                <a:gd name="connsiteY14" fmla="*/ 182906 h 287388"/>
                <a:gd name="connsiteX15" fmla="*/ 307175 w 313738"/>
                <a:gd name="connsiteY15" fmla="*/ 182906 h 287388"/>
                <a:gd name="connsiteX16" fmla="*/ 313739 w 313738"/>
                <a:gd name="connsiteY16" fmla="*/ 176342 h 287388"/>
                <a:gd name="connsiteX17" fmla="*/ 313739 w 313738"/>
                <a:gd name="connsiteY17" fmla="*/ 111046 h 287388"/>
                <a:gd name="connsiteX18" fmla="*/ 307178 w 313738"/>
                <a:gd name="connsiteY18" fmla="*/ 104480 h 287388"/>
                <a:gd name="connsiteX19" fmla="*/ 306982 w 313738"/>
                <a:gd name="connsiteY19" fmla="*/ 104483 h 287388"/>
                <a:gd name="connsiteX20" fmla="*/ 306982 w 313738"/>
                <a:gd name="connsiteY20" fmla="*/ 209014 h 287388"/>
                <a:gd name="connsiteX21" fmla="*/ 111047 w 313738"/>
                <a:gd name="connsiteY21" fmla="*/ 209014 h 287388"/>
                <a:gd name="connsiteX22" fmla="*/ 104676 w 313738"/>
                <a:gd name="connsiteY22" fmla="*/ 215529 h 287388"/>
                <a:gd name="connsiteX23" fmla="*/ 104676 w 313738"/>
                <a:gd name="connsiteY23" fmla="*/ 280873 h 287388"/>
                <a:gd name="connsiteX24" fmla="*/ 111191 w 313738"/>
                <a:gd name="connsiteY24" fmla="*/ 287389 h 287388"/>
                <a:gd name="connsiteX25" fmla="*/ 111240 w 313738"/>
                <a:gd name="connsiteY25" fmla="*/ 287389 h 287388"/>
                <a:gd name="connsiteX26" fmla="*/ 307175 w 313738"/>
                <a:gd name="connsiteY26" fmla="*/ 287389 h 287388"/>
                <a:gd name="connsiteX27" fmla="*/ 313739 w 313738"/>
                <a:gd name="connsiteY27" fmla="*/ 280922 h 287388"/>
                <a:gd name="connsiteX28" fmla="*/ 313739 w 313738"/>
                <a:gd name="connsiteY28" fmla="*/ 280873 h 287388"/>
                <a:gd name="connsiteX29" fmla="*/ 313739 w 313738"/>
                <a:gd name="connsiteY29" fmla="*/ 215529 h 287388"/>
                <a:gd name="connsiteX30" fmla="*/ 307130 w 313738"/>
                <a:gd name="connsiteY30" fmla="*/ 209009 h 287388"/>
                <a:gd name="connsiteX31" fmla="*/ 306982 w 313738"/>
                <a:gd name="connsiteY31" fmla="*/ 209014 h 287388"/>
                <a:gd name="connsiteX32" fmla="*/ 71860 w 313738"/>
                <a:gd name="connsiteY32" fmla="*/ 0 h 287388"/>
                <a:gd name="connsiteX33" fmla="*/ 6515 w 313738"/>
                <a:gd name="connsiteY33" fmla="*/ 0 h 287388"/>
                <a:gd name="connsiteX34" fmla="*/ 0 w 313738"/>
                <a:gd name="connsiteY34" fmla="*/ 6418 h 287388"/>
                <a:gd name="connsiteX35" fmla="*/ 0 w 313738"/>
                <a:gd name="connsiteY35" fmla="*/ 6515 h 287388"/>
                <a:gd name="connsiteX36" fmla="*/ 0 w 313738"/>
                <a:gd name="connsiteY36" fmla="*/ 71859 h 287388"/>
                <a:gd name="connsiteX37" fmla="*/ 6515 w 313738"/>
                <a:gd name="connsiteY37" fmla="*/ 78374 h 287388"/>
                <a:gd name="connsiteX38" fmla="*/ 71860 w 313738"/>
                <a:gd name="connsiteY38" fmla="*/ 78374 h 287388"/>
                <a:gd name="connsiteX39" fmla="*/ 78375 w 313738"/>
                <a:gd name="connsiteY39" fmla="*/ 71859 h 287388"/>
                <a:gd name="connsiteX40" fmla="*/ 78375 w 313738"/>
                <a:gd name="connsiteY40" fmla="*/ 6515 h 287388"/>
                <a:gd name="connsiteX41" fmla="*/ 71860 w 313738"/>
                <a:gd name="connsiteY41" fmla="*/ 0 h 287388"/>
                <a:gd name="connsiteX42" fmla="*/ 71860 w 313738"/>
                <a:gd name="connsiteY42" fmla="*/ 104483 h 287388"/>
                <a:gd name="connsiteX43" fmla="*/ 6515 w 313738"/>
                <a:gd name="connsiteY43" fmla="*/ 104483 h 287388"/>
                <a:gd name="connsiteX44" fmla="*/ 0 w 313738"/>
                <a:gd name="connsiteY44" fmla="*/ 110998 h 287388"/>
                <a:gd name="connsiteX45" fmla="*/ 0 w 313738"/>
                <a:gd name="connsiteY45" fmla="*/ 111046 h 287388"/>
                <a:gd name="connsiteX46" fmla="*/ 0 w 313738"/>
                <a:gd name="connsiteY46" fmla="*/ 176342 h 287388"/>
                <a:gd name="connsiteX47" fmla="*/ 6467 w 313738"/>
                <a:gd name="connsiteY47" fmla="*/ 182906 h 287388"/>
                <a:gd name="connsiteX48" fmla="*/ 6515 w 313738"/>
                <a:gd name="connsiteY48" fmla="*/ 182906 h 287388"/>
                <a:gd name="connsiteX49" fmla="*/ 71860 w 313738"/>
                <a:gd name="connsiteY49" fmla="*/ 182906 h 287388"/>
                <a:gd name="connsiteX50" fmla="*/ 78375 w 313738"/>
                <a:gd name="connsiteY50" fmla="*/ 176342 h 287388"/>
                <a:gd name="connsiteX51" fmla="*/ 78375 w 313738"/>
                <a:gd name="connsiteY51" fmla="*/ 111046 h 287388"/>
                <a:gd name="connsiteX52" fmla="*/ 71860 w 313738"/>
                <a:gd name="connsiteY52" fmla="*/ 104483 h 287388"/>
                <a:gd name="connsiteX53" fmla="*/ 71860 w 313738"/>
                <a:gd name="connsiteY53" fmla="*/ 209014 h 287388"/>
                <a:gd name="connsiteX54" fmla="*/ 6515 w 313738"/>
                <a:gd name="connsiteY54" fmla="*/ 209014 h 287388"/>
                <a:gd name="connsiteX55" fmla="*/ 0 w 313738"/>
                <a:gd name="connsiteY55" fmla="*/ 215529 h 287388"/>
                <a:gd name="connsiteX56" fmla="*/ 0 w 313738"/>
                <a:gd name="connsiteY56" fmla="*/ 280873 h 287388"/>
                <a:gd name="connsiteX57" fmla="*/ 6418 w 313738"/>
                <a:gd name="connsiteY57" fmla="*/ 287389 h 287388"/>
                <a:gd name="connsiteX58" fmla="*/ 6515 w 313738"/>
                <a:gd name="connsiteY58" fmla="*/ 287389 h 287388"/>
                <a:gd name="connsiteX59" fmla="*/ 71860 w 313738"/>
                <a:gd name="connsiteY59" fmla="*/ 287389 h 287388"/>
                <a:gd name="connsiteX60" fmla="*/ 78375 w 313738"/>
                <a:gd name="connsiteY60" fmla="*/ 280873 h 287388"/>
                <a:gd name="connsiteX61" fmla="*/ 78375 w 313738"/>
                <a:gd name="connsiteY61" fmla="*/ 215529 h 287388"/>
                <a:gd name="connsiteX62" fmla="*/ 71860 w 313738"/>
                <a:gd name="connsiteY62" fmla="*/ 209014 h 287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313738" h="287388">
                  <a:moveTo>
                    <a:pt x="313546" y="6515"/>
                  </a:moveTo>
                  <a:lnTo>
                    <a:pt x="313546" y="71859"/>
                  </a:lnTo>
                  <a:cubicBezTo>
                    <a:pt x="313519" y="75465"/>
                    <a:pt x="310588" y="78374"/>
                    <a:pt x="306982" y="78374"/>
                  </a:cubicBezTo>
                  <a:lnTo>
                    <a:pt x="111047" y="78374"/>
                  </a:lnTo>
                  <a:cubicBezTo>
                    <a:pt x="107516" y="78271"/>
                    <a:pt x="104701" y="75391"/>
                    <a:pt x="104676" y="71859"/>
                  </a:cubicBezTo>
                  <a:lnTo>
                    <a:pt x="104676" y="6515"/>
                  </a:lnTo>
                  <a:cubicBezTo>
                    <a:pt x="104676" y="2917"/>
                    <a:pt x="107593" y="0"/>
                    <a:pt x="111191" y="0"/>
                  </a:cubicBezTo>
                  <a:cubicBezTo>
                    <a:pt x="111207" y="0"/>
                    <a:pt x="111224" y="0"/>
                    <a:pt x="111240" y="0"/>
                  </a:cubicBezTo>
                  <a:lnTo>
                    <a:pt x="307175" y="0"/>
                  </a:lnTo>
                  <a:cubicBezTo>
                    <a:pt x="310717" y="79"/>
                    <a:pt x="313547" y="2973"/>
                    <a:pt x="313546" y="6515"/>
                  </a:cubicBezTo>
                  <a:close/>
                  <a:moveTo>
                    <a:pt x="306982" y="104483"/>
                  </a:moveTo>
                  <a:lnTo>
                    <a:pt x="111047" y="104483"/>
                  </a:lnTo>
                  <a:cubicBezTo>
                    <a:pt x="107498" y="104587"/>
                    <a:pt x="104675" y="107495"/>
                    <a:pt x="104676" y="111046"/>
                  </a:cubicBezTo>
                  <a:lnTo>
                    <a:pt x="104676" y="176342"/>
                  </a:lnTo>
                  <a:cubicBezTo>
                    <a:pt x="104676" y="179967"/>
                    <a:pt x="107615" y="182906"/>
                    <a:pt x="111240" y="182906"/>
                  </a:cubicBezTo>
                  <a:lnTo>
                    <a:pt x="307175" y="182906"/>
                  </a:lnTo>
                  <a:cubicBezTo>
                    <a:pt x="310800" y="182906"/>
                    <a:pt x="313739" y="179967"/>
                    <a:pt x="313739" y="176342"/>
                  </a:cubicBezTo>
                  <a:lnTo>
                    <a:pt x="313739" y="111046"/>
                  </a:lnTo>
                  <a:cubicBezTo>
                    <a:pt x="313740" y="107422"/>
                    <a:pt x="310803" y="104482"/>
                    <a:pt x="307178" y="104480"/>
                  </a:cubicBezTo>
                  <a:cubicBezTo>
                    <a:pt x="307113" y="104480"/>
                    <a:pt x="307047" y="104481"/>
                    <a:pt x="306982" y="104483"/>
                  </a:cubicBezTo>
                  <a:close/>
                  <a:moveTo>
                    <a:pt x="306982" y="209014"/>
                  </a:moveTo>
                  <a:lnTo>
                    <a:pt x="111047" y="209014"/>
                  </a:lnTo>
                  <a:cubicBezTo>
                    <a:pt x="107516" y="209120"/>
                    <a:pt x="104701" y="211997"/>
                    <a:pt x="104676" y="215529"/>
                  </a:cubicBezTo>
                  <a:lnTo>
                    <a:pt x="104676" y="280873"/>
                  </a:lnTo>
                  <a:cubicBezTo>
                    <a:pt x="104676" y="284474"/>
                    <a:pt x="107593" y="287389"/>
                    <a:pt x="111191" y="287389"/>
                  </a:cubicBezTo>
                  <a:cubicBezTo>
                    <a:pt x="111207" y="287389"/>
                    <a:pt x="111224" y="287389"/>
                    <a:pt x="111240" y="287389"/>
                  </a:cubicBezTo>
                  <a:lnTo>
                    <a:pt x="307175" y="287389"/>
                  </a:lnTo>
                  <a:cubicBezTo>
                    <a:pt x="310774" y="287417"/>
                    <a:pt x="313712" y="284522"/>
                    <a:pt x="313739" y="280922"/>
                  </a:cubicBezTo>
                  <a:cubicBezTo>
                    <a:pt x="313739" y="280907"/>
                    <a:pt x="313739" y="280888"/>
                    <a:pt x="313739" y="280873"/>
                  </a:cubicBezTo>
                  <a:lnTo>
                    <a:pt x="313739" y="215529"/>
                  </a:lnTo>
                  <a:cubicBezTo>
                    <a:pt x="313714" y="211905"/>
                    <a:pt x="310755" y="208985"/>
                    <a:pt x="307130" y="209009"/>
                  </a:cubicBezTo>
                  <a:cubicBezTo>
                    <a:pt x="307081" y="209014"/>
                    <a:pt x="307031" y="209014"/>
                    <a:pt x="306982" y="209014"/>
                  </a:cubicBezTo>
                  <a:close/>
                  <a:moveTo>
                    <a:pt x="71860" y="0"/>
                  </a:moveTo>
                  <a:lnTo>
                    <a:pt x="6515" y="0"/>
                  </a:lnTo>
                  <a:cubicBezTo>
                    <a:pt x="2944" y="-26"/>
                    <a:pt x="27" y="2847"/>
                    <a:pt x="0" y="6418"/>
                  </a:cubicBezTo>
                  <a:cubicBezTo>
                    <a:pt x="0" y="6451"/>
                    <a:pt x="0" y="6483"/>
                    <a:pt x="0" y="6515"/>
                  </a:cubicBezTo>
                  <a:lnTo>
                    <a:pt x="0" y="71859"/>
                  </a:lnTo>
                  <a:cubicBezTo>
                    <a:pt x="0" y="75458"/>
                    <a:pt x="2917" y="78374"/>
                    <a:pt x="6515" y="78374"/>
                  </a:cubicBezTo>
                  <a:lnTo>
                    <a:pt x="71860" y="78374"/>
                  </a:lnTo>
                  <a:cubicBezTo>
                    <a:pt x="75447" y="78348"/>
                    <a:pt x="78349" y="75446"/>
                    <a:pt x="78375" y="71859"/>
                  </a:cubicBezTo>
                  <a:lnTo>
                    <a:pt x="78375" y="6515"/>
                  </a:lnTo>
                  <a:cubicBezTo>
                    <a:pt x="78375" y="2917"/>
                    <a:pt x="75458" y="0"/>
                    <a:pt x="71860" y="0"/>
                  </a:cubicBezTo>
                  <a:close/>
                  <a:moveTo>
                    <a:pt x="71860" y="104483"/>
                  </a:moveTo>
                  <a:lnTo>
                    <a:pt x="6515" y="104483"/>
                  </a:lnTo>
                  <a:cubicBezTo>
                    <a:pt x="2917" y="104483"/>
                    <a:pt x="0" y="107400"/>
                    <a:pt x="0" y="110998"/>
                  </a:cubicBezTo>
                  <a:cubicBezTo>
                    <a:pt x="0" y="111014"/>
                    <a:pt x="0" y="111030"/>
                    <a:pt x="0" y="111046"/>
                  </a:cubicBezTo>
                  <a:lnTo>
                    <a:pt x="0" y="176342"/>
                  </a:lnTo>
                  <a:cubicBezTo>
                    <a:pt x="-26" y="179942"/>
                    <a:pt x="2869" y="182877"/>
                    <a:pt x="6467" y="182906"/>
                  </a:cubicBezTo>
                  <a:cubicBezTo>
                    <a:pt x="6483" y="182906"/>
                    <a:pt x="6500" y="182906"/>
                    <a:pt x="6515" y="182906"/>
                  </a:cubicBezTo>
                  <a:lnTo>
                    <a:pt x="71860" y="182906"/>
                  </a:lnTo>
                  <a:cubicBezTo>
                    <a:pt x="75465" y="182881"/>
                    <a:pt x="78375" y="179947"/>
                    <a:pt x="78375" y="176342"/>
                  </a:cubicBezTo>
                  <a:lnTo>
                    <a:pt x="78375" y="111046"/>
                  </a:lnTo>
                  <a:cubicBezTo>
                    <a:pt x="78375" y="107440"/>
                    <a:pt x="75465" y="104510"/>
                    <a:pt x="71860" y="104483"/>
                  </a:cubicBezTo>
                  <a:close/>
                  <a:moveTo>
                    <a:pt x="71860" y="209014"/>
                  </a:moveTo>
                  <a:lnTo>
                    <a:pt x="6515" y="209014"/>
                  </a:lnTo>
                  <a:cubicBezTo>
                    <a:pt x="2917" y="209014"/>
                    <a:pt x="0" y="211929"/>
                    <a:pt x="0" y="215529"/>
                  </a:cubicBezTo>
                  <a:lnTo>
                    <a:pt x="0" y="280873"/>
                  </a:lnTo>
                  <a:cubicBezTo>
                    <a:pt x="-26" y="284445"/>
                    <a:pt x="2847" y="287359"/>
                    <a:pt x="6418" y="287389"/>
                  </a:cubicBezTo>
                  <a:cubicBezTo>
                    <a:pt x="6451" y="287389"/>
                    <a:pt x="6483" y="287389"/>
                    <a:pt x="6515" y="287389"/>
                  </a:cubicBezTo>
                  <a:lnTo>
                    <a:pt x="71860" y="287389"/>
                  </a:lnTo>
                  <a:cubicBezTo>
                    <a:pt x="75458" y="287389"/>
                    <a:pt x="78375" y="284474"/>
                    <a:pt x="78375" y="280873"/>
                  </a:cubicBezTo>
                  <a:lnTo>
                    <a:pt x="78375" y="215529"/>
                  </a:lnTo>
                  <a:cubicBezTo>
                    <a:pt x="78349" y="211944"/>
                    <a:pt x="75447" y="209038"/>
                    <a:pt x="71860" y="209014"/>
                  </a:cubicBezTo>
                  <a:close/>
                </a:path>
              </a:pathLst>
            </a:custGeom>
            <a:solidFill>
              <a:schemeClr val="accent1"/>
            </a:solidFill>
            <a:ln w="4796" cap="flat">
              <a:noFill/>
              <a:prstDash val="solid"/>
              <a:miter/>
            </a:ln>
          </p:spPr>
          <p:txBody>
            <a:bodyPr rtlCol="0" anchor="ctr"/>
            <a:lstStyle/>
            <a:p>
              <a:endParaRPr lang="en-US"/>
            </a:p>
          </p:txBody>
        </p:sp>
        <p:sp>
          <p:nvSpPr>
            <p:cNvPr id="36" name="Graphic 2">
              <a:extLst>
                <a:ext uri="{FF2B5EF4-FFF2-40B4-BE49-F238E27FC236}">
                  <a16:creationId xmlns:a16="http://schemas.microsoft.com/office/drawing/2014/main" id="{97F573F2-0394-6D40-8089-4BA5BA0A7B02}"/>
                </a:ext>
              </a:extLst>
            </p:cNvPr>
            <p:cNvSpPr/>
            <p:nvPr/>
          </p:nvSpPr>
          <p:spPr>
            <a:xfrm>
              <a:off x="6769109" y="5557931"/>
              <a:ext cx="112964" cy="111770"/>
            </a:xfrm>
            <a:custGeom>
              <a:avLst/>
              <a:gdLst>
                <a:gd name="connsiteX0" fmla="*/ 104332 w 112964"/>
                <a:gd name="connsiteY0" fmla="*/ 47300 h 111770"/>
                <a:gd name="connsiteX1" fmla="*/ 64470 w 112964"/>
                <a:gd name="connsiteY1" fmla="*/ 7389 h 111770"/>
                <a:gd name="connsiteX2" fmla="*/ 55861 w 112964"/>
                <a:gd name="connsiteY2" fmla="*/ 24 h 111770"/>
                <a:gd name="connsiteX3" fmla="*/ 48495 w 112964"/>
                <a:gd name="connsiteY3" fmla="*/ 7389 h 111770"/>
                <a:gd name="connsiteX4" fmla="*/ 8633 w 112964"/>
                <a:gd name="connsiteY4" fmla="*/ 47300 h 111770"/>
                <a:gd name="connsiteX5" fmla="*/ 25 w 112964"/>
                <a:gd name="connsiteY5" fmla="*/ 54664 h 111770"/>
                <a:gd name="connsiteX6" fmla="*/ 7390 w 112964"/>
                <a:gd name="connsiteY6" fmla="*/ 63274 h 111770"/>
                <a:gd name="connsiteX7" fmla="*/ 8633 w 112964"/>
                <a:gd name="connsiteY7" fmla="*/ 63274 h 111770"/>
                <a:gd name="connsiteX8" fmla="*/ 48495 w 112964"/>
                <a:gd name="connsiteY8" fmla="*/ 103137 h 111770"/>
                <a:gd name="connsiteX9" fmla="*/ 55861 w 112964"/>
                <a:gd name="connsiteY9" fmla="*/ 111746 h 111770"/>
                <a:gd name="connsiteX10" fmla="*/ 64470 w 112964"/>
                <a:gd name="connsiteY10" fmla="*/ 104377 h 111770"/>
                <a:gd name="connsiteX11" fmla="*/ 64470 w 112964"/>
                <a:gd name="connsiteY11" fmla="*/ 103137 h 111770"/>
                <a:gd name="connsiteX12" fmla="*/ 104332 w 112964"/>
                <a:gd name="connsiteY12" fmla="*/ 63274 h 111770"/>
                <a:gd name="connsiteX13" fmla="*/ 112940 w 112964"/>
                <a:gd name="connsiteY13" fmla="*/ 55910 h 111770"/>
                <a:gd name="connsiteX14" fmla="*/ 105575 w 112964"/>
                <a:gd name="connsiteY14" fmla="*/ 47300 h 111770"/>
                <a:gd name="connsiteX15" fmla="*/ 104332 w 112964"/>
                <a:gd name="connsiteY15" fmla="*/ 47300 h 1117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12964" h="111770">
                  <a:moveTo>
                    <a:pt x="104332" y="47300"/>
                  </a:moveTo>
                  <a:cubicBezTo>
                    <a:pt x="82320" y="47247"/>
                    <a:pt x="64496" y="29400"/>
                    <a:pt x="64470" y="7389"/>
                  </a:cubicBezTo>
                  <a:cubicBezTo>
                    <a:pt x="64126" y="2978"/>
                    <a:pt x="60272" y="-318"/>
                    <a:pt x="55861" y="24"/>
                  </a:cubicBezTo>
                  <a:cubicBezTo>
                    <a:pt x="51927" y="329"/>
                    <a:pt x="48801" y="3456"/>
                    <a:pt x="48495" y="7389"/>
                  </a:cubicBezTo>
                  <a:cubicBezTo>
                    <a:pt x="48469" y="29400"/>
                    <a:pt x="30645" y="47247"/>
                    <a:pt x="8633" y="47300"/>
                  </a:cubicBezTo>
                  <a:cubicBezTo>
                    <a:pt x="4222" y="46957"/>
                    <a:pt x="368" y="50253"/>
                    <a:pt x="25" y="54664"/>
                  </a:cubicBezTo>
                  <a:cubicBezTo>
                    <a:pt x="-319" y="59075"/>
                    <a:pt x="2979" y="62931"/>
                    <a:pt x="7390" y="63274"/>
                  </a:cubicBezTo>
                  <a:cubicBezTo>
                    <a:pt x="7804" y="63308"/>
                    <a:pt x="8219" y="63308"/>
                    <a:pt x="8633" y="63274"/>
                  </a:cubicBezTo>
                  <a:cubicBezTo>
                    <a:pt x="30637" y="63298"/>
                    <a:pt x="48469" y="81130"/>
                    <a:pt x="48495" y="103137"/>
                  </a:cubicBezTo>
                  <a:cubicBezTo>
                    <a:pt x="48152" y="107548"/>
                    <a:pt x="51450" y="111404"/>
                    <a:pt x="55861" y="111746"/>
                  </a:cubicBezTo>
                  <a:cubicBezTo>
                    <a:pt x="60272" y="112089"/>
                    <a:pt x="64126" y="108788"/>
                    <a:pt x="64470" y="104377"/>
                  </a:cubicBezTo>
                  <a:cubicBezTo>
                    <a:pt x="64502" y="103967"/>
                    <a:pt x="64502" y="103552"/>
                    <a:pt x="64470" y="103137"/>
                  </a:cubicBezTo>
                  <a:cubicBezTo>
                    <a:pt x="64496" y="81130"/>
                    <a:pt x="82328" y="63298"/>
                    <a:pt x="104332" y="63274"/>
                  </a:cubicBezTo>
                  <a:cubicBezTo>
                    <a:pt x="108743" y="63617"/>
                    <a:pt x="112597" y="60321"/>
                    <a:pt x="112940" y="55910"/>
                  </a:cubicBezTo>
                  <a:cubicBezTo>
                    <a:pt x="113284" y="51499"/>
                    <a:pt x="109986" y="47643"/>
                    <a:pt x="105575" y="47300"/>
                  </a:cubicBezTo>
                  <a:cubicBezTo>
                    <a:pt x="105161" y="47266"/>
                    <a:pt x="104746" y="47266"/>
                    <a:pt x="104332" y="47300"/>
                  </a:cubicBezTo>
                  <a:close/>
                </a:path>
              </a:pathLst>
            </a:custGeom>
            <a:solidFill>
              <a:schemeClr val="accent1"/>
            </a:solidFill>
            <a:ln w="4796" cap="flat">
              <a:noFill/>
              <a:prstDash val="solid"/>
              <a:miter/>
            </a:ln>
          </p:spPr>
          <p:txBody>
            <a:bodyPr rtlCol="0" anchor="ctr"/>
            <a:lstStyle/>
            <a:p>
              <a:endParaRPr lang="en-US"/>
            </a:p>
          </p:txBody>
        </p:sp>
        <p:sp>
          <p:nvSpPr>
            <p:cNvPr id="37" name="Graphic 2">
              <a:extLst>
                <a:ext uri="{FF2B5EF4-FFF2-40B4-BE49-F238E27FC236}">
                  <a16:creationId xmlns:a16="http://schemas.microsoft.com/office/drawing/2014/main" id="{97F573F2-0394-6D40-8089-4BA5BA0A7B02}"/>
                </a:ext>
              </a:extLst>
            </p:cNvPr>
            <p:cNvSpPr/>
            <p:nvPr/>
          </p:nvSpPr>
          <p:spPr>
            <a:xfrm>
              <a:off x="7449666" y="5535206"/>
              <a:ext cx="241927" cy="133197"/>
            </a:xfrm>
            <a:custGeom>
              <a:avLst/>
              <a:gdLst>
                <a:gd name="connsiteX0" fmla="*/ 232082 w 241927"/>
                <a:gd name="connsiteY0" fmla="*/ 19304 h 133197"/>
                <a:gd name="connsiteX1" fmla="*/ 70797 w 241927"/>
                <a:gd name="connsiteY1" fmla="*/ 19304 h 133197"/>
                <a:gd name="connsiteX2" fmla="*/ 61145 w 241927"/>
                <a:gd name="connsiteY2" fmla="*/ 9652 h 133197"/>
                <a:gd name="connsiteX3" fmla="*/ 70797 w 241927"/>
                <a:gd name="connsiteY3" fmla="*/ 0 h 133197"/>
                <a:gd name="connsiteX4" fmla="*/ 232275 w 241927"/>
                <a:gd name="connsiteY4" fmla="*/ 0 h 133197"/>
                <a:gd name="connsiteX5" fmla="*/ 241927 w 241927"/>
                <a:gd name="connsiteY5" fmla="*/ 9652 h 133197"/>
                <a:gd name="connsiteX6" fmla="*/ 232275 w 241927"/>
                <a:gd name="connsiteY6" fmla="*/ 19304 h 133197"/>
                <a:gd name="connsiteX7" fmla="*/ 135128 w 241927"/>
                <a:gd name="connsiteY7" fmla="*/ 66599 h 133197"/>
                <a:gd name="connsiteX8" fmla="*/ 125476 w 241927"/>
                <a:gd name="connsiteY8" fmla="*/ 56947 h 133197"/>
                <a:gd name="connsiteX9" fmla="*/ 9652 w 241927"/>
                <a:gd name="connsiteY9" fmla="*/ 56947 h 133197"/>
                <a:gd name="connsiteX10" fmla="*/ 0 w 241927"/>
                <a:gd name="connsiteY10" fmla="*/ 66599 h 133197"/>
                <a:gd name="connsiteX11" fmla="*/ 9652 w 241927"/>
                <a:gd name="connsiteY11" fmla="*/ 76251 h 133197"/>
                <a:gd name="connsiteX12" fmla="*/ 125476 w 241927"/>
                <a:gd name="connsiteY12" fmla="*/ 76251 h 133197"/>
                <a:gd name="connsiteX13" fmla="*/ 135128 w 241927"/>
                <a:gd name="connsiteY13" fmla="*/ 66599 h 133197"/>
                <a:gd name="connsiteX14" fmla="*/ 203657 w 241927"/>
                <a:gd name="connsiteY14" fmla="*/ 123546 h 133197"/>
                <a:gd name="connsiteX15" fmla="*/ 194005 w 241927"/>
                <a:gd name="connsiteY15" fmla="*/ 113894 h 133197"/>
                <a:gd name="connsiteX16" fmla="*/ 87254 w 241927"/>
                <a:gd name="connsiteY16" fmla="*/ 113894 h 133197"/>
                <a:gd name="connsiteX17" fmla="*/ 77602 w 241927"/>
                <a:gd name="connsiteY17" fmla="*/ 123546 h 133197"/>
                <a:gd name="connsiteX18" fmla="*/ 87254 w 241927"/>
                <a:gd name="connsiteY18" fmla="*/ 133198 h 133197"/>
                <a:gd name="connsiteX19" fmla="*/ 194005 w 241927"/>
                <a:gd name="connsiteY19" fmla="*/ 133198 h 133197"/>
                <a:gd name="connsiteX20" fmla="*/ 203657 w 241927"/>
                <a:gd name="connsiteY20" fmla="*/ 123594 h 1331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41927" h="133197">
                  <a:moveTo>
                    <a:pt x="232082" y="19304"/>
                  </a:moveTo>
                  <a:lnTo>
                    <a:pt x="70797" y="19304"/>
                  </a:lnTo>
                  <a:cubicBezTo>
                    <a:pt x="65465" y="19304"/>
                    <a:pt x="61145" y="14985"/>
                    <a:pt x="61145" y="9652"/>
                  </a:cubicBezTo>
                  <a:cubicBezTo>
                    <a:pt x="61145" y="4319"/>
                    <a:pt x="65465" y="0"/>
                    <a:pt x="70797" y="0"/>
                  </a:cubicBezTo>
                  <a:lnTo>
                    <a:pt x="232275" y="0"/>
                  </a:lnTo>
                  <a:cubicBezTo>
                    <a:pt x="237608" y="0"/>
                    <a:pt x="241927" y="4319"/>
                    <a:pt x="241927" y="9652"/>
                  </a:cubicBezTo>
                  <a:cubicBezTo>
                    <a:pt x="241927" y="14985"/>
                    <a:pt x="237608" y="19304"/>
                    <a:pt x="232275" y="19304"/>
                  </a:cubicBezTo>
                  <a:close/>
                  <a:moveTo>
                    <a:pt x="135128" y="66599"/>
                  </a:moveTo>
                  <a:cubicBezTo>
                    <a:pt x="135128" y="61266"/>
                    <a:pt x="130809" y="56947"/>
                    <a:pt x="125476" y="56947"/>
                  </a:cubicBezTo>
                  <a:lnTo>
                    <a:pt x="9652" y="56947"/>
                  </a:lnTo>
                  <a:cubicBezTo>
                    <a:pt x="4319" y="56947"/>
                    <a:pt x="0" y="61266"/>
                    <a:pt x="0" y="66599"/>
                  </a:cubicBezTo>
                  <a:cubicBezTo>
                    <a:pt x="0" y="71932"/>
                    <a:pt x="4319" y="76251"/>
                    <a:pt x="9652" y="76251"/>
                  </a:cubicBezTo>
                  <a:lnTo>
                    <a:pt x="125476" y="76251"/>
                  </a:lnTo>
                  <a:cubicBezTo>
                    <a:pt x="130809" y="76251"/>
                    <a:pt x="135128" y="71932"/>
                    <a:pt x="135128" y="66599"/>
                  </a:cubicBezTo>
                  <a:close/>
                  <a:moveTo>
                    <a:pt x="203657" y="123546"/>
                  </a:moveTo>
                  <a:cubicBezTo>
                    <a:pt x="203657" y="118213"/>
                    <a:pt x="199338" y="113894"/>
                    <a:pt x="194005" y="113894"/>
                  </a:cubicBezTo>
                  <a:lnTo>
                    <a:pt x="87254" y="113894"/>
                  </a:lnTo>
                  <a:cubicBezTo>
                    <a:pt x="81921" y="113894"/>
                    <a:pt x="77602" y="118213"/>
                    <a:pt x="77602" y="123546"/>
                  </a:cubicBezTo>
                  <a:cubicBezTo>
                    <a:pt x="77602" y="128878"/>
                    <a:pt x="81921" y="133198"/>
                    <a:pt x="87254" y="133198"/>
                  </a:cubicBezTo>
                  <a:lnTo>
                    <a:pt x="194005" y="133198"/>
                  </a:lnTo>
                  <a:cubicBezTo>
                    <a:pt x="199319" y="133198"/>
                    <a:pt x="203628" y="128907"/>
                    <a:pt x="203657" y="123594"/>
                  </a:cubicBezTo>
                  <a:close/>
                </a:path>
              </a:pathLst>
            </a:custGeom>
            <a:solidFill>
              <a:schemeClr val="accent2"/>
            </a:solidFill>
            <a:ln w="4796" cap="flat">
              <a:noFill/>
              <a:prstDash val="solid"/>
              <a:miter/>
            </a:ln>
          </p:spPr>
          <p:txBody>
            <a:bodyPr rtlCol="0" anchor="ctr"/>
            <a:lstStyle/>
            <a:p>
              <a:endParaRPr lang="en-US"/>
            </a:p>
          </p:txBody>
        </p:sp>
        <p:sp>
          <p:nvSpPr>
            <p:cNvPr id="41" name="Graphic 2">
              <a:extLst>
                <a:ext uri="{FF2B5EF4-FFF2-40B4-BE49-F238E27FC236}">
                  <a16:creationId xmlns:a16="http://schemas.microsoft.com/office/drawing/2014/main" id="{97F573F2-0394-6D40-8089-4BA5BA0A7B02}"/>
                </a:ext>
              </a:extLst>
            </p:cNvPr>
            <p:cNvSpPr/>
            <p:nvPr/>
          </p:nvSpPr>
          <p:spPr>
            <a:xfrm>
              <a:off x="7485049" y="5050567"/>
              <a:ext cx="64144" cy="61949"/>
            </a:xfrm>
            <a:custGeom>
              <a:avLst/>
              <a:gdLst>
                <a:gd name="connsiteX0" fmla="*/ 4914 w 64144"/>
                <a:gd name="connsiteY0" fmla="*/ 20088 h 61949"/>
                <a:gd name="connsiteX1" fmla="*/ 18861 w 64144"/>
                <a:gd name="connsiteY1" fmla="*/ 32732 h 61949"/>
                <a:gd name="connsiteX2" fmla="*/ 5445 w 64144"/>
                <a:gd name="connsiteY2" fmla="*/ 47548 h 61949"/>
                <a:gd name="connsiteX3" fmla="*/ 9113 w 64144"/>
                <a:gd name="connsiteY3" fmla="*/ 60696 h 61949"/>
                <a:gd name="connsiteX4" fmla="*/ 19392 w 64144"/>
                <a:gd name="connsiteY4" fmla="*/ 60192 h 61949"/>
                <a:gd name="connsiteX5" fmla="*/ 32808 w 64144"/>
                <a:gd name="connsiteY5" fmla="*/ 45376 h 61949"/>
                <a:gd name="connsiteX6" fmla="*/ 46755 w 64144"/>
                <a:gd name="connsiteY6" fmla="*/ 58068 h 61949"/>
                <a:gd name="connsiteX7" fmla="*/ 60263 w 64144"/>
                <a:gd name="connsiteY7" fmla="*/ 60033 h 61949"/>
                <a:gd name="connsiteX8" fmla="*/ 62228 w 64144"/>
                <a:gd name="connsiteY8" fmla="*/ 46526 h 61949"/>
                <a:gd name="connsiteX9" fmla="*/ 59544 w 64144"/>
                <a:gd name="connsiteY9" fmla="*/ 44073 h 61949"/>
                <a:gd name="connsiteX10" fmla="*/ 45597 w 64144"/>
                <a:gd name="connsiteY10" fmla="*/ 31429 h 61949"/>
                <a:gd name="connsiteX11" fmla="*/ 58241 w 64144"/>
                <a:gd name="connsiteY11" fmla="*/ 17482 h 61949"/>
                <a:gd name="connsiteX12" fmla="*/ 60427 w 64144"/>
                <a:gd name="connsiteY12" fmla="*/ 4008 h 61949"/>
                <a:gd name="connsiteX13" fmla="*/ 46953 w 64144"/>
                <a:gd name="connsiteY13" fmla="*/ 1824 h 61949"/>
                <a:gd name="connsiteX14" fmla="*/ 44149 w 64144"/>
                <a:gd name="connsiteY14" fmla="*/ 4982 h 61949"/>
                <a:gd name="connsiteX15" fmla="*/ 31505 w 64144"/>
                <a:gd name="connsiteY15" fmla="*/ 18930 h 61949"/>
                <a:gd name="connsiteX16" fmla="*/ 17558 w 64144"/>
                <a:gd name="connsiteY16" fmla="*/ 6285 h 61949"/>
                <a:gd name="connsiteX17" fmla="*/ 4113 w 64144"/>
                <a:gd name="connsiteY17" fmla="*/ 3920 h 61949"/>
                <a:gd name="connsiteX18" fmla="*/ 1748 w 64144"/>
                <a:gd name="connsiteY18" fmla="*/ 17364 h 61949"/>
                <a:gd name="connsiteX19" fmla="*/ 4914 w 64144"/>
                <a:gd name="connsiteY19" fmla="*/ 20233 h 619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4144" h="61949">
                  <a:moveTo>
                    <a:pt x="4914" y="20088"/>
                  </a:moveTo>
                  <a:lnTo>
                    <a:pt x="18861" y="32732"/>
                  </a:lnTo>
                  <a:lnTo>
                    <a:pt x="5445" y="47548"/>
                  </a:lnTo>
                  <a:cubicBezTo>
                    <a:pt x="2829" y="52191"/>
                    <a:pt x="4470" y="58078"/>
                    <a:pt x="9113" y="60696"/>
                  </a:cubicBezTo>
                  <a:cubicBezTo>
                    <a:pt x="12351" y="62520"/>
                    <a:pt x="16347" y="62324"/>
                    <a:pt x="19392" y="60192"/>
                  </a:cubicBezTo>
                  <a:lnTo>
                    <a:pt x="32808" y="45376"/>
                  </a:lnTo>
                  <a:lnTo>
                    <a:pt x="46755" y="58068"/>
                  </a:lnTo>
                  <a:cubicBezTo>
                    <a:pt x="49940" y="62341"/>
                    <a:pt x="55992" y="63221"/>
                    <a:pt x="60263" y="60033"/>
                  </a:cubicBezTo>
                  <a:cubicBezTo>
                    <a:pt x="64534" y="56846"/>
                    <a:pt x="65417" y="50798"/>
                    <a:pt x="62228" y="46526"/>
                  </a:cubicBezTo>
                  <a:cubicBezTo>
                    <a:pt x="61499" y="45545"/>
                    <a:pt x="60587" y="44713"/>
                    <a:pt x="59544" y="44073"/>
                  </a:cubicBezTo>
                  <a:lnTo>
                    <a:pt x="45597" y="31429"/>
                  </a:lnTo>
                  <a:lnTo>
                    <a:pt x="58241" y="17482"/>
                  </a:lnTo>
                  <a:cubicBezTo>
                    <a:pt x="62565" y="14364"/>
                    <a:pt x="63545" y="8332"/>
                    <a:pt x="60427" y="4008"/>
                  </a:cubicBezTo>
                  <a:cubicBezTo>
                    <a:pt x="57310" y="-316"/>
                    <a:pt x="51277" y="-1294"/>
                    <a:pt x="46953" y="1824"/>
                  </a:cubicBezTo>
                  <a:cubicBezTo>
                    <a:pt x="45795" y="2657"/>
                    <a:pt x="44839" y="3735"/>
                    <a:pt x="44149" y="4982"/>
                  </a:cubicBezTo>
                  <a:lnTo>
                    <a:pt x="31505" y="18930"/>
                  </a:lnTo>
                  <a:lnTo>
                    <a:pt x="17558" y="6285"/>
                  </a:lnTo>
                  <a:cubicBezTo>
                    <a:pt x="14498" y="1920"/>
                    <a:pt x="8480" y="861"/>
                    <a:pt x="4113" y="3920"/>
                  </a:cubicBezTo>
                  <a:cubicBezTo>
                    <a:pt x="-250" y="6979"/>
                    <a:pt x="-1312" y="12998"/>
                    <a:pt x="1748" y="17364"/>
                  </a:cubicBezTo>
                  <a:cubicBezTo>
                    <a:pt x="2578" y="18544"/>
                    <a:pt x="3659" y="19525"/>
                    <a:pt x="4914" y="20233"/>
                  </a:cubicBezTo>
                  <a:close/>
                </a:path>
              </a:pathLst>
            </a:custGeom>
            <a:solidFill>
              <a:schemeClr val="accent1"/>
            </a:solidFill>
            <a:ln w="4796" cap="flat">
              <a:noFill/>
              <a:prstDash val="solid"/>
              <a:miter/>
            </a:ln>
          </p:spPr>
          <p:txBody>
            <a:bodyPr rtlCol="0" anchor="ctr"/>
            <a:lstStyle/>
            <a:p>
              <a:endParaRPr lang="en-US"/>
            </a:p>
          </p:txBody>
        </p:sp>
        <p:sp>
          <p:nvSpPr>
            <p:cNvPr id="50" name="Graphic 2">
              <a:extLst>
                <a:ext uri="{FF2B5EF4-FFF2-40B4-BE49-F238E27FC236}">
                  <a16:creationId xmlns:a16="http://schemas.microsoft.com/office/drawing/2014/main" id="{97F573F2-0394-6D40-8089-4BA5BA0A7B02}"/>
                </a:ext>
              </a:extLst>
            </p:cNvPr>
            <p:cNvSpPr/>
            <p:nvPr/>
          </p:nvSpPr>
          <p:spPr>
            <a:xfrm>
              <a:off x="6632480" y="4849380"/>
              <a:ext cx="1163055" cy="1165225"/>
            </a:xfrm>
            <a:custGeom>
              <a:avLst/>
              <a:gdLst>
                <a:gd name="connsiteX0" fmla="*/ 580471 w 1163055"/>
                <a:gd name="connsiteY0" fmla="*/ 2 h 1165225"/>
                <a:gd name="connsiteX1" fmla="*/ 167221 w 1163055"/>
                <a:gd name="connsiteY1" fmla="*/ 172001 h 1165225"/>
                <a:gd name="connsiteX2" fmla="*/ 180879 w 1163055"/>
                <a:gd name="connsiteY2" fmla="*/ 185610 h 1165225"/>
                <a:gd name="connsiteX3" fmla="*/ 977347 w 1163055"/>
                <a:gd name="connsiteY3" fmla="*/ 182179 h 1165225"/>
                <a:gd name="connsiteX4" fmla="*/ 980778 w 1163055"/>
                <a:gd name="connsiteY4" fmla="*/ 978648 h 1165225"/>
                <a:gd name="connsiteX5" fmla="*/ 927219 w 1163055"/>
                <a:gd name="connsiteY5" fmla="*/ 1026203 h 1165225"/>
                <a:gd name="connsiteX6" fmla="*/ 917567 w 1163055"/>
                <a:gd name="connsiteY6" fmla="*/ 994544 h 1165225"/>
                <a:gd name="connsiteX7" fmla="*/ 671441 w 1163055"/>
                <a:gd name="connsiteY7" fmla="*/ 861443 h 1165225"/>
                <a:gd name="connsiteX8" fmla="*/ 671441 w 1163055"/>
                <a:gd name="connsiteY8" fmla="*/ 813521 h 1165225"/>
                <a:gd name="connsiteX9" fmla="*/ 671441 w 1163055"/>
                <a:gd name="connsiteY9" fmla="*/ 788764 h 1165225"/>
                <a:gd name="connsiteX10" fmla="*/ 779544 w 1163055"/>
                <a:gd name="connsiteY10" fmla="*/ 668741 h 1165225"/>
                <a:gd name="connsiteX11" fmla="*/ 818586 w 1163055"/>
                <a:gd name="connsiteY11" fmla="*/ 585107 h 1165225"/>
                <a:gd name="connsiteX12" fmla="*/ 805942 w 1163055"/>
                <a:gd name="connsiteY12" fmla="*/ 497418 h 1165225"/>
                <a:gd name="connsiteX13" fmla="*/ 807921 w 1163055"/>
                <a:gd name="connsiteY13" fmla="*/ 445925 h 1165225"/>
                <a:gd name="connsiteX14" fmla="*/ 784273 w 1163055"/>
                <a:gd name="connsiteY14" fmla="*/ 313451 h 1165225"/>
                <a:gd name="connsiteX15" fmla="*/ 775731 w 1163055"/>
                <a:gd name="connsiteY15" fmla="*/ 299504 h 1165225"/>
                <a:gd name="connsiteX16" fmla="*/ 582257 w 1163055"/>
                <a:gd name="connsiteY16" fmla="*/ 230589 h 1165225"/>
                <a:gd name="connsiteX17" fmla="*/ 386756 w 1163055"/>
                <a:gd name="connsiteY17" fmla="*/ 298153 h 1165225"/>
                <a:gd name="connsiteX18" fmla="*/ 362143 w 1163055"/>
                <a:gd name="connsiteY18" fmla="*/ 354134 h 1165225"/>
                <a:gd name="connsiteX19" fmla="*/ 356014 w 1163055"/>
                <a:gd name="connsiteY19" fmla="*/ 390474 h 1165225"/>
                <a:gd name="connsiteX20" fmla="*/ 356014 w 1163055"/>
                <a:gd name="connsiteY20" fmla="*/ 497659 h 1165225"/>
                <a:gd name="connsiteX21" fmla="*/ 342501 w 1163055"/>
                <a:gd name="connsiteY21" fmla="*/ 585155 h 1165225"/>
                <a:gd name="connsiteX22" fmla="*/ 383426 w 1163055"/>
                <a:gd name="connsiteY22" fmla="*/ 669031 h 1165225"/>
                <a:gd name="connsiteX23" fmla="*/ 491142 w 1163055"/>
                <a:gd name="connsiteY23" fmla="*/ 789053 h 1165225"/>
                <a:gd name="connsiteX24" fmla="*/ 491142 w 1163055"/>
                <a:gd name="connsiteY24" fmla="*/ 814631 h 1165225"/>
                <a:gd name="connsiteX25" fmla="*/ 491142 w 1163055"/>
                <a:gd name="connsiteY25" fmla="*/ 861588 h 1165225"/>
                <a:gd name="connsiteX26" fmla="*/ 245016 w 1163055"/>
                <a:gd name="connsiteY26" fmla="*/ 994689 h 1165225"/>
                <a:gd name="connsiteX27" fmla="*/ 234737 w 1163055"/>
                <a:gd name="connsiteY27" fmla="*/ 1027796 h 1165225"/>
                <a:gd name="connsiteX28" fmla="*/ 198107 w 1163055"/>
                <a:gd name="connsiteY28" fmla="*/ 996813 h 1165225"/>
                <a:gd name="connsiteX29" fmla="*/ 19304 w 1163055"/>
                <a:gd name="connsiteY29" fmla="*/ 631195 h 1165225"/>
                <a:gd name="connsiteX30" fmla="*/ 0 w 1163055"/>
                <a:gd name="connsiteY30" fmla="*/ 632836 h 1165225"/>
                <a:gd name="connsiteX31" fmla="*/ 630662 w 1163055"/>
                <a:gd name="connsiteY31" fmla="*/ 1163020 h 1165225"/>
                <a:gd name="connsiteX32" fmla="*/ 1160851 w 1163055"/>
                <a:gd name="connsiteY32" fmla="*/ 532358 h 1165225"/>
                <a:gd name="connsiteX33" fmla="*/ 580471 w 1163055"/>
                <a:gd name="connsiteY33" fmla="*/ 2 h 1165225"/>
                <a:gd name="connsiteX34" fmla="*/ 447129 w 1163055"/>
                <a:gd name="connsiteY34" fmla="*/ 721489 h 1165225"/>
                <a:gd name="connsiteX35" fmla="*/ 447129 w 1163055"/>
                <a:gd name="connsiteY35" fmla="*/ 721489 h 1165225"/>
                <a:gd name="connsiteX36" fmla="*/ 405384 w 1163055"/>
                <a:gd name="connsiteY36" fmla="*/ 656290 h 1165225"/>
                <a:gd name="connsiteX37" fmla="*/ 404467 w 1163055"/>
                <a:gd name="connsiteY37" fmla="*/ 654215 h 1165225"/>
                <a:gd name="connsiteX38" fmla="*/ 402295 w 1163055"/>
                <a:gd name="connsiteY38" fmla="*/ 653588 h 1165225"/>
                <a:gd name="connsiteX39" fmla="*/ 368851 w 1163055"/>
                <a:gd name="connsiteY39" fmla="*/ 581873 h 1165225"/>
                <a:gd name="connsiteX40" fmla="*/ 370396 w 1163055"/>
                <a:gd name="connsiteY40" fmla="*/ 526567 h 1165225"/>
                <a:gd name="connsiteX41" fmla="*/ 398965 w 1163055"/>
                <a:gd name="connsiteY41" fmla="*/ 575551 h 1165225"/>
                <a:gd name="connsiteX42" fmla="*/ 402151 w 1163055"/>
                <a:gd name="connsiteY42" fmla="*/ 564837 h 1165225"/>
                <a:gd name="connsiteX43" fmla="*/ 404274 w 1163055"/>
                <a:gd name="connsiteY43" fmla="*/ 539308 h 1165225"/>
                <a:gd name="connsiteX44" fmla="*/ 381061 w 1163055"/>
                <a:gd name="connsiteY44" fmla="*/ 504754 h 1165225"/>
                <a:gd name="connsiteX45" fmla="*/ 381399 w 1163055"/>
                <a:gd name="connsiteY45" fmla="*/ 504464 h 1165225"/>
                <a:gd name="connsiteX46" fmla="*/ 380916 w 1163055"/>
                <a:gd name="connsiteY46" fmla="*/ 498190 h 1165225"/>
                <a:gd name="connsiteX47" fmla="*/ 406928 w 1163055"/>
                <a:gd name="connsiteY47" fmla="*/ 311279 h 1165225"/>
                <a:gd name="connsiteX48" fmla="*/ 582064 w 1163055"/>
                <a:gd name="connsiteY48" fmla="*/ 253367 h 1165225"/>
                <a:gd name="connsiteX49" fmla="*/ 582064 w 1163055"/>
                <a:gd name="connsiteY49" fmla="*/ 253367 h 1165225"/>
                <a:gd name="connsiteX50" fmla="*/ 756717 w 1163055"/>
                <a:gd name="connsiteY50" fmla="*/ 311279 h 1165225"/>
                <a:gd name="connsiteX51" fmla="*/ 783212 w 1163055"/>
                <a:gd name="connsiteY51" fmla="*/ 498094 h 1165225"/>
                <a:gd name="connsiteX52" fmla="*/ 782826 w 1163055"/>
                <a:gd name="connsiteY52" fmla="*/ 504223 h 1165225"/>
                <a:gd name="connsiteX53" fmla="*/ 758696 w 1163055"/>
                <a:gd name="connsiteY53" fmla="*/ 539308 h 1165225"/>
                <a:gd name="connsiteX54" fmla="*/ 760867 w 1163055"/>
                <a:gd name="connsiteY54" fmla="*/ 564837 h 1165225"/>
                <a:gd name="connsiteX55" fmla="*/ 764052 w 1163055"/>
                <a:gd name="connsiteY55" fmla="*/ 575503 h 1165225"/>
                <a:gd name="connsiteX56" fmla="*/ 793008 w 1163055"/>
                <a:gd name="connsiteY56" fmla="*/ 526181 h 1165225"/>
                <a:gd name="connsiteX57" fmla="*/ 794022 w 1163055"/>
                <a:gd name="connsiteY57" fmla="*/ 581873 h 1165225"/>
                <a:gd name="connsiteX58" fmla="*/ 762218 w 1163055"/>
                <a:gd name="connsiteY58" fmla="*/ 653588 h 1165225"/>
                <a:gd name="connsiteX59" fmla="*/ 759902 w 1163055"/>
                <a:gd name="connsiteY59" fmla="*/ 654311 h 1165225"/>
                <a:gd name="connsiteX60" fmla="*/ 759130 w 1163055"/>
                <a:gd name="connsiteY60" fmla="*/ 656580 h 1165225"/>
                <a:gd name="connsiteX61" fmla="*/ 659714 w 1163055"/>
                <a:gd name="connsiteY61" fmla="*/ 767915 h 1165225"/>
                <a:gd name="connsiteX62" fmla="*/ 504944 w 1163055"/>
                <a:gd name="connsiteY62" fmla="*/ 768205 h 1165225"/>
                <a:gd name="connsiteX63" fmla="*/ 447129 w 1163055"/>
                <a:gd name="connsiteY63" fmla="*/ 721489 h 1165225"/>
                <a:gd name="connsiteX64" fmla="*/ 513390 w 1163055"/>
                <a:gd name="connsiteY64" fmla="*/ 874956 h 1165225"/>
                <a:gd name="connsiteX65" fmla="*/ 513390 w 1163055"/>
                <a:gd name="connsiteY65" fmla="*/ 814969 h 1165225"/>
                <a:gd name="connsiteX66" fmla="*/ 513390 w 1163055"/>
                <a:gd name="connsiteY66" fmla="*/ 798995 h 1165225"/>
                <a:gd name="connsiteX67" fmla="*/ 649821 w 1163055"/>
                <a:gd name="connsiteY67" fmla="*/ 798995 h 1165225"/>
                <a:gd name="connsiteX68" fmla="*/ 649821 w 1163055"/>
                <a:gd name="connsiteY68" fmla="*/ 814969 h 1165225"/>
                <a:gd name="connsiteX69" fmla="*/ 649821 w 1163055"/>
                <a:gd name="connsiteY69" fmla="*/ 875101 h 1165225"/>
                <a:gd name="connsiteX70" fmla="*/ 582257 w 1163055"/>
                <a:gd name="connsiteY70" fmla="*/ 931276 h 1165225"/>
                <a:gd name="connsiteX71" fmla="*/ 574584 w 1163055"/>
                <a:gd name="connsiteY71" fmla="*/ 952993 h 1165225"/>
                <a:gd name="connsiteX72" fmla="*/ 508853 w 1163055"/>
                <a:gd name="connsiteY72" fmla="*/ 998116 h 1165225"/>
                <a:gd name="connsiteX73" fmla="*/ 492831 w 1163055"/>
                <a:gd name="connsiteY73" fmla="*/ 914578 h 1165225"/>
                <a:gd name="connsiteX74" fmla="*/ 502483 w 1163055"/>
                <a:gd name="connsiteY74" fmla="*/ 894019 h 1165225"/>
                <a:gd name="connsiteX75" fmla="*/ 660583 w 1163055"/>
                <a:gd name="connsiteY75" fmla="*/ 894115 h 1165225"/>
                <a:gd name="connsiteX76" fmla="*/ 670235 w 1163055"/>
                <a:gd name="connsiteY76" fmla="*/ 914529 h 1165225"/>
                <a:gd name="connsiteX77" fmla="*/ 654164 w 1163055"/>
                <a:gd name="connsiteY77" fmla="*/ 998116 h 1165225"/>
                <a:gd name="connsiteX78" fmla="*/ 589158 w 1163055"/>
                <a:gd name="connsiteY78" fmla="*/ 953475 h 1165225"/>
                <a:gd name="connsiteX79" fmla="*/ 254813 w 1163055"/>
                <a:gd name="connsiteY79" fmla="*/ 1042177 h 1165225"/>
                <a:gd name="connsiteX80" fmla="*/ 483227 w 1163055"/>
                <a:gd name="connsiteY80" fmla="*/ 884319 h 1165225"/>
                <a:gd name="connsiteX81" fmla="*/ 470294 w 1163055"/>
                <a:gd name="connsiteY81" fmla="*/ 911682 h 1165225"/>
                <a:gd name="connsiteX82" fmla="*/ 493845 w 1163055"/>
                <a:gd name="connsiteY82" fmla="*/ 1034600 h 1165225"/>
                <a:gd name="connsiteX83" fmla="*/ 525744 w 1163055"/>
                <a:gd name="connsiteY83" fmla="*/ 1012738 h 1165225"/>
                <a:gd name="connsiteX84" fmla="*/ 577286 w 1163055"/>
                <a:gd name="connsiteY84" fmla="*/ 1145839 h 1165225"/>
                <a:gd name="connsiteX85" fmla="*/ 580471 w 1163055"/>
                <a:gd name="connsiteY85" fmla="*/ 1145839 h 1165225"/>
                <a:gd name="connsiteX86" fmla="*/ 254813 w 1163055"/>
                <a:gd name="connsiteY86" fmla="*/ 1042177 h 1165225"/>
                <a:gd name="connsiteX87" fmla="*/ 544711 w 1163055"/>
                <a:gd name="connsiteY87" fmla="*/ 999708 h 1165225"/>
                <a:gd name="connsiteX88" fmla="*/ 581581 w 1163055"/>
                <a:gd name="connsiteY88" fmla="*/ 974420 h 1165225"/>
                <a:gd name="connsiteX89" fmla="*/ 618355 w 1163055"/>
                <a:gd name="connsiteY89" fmla="*/ 999708 h 1165225"/>
                <a:gd name="connsiteX90" fmla="*/ 581533 w 1163055"/>
                <a:gd name="connsiteY90" fmla="*/ 1095553 h 1165225"/>
                <a:gd name="connsiteX91" fmla="*/ 585780 w 1163055"/>
                <a:gd name="connsiteY91" fmla="*/ 1145791 h 1165225"/>
                <a:gd name="connsiteX92" fmla="*/ 637322 w 1163055"/>
                <a:gd name="connsiteY92" fmla="*/ 1012738 h 1165225"/>
                <a:gd name="connsiteX93" fmla="*/ 669221 w 1163055"/>
                <a:gd name="connsiteY93" fmla="*/ 1034600 h 1165225"/>
                <a:gd name="connsiteX94" fmla="*/ 692821 w 1163055"/>
                <a:gd name="connsiteY94" fmla="*/ 911682 h 1165225"/>
                <a:gd name="connsiteX95" fmla="*/ 679839 w 1163055"/>
                <a:gd name="connsiteY95" fmla="*/ 884319 h 1165225"/>
                <a:gd name="connsiteX96" fmla="*/ 907626 w 1163055"/>
                <a:gd name="connsiteY96" fmla="*/ 1040826 h 1165225"/>
                <a:gd name="connsiteX97" fmla="*/ 585780 w 1163055"/>
                <a:gd name="connsiteY97" fmla="*/ 1145791 h 11652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Lst>
              <a:rect l="l" t="t" r="r" b="b"/>
              <a:pathLst>
                <a:path w="1163055" h="1165225">
                  <a:moveTo>
                    <a:pt x="580471" y="2"/>
                  </a:moveTo>
                  <a:cubicBezTo>
                    <a:pt x="425224" y="-434"/>
                    <a:pt x="276314" y="61543"/>
                    <a:pt x="167221" y="172001"/>
                  </a:cubicBezTo>
                  <a:lnTo>
                    <a:pt x="180879" y="185610"/>
                  </a:lnTo>
                  <a:cubicBezTo>
                    <a:pt x="399868" y="-35276"/>
                    <a:pt x="756461" y="-36812"/>
                    <a:pt x="977347" y="182179"/>
                  </a:cubicBezTo>
                  <a:cubicBezTo>
                    <a:pt x="1198233" y="401168"/>
                    <a:pt x="1199773" y="757762"/>
                    <a:pt x="980778" y="978648"/>
                  </a:cubicBezTo>
                  <a:cubicBezTo>
                    <a:pt x="963955" y="995621"/>
                    <a:pt x="946065" y="1011503"/>
                    <a:pt x="927219" y="1026203"/>
                  </a:cubicBezTo>
                  <a:cubicBezTo>
                    <a:pt x="924845" y="1015412"/>
                    <a:pt x="921621" y="1004824"/>
                    <a:pt x="917567" y="994544"/>
                  </a:cubicBezTo>
                  <a:cubicBezTo>
                    <a:pt x="877463" y="893971"/>
                    <a:pt x="759178" y="870130"/>
                    <a:pt x="671441" y="861443"/>
                  </a:cubicBezTo>
                  <a:cubicBezTo>
                    <a:pt x="671441" y="845358"/>
                    <a:pt x="671441" y="829384"/>
                    <a:pt x="671441" y="813521"/>
                  </a:cubicBezTo>
                  <a:lnTo>
                    <a:pt x="671441" y="788764"/>
                  </a:lnTo>
                  <a:cubicBezTo>
                    <a:pt x="726940" y="759084"/>
                    <a:pt x="760722" y="707639"/>
                    <a:pt x="779544" y="668741"/>
                  </a:cubicBezTo>
                  <a:cubicBezTo>
                    <a:pt x="806714" y="658172"/>
                    <a:pt x="815691" y="612084"/>
                    <a:pt x="818586" y="585107"/>
                  </a:cubicBezTo>
                  <a:cubicBezTo>
                    <a:pt x="820372" y="569036"/>
                    <a:pt x="824474" y="516384"/>
                    <a:pt x="805942" y="497418"/>
                  </a:cubicBezTo>
                  <a:cubicBezTo>
                    <a:pt x="806811" y="481106"/>
                    <a:pt x="807728" y="463636"/>
                    <a:pt x="807921" y="445925"/>
                  </a:cubicBezTo>
                  <a:cubicBezTo>
                    <a:pt x="809465" y="385986"/>
                    <a:pt x="802130" y="345110"/>
                    <a:pt x="784273" y="313451"/>
                  </a:cubicBezTo>
                  <a:cubicBezTo>
                    <a:pt x="781730" y="308622"/>
                    <a:pt x="778878" y="303963"/>
                    <a:pt x="775731" y="299504"/>
                  </a:cubicBezTo>
                  <a:cubicBezTo>
                    <a:pt x="732297" y="237731"/>
                    <a:pt x="644416" y="230589"/>
                    <a:pt x="582257" y="230589"/>
                  </a:cubicBezTo>
                  <a:cubicBezTo>
                    <a:pt x="520098" y="230589"/>
                    <a:pt x="430672" y="237586"/>
                    <a:pt x="386756" y="298153"/>
                  </a:cubicBezTo>
                  <a:cubicBezTo>
                    <a:pt x="375014" y="315048"/>
                    <a:pt x="366655" y="334059"/>
                    <a:pt x="362143" y="354134"/>
                  </a:cubicBezTo>
                  <a:cubicBezTo>
                    <a:pt x="359204" y="366079"/>
                    <a:pt x="357158" y="378226"/>
                    <a:pt x="356014" y="390474"/>
                  </a:cubicBezTo>
                  <a:cubicBezTo>
                    <a:pt x="353070" y="426143"/>
                    <a:pt x="353070" y="461990"/>
                    <a:pt x="356014" y="497659"/>
                  </a:cubicBezTo>
                  <a:cubicBezTo>
                    <a:pt x="336710" y="517446"/>
                    <a:pt x="341536" y="573765"/>
                    <a:pt x="342501" y="585155"/>
                  </a:cubicBezTo>
                  <a:cubicBezTo>
                    <a:pt x="345252" y="612277"/>
                    <a:pt x="354228" y="658607"/>
                    <a:pt x="383426" y="669031"/>
                  </a:cubicBezTo>
                  <a:cubicBezTo>
                    <a:pt x="410162" y="724192"/>
                    <a:pt x="447322" y="765551"/>
                    <a:pt x="491142" y="789053"/>
                  </a:cubicBezTo>
                  <a:lnTo>
                    <a:pt x="491142" y="814631"/>
                  </a:lnTo>
                  <a:cubicBezTo>
                    <a:pt x="491142" y="830330"/>
                    <a:pt x="491142" y="845986"/>
                    <a:pt x="491142" y="861588"/>
                  </a:cubicBezTo>
                  <a:cubicBezTo>
                    <a:pt x="403598" y="870275"/>
                    <a:pt x="285313" y="894115"/>
                    <a:pt x="245016" y="994689"/>
                  </a:cubicBezTo>
                  <a:cubicBezTo>
                    <a:pt x="240787" y="1005461"/>
                    <a:pt x="237352" y="1016522"/>
                    <a:pt x="234737" y="1027796"/>
                  </a:cubicBezTo>
                  <a:cubicBezTo>
                    <a:pt x="222125" y="1018144"/>
                    <a:pt x="209915" y="1007816"/>
                    <a:pt x="198107" y="996813"/>
                  </a:cubicBezTo>
                  <a:cubicBezTo>
                    <a:pt x="94881" y="901591"/>
                    <a:pt x="31085" y="771139"/>
                    <a:pt x="19304" y="631195"/>
                  </a:cubicBezTo>
                  <a:lnTo>
                    <a:pt x="0" y="632836"/>
                  </a:lnTo>
                  <a:cubicBezTo>
                    <a:pt x="27746" y="953393"/>
                    <a:pt x="310104" y="1190770"/>
                    <a:pt x="630662" y="1163020"/>
                  </a:cubicBezTo>
                  <a:cubicBezTo>
                    <a:pt x="951224" y="1135275"/>
                    <a:pt x="1188596" y="852916"/>
                    <a:pt x="1160851" y="532358"/>
                  </a:cubicBezTo>
                  <a:cubicBezTo>
                    <a:pt x="1134786" y="231217"/>
                    <a:pt x="882738" y="26"/>
                    <a:pt x="580471" y="2"/>
                  </a:cubicBezTo>
                  <a:close/>
                  <a:moveTo>
                    <a:pt x="447129" y="721489"/>
                  </a:moveTo>
                  <a:lnTo>
                    <a:pt x="447129" y="721489"/>
                  </a:lnTo>
                  <a:cubicBezTo>
                    <a:pt x="429789" y="702152"/>
                    <a:pt x="415692" y="680135"/>
                    <a:pt x="405384" y="656290"/>
                  </a:cubicBezTo>
                  <a:lnTo>
                    <a:pt x="404467" y="654215"/>
                  </a:lnTo>
                  <a:lnTo>
                    <a:pt x="402295" y="653588"/>
                  </a:lnTo>
                  <a:cubicBezTo>
                    <a:pt x="377248" y="646300"/>
                    <a:pt x="370396" y="596834"/>
                    <a:pt x="368851" y="581873"/>
                  </a:cubicBezTo>
                  <a:cubicBezTo>
                    <a:pt x="366988" y="563447"/>
                    <a:pt x="367505" y="544858"/>
                    <a:pt x="370396" y="526567"/>
                  </a:cubicBezTo>
                  <a:lnTo>
                    <a:pt x="398965" y="575551"/>
                  </a:lnTo>
                  <a:lnTo>
                    <a:pt x="402151" y="564837"/>
                  </a:lnTo>
                  <a:cubicBezTo>
                    <a:pt x="404694" y="556580"/>
                    <a:pt x="405418" y="547869"/>
                    <a:pt x="404274" y="539308"/>
                  </a:cubicBezTo>
                  <a:cubicBezTo>
                    <a:pt x="402286" y="524825"/>
                    <a:pt x="393720" y="512070"/>
                    <a:pt x="381061" y="504754"/>
                  </a:cubicBezTo>
                  <a:lnTo>
                    <a:pt x="381399" y="504464"/>
                  </a:lnTo>
                  <a:lnTo>
                    <a:pt x="380916" y="498190"/>
                  </a:lnTo>
                  <a:cubicBezTo>
                    <a:pt x="377152" y="443174"/>
                    <a:pt x="371264" y="360118"/>
                    <a:pt x="406928" y="311279"/>
                  </a:cubicBezTo>
                  <a:cubicBezTo>
                    <a:pt x="444426" y="259882"/>
                    <a:pt x="520146" y="253367"/>
                    <a:pt x="582064" y="253367"/>
                  </a:cubicBezTo>
                  <a:lnTo>
                    <a:pt x="582064" y="253367"/>
                  </a:lnTo>
                  <a:cubicBezTo>
                    <a:pt x="643692" y="253367"/>
                    <a:pt x="719219" y="260027"/>
                    <a:pt x="756717" y="311279"/>
                  </a:cubicBezTo>
                  <a:cubicBezTo>
                    <a:pt x="792236" y="359974"/>
                    <a:pt x="786783" y="443077"/>
                    <a:pt x="783212" y="498094"/>
                  </a:cubicBezTo>
                  <a:lnTo>
                    <a:pt x="782826" y="504223"/>
                  </a:lnTo>
                  <a:cubicBezTo>
                    <a:pt x="769641" y="511394"/>
                    <a:pt x="760679" y="524429"/>
                    <a:pt x="758696" y="539308"/>
                  </a:cubicBezTo>
                  <a:cubicBezTo>
                    <a:pt x="757571" y="547874"/>
                    <a:pt x="758309" y="556585"/>
                    <a:pt x="760867" y="564837"/>
                  </a:cubicBezTo>
                  <a:lnTo>
                    <a:pt x="764052" y="575503"/>
                  </a:lnTo>
                  <a:lnTo>
                    <a:pt x="793008" y="526181"/>
                  </a:lnTo>
                  <a:cubicBezTo>
                    <a:pt x="795875" y="544612"/>
                    <a:pt x="796218" y="563351"/>
                    <a:pt x="794022" y="581873"/>
                  </a:cubicBezTo>
                  <a:cubicBezTo>
                    <a:pt x="792429" y="596834"/>
                    <a:pt x="785383" y="646252"/>
                    <a:pt x="762218" y="653588"/>
                  </a:cubicBezTo>
                  <a:lnTo>
                    <a:pt x="759902" y="654311"/>
                  </a:lnTo>
                  <a:lnTo>
                    <a:pt x="759130" y="656580"/>
                  </a:lnTo>
                  <a:cubicBezTo>
                    <a:pt x="752808" y="674870"/>
                    <a:pt x="726940" y="736836"/>
                    <a:pt x="659714" y="767915"/>
                  </a:cubicBezTo>
                  <a:cubicBezTo>
                    <a:pt x="656384" y="769460"/>
                    <a:pt x="577672" y="805076"/>
                    <a:pt x="504944" y="768205"/>
                  </a:cubicBezTo>
                  <a:cubicBezTo>
                    <a:pt x="482933" y="756367"/>
                    <a:pt x="463325" y="740523"/>
                    <a:pt x="447129" y="721489"/>
                  </a:cubicBezTo>
                  <a:close/>
                  <a:moveTo>
                    <a:pt x="513390" y="874956"/>
                  </a:moveTo>
                  <a:cubicBezTo>
                    <a:pt x="513390" y="865932"/>
                    <a:pt x="513390" y="839533"/>
                    <a:pt x="513390" y="814969"/>
                  </a:cubicBezTo>
                  <a:lnTo>
                    <a:pt x="513390" y="798995"/>
                  </a:lnTo>
                  <a:cubicBezTo>
                    <a:pt x="557316" y="815789"/>
                    <a:pt x="605895" y="815789"/>
                    <a:pt x="649821" y="798995"/>
                  </a:cubicBezTo>
                  <a:lnTo>
                    <a:pt x="649821" y="814969"/>
                  </a:lnTo>
                  <a:cubicBezTo>
                    <a:pt x="649821" y="839630"/>
                    <a:pt x="649821" y="866173"/>
                    <a:pt x="649821" y="875101"/>
                  </a:cubicBezTo>
                  <a:lnTo>
                    <a:pt x="582257" y="931276"/>
                  </a:lnTo>
                  <a:close/>
                  <a:moveTo>
                    <a:pt x="574584" y="952993"/>
                  </a:moveTo>
                  <a:lnTo>
                    <a:pt x="508853" y="998116"/>
                  </a:lnTo>
                  <a:lnTo>
                    <a:pt x="492831" y="914578"/>
                  </a:lnTo>
                  <a:lnTo>
                    <a:pt x="502483" y="894019"/>
                  </a:lnTo>
                  <a:close/>
                  <a:moveTo>
                    <a:pt x="660583" y="894115"/>
                  </a:moveTo>
                  <a:lnTo>
                    <a:pt x="670235" y="914529"/>
                  </a:lnTo>
                  <a:lnTo>
                    <a:pt x="654164" y="998116"/>
                  </a:lnTo>
                  <a:lnTo>
                    <a:pt x="589158" y="953475"/>
                  </a:lnTo>
                  <a:close/>
                  <a:moveTo>
                    <a:pt x="254813" y="1042177"/>
                  </a:moveTo>
                  <a:cubicBezTo>
                    <a:pt x="268953" y="966457"/>
                    <a:pt x="317985" y="903526"/>
                    <a:pt x="483227" y="884319"/>
                  </a:cubicBezTo>
                  <a:lnTo>
                    <a:pt x="470294" y="911682"/>
                  </a:lnTo>
                  <a:lnTo>
                    <a:pt x="493845" y="1034600"/>
                  </a:lnTo>
                  <a:lnTo>
                    <a:pt x="525744" y="1012738"/>
                  </a:lnTo>
                  <a:lnTo>
                    <a:pt x="577286" y="1145839"/>
                  </a:lnTo>
                  <a:lnTo>
                    <a:pt x="580471" y="1145839"/>
                  </a:lnTo>
                  <a:cubicBezTo>
                    <a:pt x="463783" y="1145980"/>
                    <a:pt x="349953" y="1109746"/>
                    <a:pt x="254813" y="1042177"/>
                  </a:cubicBezTo>
                  <a:close/>
                  <a:moveTo>
                    <a:pt x="544711" y="999708"/>
                  </a:moveTo>
                  <a:lnTo>
                    <a:pt x="581581" y="974420"/>
                  </a:lnTo>
                  <a:lnTo>
                    <a:pt x="618355" y="999708"/>
                  </a:lnTo>
                  <a:lnTo>
                    <a:pt x="581533" y="1095553"/>
                  </a:lnTo>
                  <a:close/>
                  <a:moveTo>
                    <a:pt x="585780" y="1145791"/>
                  </a:moveTo>
                  <a:lnTo>
                    <a:pt x="637322" y="1012738"/>
                  </a:lnTo>
                  <a:lnTo>
                    <a:pt x="669221" y="1034600"/>
                  </a:lnTo>
                  <a:lnTo>
                    <a:pt x="692821" y="911682"/>
                  </a:lnTo>
                  <a:lnTo>
                    <a:pt x="679839" y="884319"/>
                  </a:lnTo>
                  <a:cubicBezTo>
                    <a:pt x="845419" y="903623"/>
                    <a:pt x="893630" y="964913"/>
                    <a:pt x="907626" y="1040826"/>
                  </a:cubicBezTo>
                  <a:cubicBezTo>
                    <a:pt x="813736" y="1108168"/>
                    <a:pt x="701319" y="1144831"/>
                    <a:pt x="585780" y="1145791"/>
                  </a:cubicBezTo>
                  <a:close/>
                </a:path>
              </a:pathLst>
            </a:custGeom>
            <a:solidFill>
              <a:schemeClr val="accent2"/>
            </a:solidFill>
            <a:ln w="4796" cap="flat">
              <a:noFill/>
              <a:prstDash val="solid"/>
              <a:miter/>
            </a:ln>
          </p:spPr>
          <p:txBody>
            <a:bodyPr rtlCol="0" anchor="ctr"/>
            <a:lstStyle/>
            <a:p>
              <a:endParaRPr lang="en-US"/>
            </a:p>
          </p:txBody>
        </p:sp>
        <p:sp>
          <p:nvSpPr>
            <p:cNvPr id="52" name="Graphic 2">
              <a:extLst>
                <a:ext uri="{FF2B5EF4-FFF2-40B4-BE49-F238E27FC236}">
                  <a16:creationId xmlns:a16="http://schemas.microsoft.com/office/drawing/2014/main" id="{97F573F2-0394-6D40-8089-4BA5BA0A7B02}"/>
                </a:ext>
              </a:extLst>
            </p:cNvPr>
            <p:cNvSpPr/>
            <p:nvPr/>
          </p:nvSpPr>
          <p:spPr>
            <a:xfrm>
              <a:off x="7069750" y="5305901"/>
              <a:ext cx="288170" cy="124723"/>
            </a:xfrm>
            <a:custGeom>
              <a:avLst/>
              <a:gdLst>
                <a:gd name="connsiteX0" fmla="*/ 124524 w 288170"/>
                <a:gd name="connsiteY0" fmla="*/ 62518 h 124723"/>
                <a:gd name="connsiteX1" fmla="*/ 123945 w 288170"/>
                <a:gd name="connsiteY1" fmla="*/ 54169 h 124723"/>
                <a:gd name="connsiteX2" fmla="*/ 164628 w 288170"/>
                <a:gd name="connsiteY2" fmla="*/ 54169 h 124723"/>
                <a:gd name="connsiteX3" fmla="*/ 164049 w 288170"/>
                <a:gd name="connsiteY3" fmla="*/ 62518 h 124723"/>
                <a:gd name="connsiteX4" fmla="*/ 226565 w 288170"/>
                <a:gd name="connsiteY4" fmla="*/ 124122 h 124723"/>
                <a:gd name="connsiteX5" fmla="*/ 288169 w 288170"/>
                <a:gd name="connsiteY5" fmla="*/ 61606 h 124723"/>
                <a:gd name="connsiteX6" fmla="*/ 225653 w 288170"/>
                <a:gd name="connsiteY6" fmla="*/ 2 h 124723"/>
                <a:gd name="connsiteX7" fmla="*/ 170805 w 288170"/>
                <a:gd name="connsiteY7" fmla="*/ 33900 h 124723"/>
                <a:gd name="connsiteX8" fmla="*/ 117333 w 288170"/>
                <a:gd name="connsiteY8" fmla="*/ 33900 h 124723"/>
                <a:gd name="connsiteX9" fmla="*/ 33520 w 288170"/>
                <a:gd name="connsiteY9" fmla="*/ 7390 h 124723"/>
                <a:gd name="connsiteX10" fmla="*/ 7011 w 288170"/>
                <a:gd name="connsiteY10" fmla="*/ 91203 h 124723"/>
                <a:gd name="connsiteX11" fmla="*/ 90824 w 288170"/>
                <a:gd name="connsiteY11" fmla="*/ 117713 h 124723"/>
                <a:gd name="connsiteX12" fmla="*/ 124331 w 288170"/>
                <a:gd name="connsiteY12" fmla="*/ 62518 h 124723"/>
                <a:gd name="connsiteX13" fmla="*/ 226208 w 288170"/>
                <a:gd name="connsiteY13" fmla="*/ 22944 h 124723"/>
                <a:gd name="connsiteX14" fmla="*/ 265877 w 288170"/>
                <a:gd name="connsiteY14" fmla="*/ 62518 h 124723"/>
                <a:gd name="connsiteX15" fmla="*/ 226304 w 288170"/>
                <a:gd name="connsiteY15" fmla="*/ 102187 h 124723"/>
                <a:gd name="connsiteX16" fmla="*/ 186635 w 288170"/>
                <a:gd name="connsiteY16" fmla="*/ 62614 h 124723"/>
                <a:gd name="connsiteX17" fmla="*/ 186635 w 288170"/>
                <a:gd name="connsiteY17" fmla="*/ 62518 h 124723"/>
                <a:gd name="connsiteX18" fmla="*/ 226208 w 288170"/>
                <a:gd name="connsiteY18" fmla="*/ 22944 h 124723"/>
                <a:gd name="connsiteX19" fmla="*/ 62124 w 288170"/>
                <a:gd name="connsiteY19" fmla="*/ 102139 h 124723"/>
                <a:gd name="connsiteX20" fmla="*/ 22454 w 288170"/>
                <a:gd name="connsiteY20" fmla="*/ 62566 h 124723"/>
                <a:gd name="connsiteX21" fmla="*/ 62027 w 288170"/>
                <a:gd name="connsiteY21" fmla="*/ 22896 h 124723"/>
                <a:gd name="connsiteX22" fmla="*/ 101697 w 288170"/>
                <a:gd name="connsiteY22" fmla="*/ 62469 h 124723"/>
                <a:gd name="connsiteX23" fmla="*/ 101697 w 288170"/>
                <a:gd name="connsiteY23" fmla="*/ 62518 h 124723"/>
                <a:gd name="connsiteX24" fmla="*/ 62317 w 288170"/>
                <a:gd name="connsiteY24" fmla="*/ 101946 h 124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88170" h="124723">
                  <a:moveTo>
                    <a:pt x="124524" y="62518"/>
                  </a:moveTo>
                  <a:cubicBezTo>
                    <a:pt x="124524" y="59723"/>
                    <a:pt x="124331" y="56934"/>
                    <a:pt x="123945" y="54169"/>
                  </a:cubicBezTo>
                  <a:cubicBezTo>
                    <a:pt x="137293" y="50790"/>
                    <a:pt x="151279" y="50790"/>
                    <a:pt x="164628" y="54169"/>
                  </a:cubicBezTo>
                  <a:cubicBezTo>
                    <a:pt x="164242" y="56934"/>
                    <a:pt x="164049" y="59723"/>
                    <a:pt x="164049" y="62518"/>
                  </a:cubicBezTo>
                  <a:cubicBezTo>
                    <a:pt x="164300" y="96792"/>
                    <a:pt x="192291" y="124373"/>
                    <a:pt x="226565" y="124122"/>
                  </a:cubicBezTo>
                  <a:cubicBezTo>
                    <a:pt x="260839" y="123871"/>
                    <a:pt x="288420" y="95885"/>
                    <a:pt x="288169" y="61606"/>
                  </a:cubicBezTo>
                  <a:cubicBezTo>
                    <a:pt x="287918" y="27331"/>
                    <a:pt x="259932" y="-249"/>
                    <a:pt x="225653" y="2"/>
                  </a:cubicBezTo>
                  <a:cubicBezTo>
                    <a:pt x="202478" y="171"/>
                    <a:pt x="181326" y="13244"/>
                    <a:pt x="170805" y="33900"/>
                  </a:cubicBezTo>
                  <a:cubicBezTo>
                    <a:pt x="153210" y="29846"/>
                    <a:pt x="134929" y="29846"/>
                    <a:pt x="117333" y="33900"/>
                  </a:cubicBezTo>
                  <a:cubicBezTo>
                    <a:pt x="101509" y="3433"/>
                    <a:pt x="63982" y="-8434"/>
                    <a:pt x="33520" y="7390"/>
                  </a:cubicBezTo>
                  <a:cubicBezTo>
                    <a:pt x="3053" y="23215"/>
                    <a:pt x="-8814" y="60742"/>
                    <a:pt x="7011" y="91203"/>
                  </a:cubicBezTo>
                  <a:cubicBezTo>
                    <a:pt x="22835" y="121670"/>
                    <a:pt x="60362" y="133537"/>
                    <a:pt x="90824" y="117713"/>
                  </a:cubicBezTo>
                  <a:cubicBezTo>
                    <a:pt x="111421" y="107013"/>
                    <a:pt x="124345" y="85731"/>
                    <a:pt x="124331" y="62518"/>
                  </a:cubicBezTo>
                  <a:close/>
                  <a:moveTo>
                    <a:pt x="226208" y="22944"/>
                  </a:moveTo>
                  <a:cubicBezTo>
                    <a:pt x="248089" y="22916"/>
                    <a:pt x="265848" y="40637"/>
                    <a:pt x="265877" y="62518"/>
                  </a:cubicBezTo>
                  <a:cubicBezTo>
                    <a:pt x="265906" y="84399"/>
                    <a:pt x="248185" y="102159"/>
                    <a:pt x="226304" y="102187"/>
                  </a:cubicBezTo>
                  <a:cubicBezTo>
                    <a:pt x="204423" y="102216"/>
                    <a:pt x="186663" y="84495"/>
                    <a:pt x="186635" y="62614"/>
                  </a:cubicBezTo>
                  <a:cubicBezTo>
                    <a:pt x="186635" y="62580"/>
                    <a:pt x="186635" y="62552"/>
                    <a:pt x="186635" y="62518"/>
                  </a:cubicBezTo>
                  <a:cubicBezTo>
                    <a:pt x="186663" y="40675"/>
                    <a:pt x="204365" y="22973"/>
                    <a:pt x="226208" y="22944"/>
                  </a:cubicBezTo>
                  <a:close/>
                  <a:moveTo>
                    <a:pt x="62124" y="102139"/>
                  </a:moveTo>
                  <a:cubicBezTo>
                    <a:pt x="40243" y="102168"/>
                    <a:pt x="22483" y="84447"/>
                    <a:pt x="22454" y="62566"/>
                  </a:cubicBezTo>
                  <a:cubicBezTo>
                    <a:pt x="22425" y="40685"/>
                    <a:pt x="40146" y="22925"/>
                    <a:pt x="62027" y="22896"/>
                  </a:cubicBezTo>
                  <a:cubicBezTo>
                    <a:pt x="83908" y="22867"/>
                    <a:pt x="101668" y="40588"/>
                    <a:pt x="101697" y="62469"/>
                  </a:cubicBezTo>
                  <a:cubicBezTo>
                    <a:pt x="101697" y="62484"/>
                    <a:pt x="101697" y="62503"/>
                    <a:pt x="101697" y="62518"/>
                  </a:cubicBezTo>
                  <a:cubicBezTo>
                    <a:pt x="101591" y="84230"/>
                    <a:pt x="84029" y="101816"/>
                    <a:pt x="62317" y="101946"/>
                  </a:cubicBezTo>
                  <a:close/>
                </a:path>
              </a:pathLst>
            </a:custGeom>
            <a:solidFill>
              <a:schemeClr val="accent2"/>
            </a:solidFill>
            <a:ln w="4796" cap="flat">
              <a:noFill/>
              <a:prstDash val="solid"/>
              <a:miter/>
            </a:ln>
          </p:spPr>
          <p:txBody>
            <a:bodyPr rtlCol="0" anchor="ctr"/>
            <a:lstStyle/>
            <a:p>
              <a:endParaRPr lang="en-US"/>
            </a:p>
          </p:txBody>
        </p:sp>
      </p:grpSp>
      <p:grpSp>
        <p:nvGrpSpPr>
          <p:cNvPr id="53" name="Group 52">
            <a:extLst>
              <a:ext uri="{FF2B5EF4-FFF2-40B4-BE49-F238E27FC236}">
                <a16:creationId xmlns:a16="http://schemas.microsoft.com/office/drawing/2014/main" id="{C69C40D3-D6F9-644A-9DA3-936580757F5D}"/>
              </a:ext>
            </a:extLst>
          </p:cNvPr>
          <p:cNvGrpSpPr/>
          <p:nvPr/>
        </p:nvGrpSpPr>
        <p:grpSpPr>
          <a:xfrm>
            <a:off x="6504794" y="2288083"/>
            <a:ext cx="1331229" cy="1185917"/>
            <a:chOff x="6504794" y="2288083"/>
            <a:chExt cx="1331229" cy="1185917"/>
          </a:xfrm>
        </p:grpSpPr>
        <p:sp>
          <p:nvSpPr>
            <p:cNvPr id="51" name="Rectangle 50">
              <a:extLst>
                <a:ext uri="{FF2B5EF4-FFF2-40B4-BE49-F238E27FC236}">
                  <a16:creationId xmlns:a16="http://schemas.microsoft.com/office/drawing/2014/main" id="{F4A88455-6FF2-214A-B573-451DEEA9C303}"/>
                </a:ext>
              </a:extLst>
            </p:cNvPr>
            <p:cNvSpPr/>
            <p:nvPr/>
          </p:nvSpPr>
          <p:spPr>
            <a:xfrm>
              <a:off x="6581614" y="2743199"/>
              <a:ext cx="66516" cy="124691"/>
            </a:xfrm>
            <a:prstGeom prst="rect">
              <a:avLst/>
            </a:prstGeom>
            <a:solidFill>
              <a:schemeClr val="bg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40" name="Oval 39">
              <a:extLst>
                <a:ext uri="{FF2B5EF4-FFF2-40B4-BE49-F238E27FC236}">
                  <a16:creationId xmlns:a16="http://schemas.microsoft.com/office/drawing/2014/main" id="{6F9EF088-32E8-5949-A0E2-A8D24AAD2BAF}"/>
                </a:ext>
              </a:extLst>
            </p:cNvPr>
            <p:cNvSpPr/>
            <p:nvPr/>
          </p:nvSpPr>
          <p:spPr>
            <a:xfrm>
              <a:off x="6650107" y="2288083"/>
              <a:ext cx="1185916" cy="1185917"/>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12" name="Graphic 5">
              <a:extLst>
                <a:ext uri="{FF2B5EF4-FFF2-40B4-BE49-F238E27FC236}">
                  <a16:creationId xmlns:a16="http://schemas.microsoft.com/office/drawing/2014/main" id="{3E7C943F-00F2-4440-B3F5-B3E0259D85A4}"/>
                </a:ext>
              </a:extLst>
            </p:cNvPr>
            <p:cNvSpPr/>
            <p:nvPr/>
          </p:nvSpPr>
          <p:spPr>
            <a:xfrm>
              <a:off x="6504794" y="2489576"/>
              <a:ext cx="374883" cy="388935"/>
            </a:xfrm>
            <a:custGeom>
              <a:avLst/>
              <a:gdLst>
                <a:gd name="connsiteX0" fmla="*/ 288257 w 374883"/>
                <a:gd name="connsiteY0" fmla="*/ 146140 h 388935"/>
                <a:gd name="connsiteX1" fmla="*/ 211910 w 374883"/>
                <a:gd name="connsiteY1" fmla="*/ 176592 h 388935"/>
                <a:gd name="connsiteX2" fmla="*/ 211910 w 374883"/>
                <a:gd name="connsiteY2" fmla="*/ 63229 h 388935"/>
                <a:gd name="connsiteX3" fmla="*/ 293373 w 374883"/>
                <a:gd name="connsiteY3" fmla="*/ 40498 h 388935"/>
                <a:gd name="connsiteX4" fmla="*/ 293373 w 374883"/>
                <a:gd name="connsiteY4" fmla="*/ 138563 h 388935"/>
                <a:gd name="connsiteX5" fmla="*/ 288257 w 374883"/>
                <a:gd name="connsiteY5" fmla="*/ 146140 h 388935"/>
                <a:gd name="connsiteX6" fmla="*/ 203754 w 374883"/>
                <a:gd name="connsiteY6" fmla="*/ 48316 h 388935"/>
                <a:gd name="connsiteX7" fmla="*/ 288064 w 374883"/>
                <a:gd name="connsiteY7" fmla="*/ 25055 h 388935"/>
                <a:gd name="connsiteX8" fmla="*/ 206022 w 374883"/>
                <a:gd name="connsiteY8" fmla="*/ 346 h 388935"/>
                <a:gd name="connsiteX9" fmla="*/ 201196 w 374883"/>
                <a:gd name="connsiteY9" fmla="*/ 346 h 388935"/>
                <a:gd name="connsiteX10" fmla="*/ 119154 w 374883"/>
                <a:gd name="connsiteY10" fmla="*/ 25055 h 388935"/>
                <a:gd name="connsiteX11" fmla="*/ 119202 w 374883"/>
                <a:gd name="connsiteY11" fmla="*/ 146140 h 388935"/>
                <a:gd name="connsiteX12" fmla="*/ 195598 w 374883"/>
                <a:gd name="connsiteY12" fmla="*/ 176592 h 388935"/>
                <a:gd name="connsiteX13" fmla="*/ 195598 w 374883"/>
                <a:gd name="connsiteY13" fmla="*/ 63229 h 388935"/>
                <a:gd name="connsiteX14" fmla="*/ 114087 w 374883"/>
                <a:gd name="connsiteY14" fmla="*/ 40498 h 388935"/>
                <a:gd name="connsiteX15" fmla="*/ 114087 w 374883"/>
                <a:gd name="connsiteY15" fmla="*/ 138563 h 388935"/>
                <a:gd name="connsiteX16" fmla="*/ 119202 w 374883"/>
                <a:gd name="connsiteY16" fmla="*/ 146140 h 388935"/>
                <a:gd name="connsiteX17" fmla="*/ 228173 w 374883"/>
                <a:gd name="connsiteY17" fmla="*/ 277117 h 388935"/>
                <a:gd name="connsiteX18" fmla="*/ 232662 w 374883"/>
                <a:gd name="connsiteY18" fmla="*/ 284404 h 388935"/>
                <a:gd name="connsiteX19" fmla="*/ 293373 w 374883"/>
                <a:gd name="connsiteY19" fmla="*/ 314760 h 388935"/>
                <a:gd name="connsiteX20" fmla="*/ 293373 w 374883"/>
                <a:gd name="connsiteY20" fmla="*/ 234069 h 388935"/>
                <a:gd name="connsiteX21" fmla="*/ 228173 w 374883"/>
                <a:gd name="connsiteY21" fmla="*/ 211773 h 388935"/>
                <a:gd name="connsiteX22" fmla="*/ 304424 w 374883"/>
                <a:gd name="connsiteY22" fmla="*/ 171766 h 388935"/>
                <a:gd name="connsiteX23" fmla="*/ 298681 w 374883"/>
                <a:gd name="connsiteY23" fmla="*/ 171766 h 388935"/>
                <a:gd name="connsiteX24" fmla="*/ 233241 w 374883"/>
                <a:gd name="connsiteY24" fmla="*/ 196378 h 388935"/>
                <a:gd name="connsiteX25" fmla="*/ 301529 w 374883"/>
                <a:gd name="connsiteY25" fmla="*/ 219543 h 388935"/>
                <a:gd name="connsiteX26" fmla="*/ 369865 w 374883"/>
                <a:gd name="connsiteY26" fmla="*/ 196378 h 388935"/>
                <a:gd name="connsiteX27" fmla="*/ 309684 w 374883"/>
                <a:gd name="connsiteY27" fmla="*/ 234166 h 388935"/>
                <a:gd name="connsiteX28" fmla="*/ 309684 w 374883"/>
                <a:gd name="connsiteY28" fmla="*/ 314856 h 388935"/>
                <a:gd name="connsiteX29" fmla="*/ 370396 w 374883"/>
                <a:gd name="connsiteY29" fmla="*/ 284501 h 388935"/>
                <a:gd name="connsiteX30" fmla="*/ 374884 w 374883"/>
                <a:gd name="connsiteY30" fmla="*/ 277214 h 388935"/>
                <a:gd name="connsiteX31" fmla="*/ 374884 w 374883"/>
                <a:gd name="connsiteY31" fmla="*/ 211773 h 388935"/>
                <a:gd name="connsiteX32" fmla="*/ 108537 w 374883"/>
                <a:gd name="connsiteY32" fmla="*/ 179728 h 388935"/>
                <a:gd name="connsiteX33" fmla="*/ 103373 w 374883"/>
                <a:gd name="connsiteY33" fmla="*/ 179728 h 388935"/>
                <a:gd name="connsiteX34" fmla="*/ 16022 w 374883"/>
                <a:gd name="connsiteY34" fmla="*/ 208684 h 388935"/>
                <a:gd name="connsiteX35" fmla="*/ 105931 w 374883"/>
                <a:gd name="connsiteY35" fmla="*/ 244156 h 388935"/>
                <a:gd name="connsiteX36" fmla="*/ 195839 w 374883"/>
                <a:gd name="connsiteY36" fmla="*/ 209071 h 388935"/>
                <a:gd name="connsiteX37" fmla="*/ 0 w 374883"/>
                <a:gd name="connsiteY37" fmla="*/ 350328 h 388935"/>
                <a:gd name="connsiteX38" fmla="*/ 5550 w 374883"/>
                <a:gd name="connsiteY38" fmla="*/ 358049 h 388935"/>
                <a:gd name="connsiteX39" fmla="*/ 97871 w 374883"/>
                <a:gd name="connsiteY39" fmla="*/ 388936 h 388935"/>
                <a:gd name="connsiteX40" fmla="*/ 97871 w 374883"/>
                <a:gd name="connsiteY40" fmla="*/ 258247 h 388935"/>
                <a:gd name="connsiteX41" fmla="*/ 0 w 374883"/>
                <a:gd name="connsiteY41" fmla="*/ 220026 h 388935"/>
                <a:gd name="connsiteX42" fmla="*/ 114087 w 374883"/>
                <a:gd name="connsiteY42" fmla="*/ 388936 h 388935"/>
                <a:gd name="connsiteX43" fmla="*/ 206312 w 374883"/>
                <a:gd name="connsiteY43" fmla="*/ 358194 h 388935"/>
                <a:gd name="connsiteX44" fmla="*/ 211910 w 374883"/>
                <a:gd name="connsiteY44" fmla="*/ 350472 h 388935"/>
                <a:gd name="connsiteX45" fmla="*/ 211910 w 374883"/>
                <a:gd name="connsiteY45" fmla="*/ 220026 h 388935"/>
                <a:gd name="connsiteX46" fmla="*/ 114087 w 374883"/>
                <a:gd name="connsiteY46" fmla="*/ 258199 h 3889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374883" h="388935">
                  <a:moveTo>
                    <a:pt x="288257" y="146140"/>
                  </a:moveTo>
                  <a:lnTo>
                    <a:pt x="211910" y="176592"/>
                  </a:lnTo>
                  <a:lnTo>
                    <a:pt x="211910" y="63229"/>
                  </a:lnTo>
                  <a:lnTo>
                    <a:pt x="293373" y="40498"/>
                  </a:lnTo>
                  <a:lnTo>
                    <a:pt x="293373" y="138563"/>
                  </a:lnTo>
                  <a:cubicBezTo>
                    <a:pt x="293363" y="141893"/>
                    <a:pt x="291342" y="144886"/>
                    <a:pt x="288257" y="146140"/>
                  </a:cubicBezTo>
                  <a:close/>
                  <a:moveTo>
                    <a:pt x="203754" y="48316"/>
                  </a:moveTo>
                  <a:lnTo>
                    <a:pt x="288064" y="25055"/>
                  </a:lnTo>
                  <a:lnTo>
                    <a:pt x="206022" y="346"/>
                  </a:lnTo>
                  <a:cubicBezTo>
                    <a:pt x="204446" y="-115"/>
                    <a:pt x="202772" y="-115"/>
                    <a:pt x="201196" y="346"/>
                  </a:cubicBezTo>
                  <a:lnTo>
                    <a:pt x="119154" y="25055"/>
                  </a:lnTo>
                  <a:close/>
                  <a:moveTo>
                    <a:pt x="119202" y="146140"/>
                  </a:moveTo>
                  <a:lnTo>
                    <a:pt x="195598" y="176592"/>
                  </a:lnTo>
                  <a:lnTo>
                    <a:pt x="195598" y="63229"/>
                  </a:lnTo>
                  <a:lnTo>
                    <a:pt x="114087" y="40498"/>
                  </a:lnTo>
                  <a:lnTo>
                    <a:pt x="114087" y="138563"/>
                  </a:lnTo>
                  <a:cubicBezTo>
                    <a:pt x="114096" y="141893"/>
                    <a:pt x="116117" y="144886"/>
                    <a:pt x="119202" y="146140"/>
                  </a:cubicBezTo>
                  <a:close/>
                  <a:moveTo>
                    <a:pt x="228173" y="277117"/>
                  </a:moveTo>
                  <a:cubicBezTo>
                    <a:pt x="228172" y="280201"/>
                    <a:pt x="229909" y="283019"/>
                    <a:pt x="232662" y="284404"/>
                  </a:cubicBezTo>
                  <a:lnTo>
                    <a:pt x="293373" y="314760"/>
                  </a:lnTo>
                  <a:lnTo>
                    <a:pt x="293373" y="234069"/>
                  </a:lnTo>
                  <a:lnTo>
                    <a:pt x="228173" y="211773"/>
                  </a:lnTo>
                  <a:close/>
                  <a:moveTo>
                    <a:pt x="304424" y="171766"/>
                  </a:moveTo>
                  <a:cubicBezTo>
                    <a:pt x="302570" y="171090"/>
                    <a:pt x="300536" y="171090"/>
                    <a:pt x="298681" y="171766"/>
                  </a:cubicBezTo>
                  <a:lnTo>
                    <a:pt x="233241" y="196378"/>
                  </a:lnTo>
                  <a:lnTo>
                    <a:pt x="301529" y="219543"/>
                  </a:lnTo>
                  <a:lnTo>
                    <a:pt x="369865" y="196378"/>
                  </a:lnTo>
                  <a:close/>
                  <a:moveTo>
                    <a:pt x="309684" y="234166"/>
                  </a:moveTo>
                  <a:lnTo>
                    <a:pt x="309684" y="314856"/>
                  </a:lnTo>
                  <a:lnTo>
                    <a:pt x="370396" y="284501"/>
                  </a:lnTo>
                  <a:cubicBezTo>
                    <a:pt x="373148" y="283116"/>
                    <a:pt x="374885" y="280297"/>
                    <a:pt x="374884" y="277214"/>
                  </a:cubicBezTo>
                  <a:lnTo>
                    <a:pt x="374884" y="211773"/>
                  </a:lnTo>
                  <a:close/>
                  <a:moveTo>
                    <a:pt x="108537" y="179728"/>
                  </a:moveTo>
                  <a:cubicBezTo>
                    <a:pt x="106856" y="179198"/>
                    <a:pt x="105053" y="179198"/>
                    <a:pt x="103373" y="179728"/>
                  </a:cubicBezTo>
                  <a:lnTo>
                    <a:pt x="16022" y="208684"/>
                  </a:lnTo>
                  <a:lnTo>
                    <a:pt x="105931" y="244156"/>
                  </a:lnTo>
                  <a:lnTo>
                    <a:pt x="195839" y="209071"/>
                  </a:lnTo>
                  <a:close/>
                  <a:moveTo>
                    <a:pt x="0" y="350328"/>
                  </a:moveTo>
                  <a:cubicBezTo>
                    <a:pt x="-12" y="353831"/>
                    <a:pt x="2226" y="356944"/>
                    <a:pt x="5550" y="358049"/>
                  </a:cubicBezTo>
                  <a:lnTo>
                    <a:pt x="97871" y="388936"/>
                  </a:lnTo>
                  <a:lnTo>
                    <a:pt x="97871" y="258247"/>
                  </a:lnTo>
                  <a:lnTo>
                    <a:pt x="0" y="220026"/>
                  </a:lnTo>
                  <a:close/>
                  <a:moveTo>
                    <a:pt x="114087" y="388936"/>
                  </a:moveTo>
                  <a:lnTo>
                    <a:pt x="206312" y="358194"/>
                  </a:lnTo>
                  <a:cubicBezTo>
                    <a:pt x="209645" y="357094"/>
                    <a:pt x="211900" y="353981"/>
                    <a:pt x="211910" y="350472"/>
                  </a:cubicBezTo>
                  <a:lnTo>
                    <a:pt x="211910" y="220026"/>
                  </a:lnTo>
                  <a:lnTo>
                    <a:pt x="114087" y="258199"/>
                  </a:lnTo>
                  <a:close/>
                </a:path>
              </a:pathLst>
            </a:custGeom>
            <a:solidFill>
              <a:schemeClr val="accent1"/>
            </a:solidFill>
            <a:ln w="4796" cap="flat">
              <a:noFill/>
              <a:prstDash val="solid"/>
              <a:miter/>
            </a:ln>
          </p:spPr>
          <p:txBody>
            <a:bodyPr rtlCol="0" anchor="ctr"/>
            <a:lstStyle/>
            <a:p>
              <a:endParaRPr lang="en-US"/>
            </a:p>
          </p:txBody>
        </p:sp>
        <p:sp>
          <p:nvSpPr>
            <p:cNvPr id="16" name="Graphic 5">
              <a:extLst>
                <a:ext uri="{FF2B5EF4-FFF2-40B4-BE49-F238E27FC236}">
                  <a16:creationId xmlns:a16="http://schemas.microsoft.com/office/drawing/2014/main" id="{3E7C943F-00F2-4440-B3F5-B3E0259D85A4}"/>
                </a:ext>
              </a:extLst>
            </p:cNvPr>
            <p:cNvSpPr/>
            <p:nvPr/>
          </p:nvSpPr>
          <p:spPr>
            <a:xfrm>
              <a:off x="6755939" y="2825956"/>
              <a:ext cx="1017224" cy="301431"/>
            </a:xfrm>
            <a:custGeom>
              <a:avLst/>
              <a:gdLst>
                <a:gd name="connsiteX0" fmla="*/ 989041 w 1017224"/>
                <a:gd name="connsiteY0" fmla="*/ 19304 h 301431"/>
                <a:gd name="connsiteX1" fmla="*/ 836056 w 1017224"/>
                <a:gd name="connsiteY1" fmla="*/ 19304 h 301431"/>
                <a:gd name="connsiteX2" fmla="*/ 826404 w 1017224"/>
                <a:gd name="connsiteY2" fmla="*/ 9652 h 301431"/>
                <a:gd name="connsiteX3" fmla="*/ 836056 w 1017224"/>
                <a:gd name="connsiteY3" fmla="*/ 0 h 301431"/>
                <a:gd name="connsiteX4" fmla="*/ 989041 w 1017224"/>
                <a:gd name="connsiteY4" fmla="*/ 0 h 301431"/>
                <a:gd name="connsiteX5" fmla="*/ 998693 w 1017224"/>
                <a:gd name="connsiteY5" fmla="*/ 9652 h 301431"/>
                <a:gd name="connsiteX6" fmla="*/ 989041 w 1017224"/>
                <a:gd name="connsiteY6" fmla="*/ 19304 h 301431"/>
                <a:gd name="connsiteX7" fmla="*/ 985373 w 1017224"/>
                <a:gd name="connsiteY7" fmla="*/ 189565 h 301431"/>
                <a:gd name="connsiteX8" fmla="*/ 975721 w 1017224"/>
                <a:gd name="connsiteY8" fmla="*/ 179913 h 301431"/>
                <a:gd name="connsiteX9" fmla="*/ 845998 w 1017224"/>
                <a:gd name="connsiteY9" fmla="*/ 179913 h 301431"/>
                <a:gd name="connsiteX10" fmla="*/ 836346 w 1017224"/>
                <a:gd name="connsiteY10" fmla="*/ 189565 h 301431"/>
                <a:gd name="connsiteX11" fmla="*/ 845998 w 1017224"/>
                <a:gd name="connsiteY11" fmla="*/ 199217 h 301431"/>
                <a:gd name="connsiteX12" fmla="*/ 975721 w 1017224"/>
                <a:gd name="connsiteY12" fmla="*/ 199217 h 301431"/>
                <a:gd name="connsiteX13" fmla="*/ 985373 w 1017224"/>
                <a:gd name="connsiteY13" fmla="*/ 189565 h 301431"/>
                <a:gd name="connsiteX14" fmla="*/ 950384 w 1017224"/>
                <a:gd name="connsiteY14" fmla="*/ 129771 h 301431"/>
                <a:gd name="connsiteX15" fmla="*/ 940732 w 1017224"/>
                <a:gd name="connsiteY15" fmla="*/ 120119 h 301431"/>
                <a:gd name="connsiteX16" fmla="*/ 800440 w 1017224"/>
                <a:gd name="connsiteY16" fmla="*/ 120119 h 301431"/>
                <a:gd name="connsiteX17" fmla="*/ 790788 w 1017224"/>
                <a:gd name="connsiteY17" fmla="*/ 129771 h 301431"/>
                <a:gd name="connsiteX18" fmla="*/ 800440 w 1017224"/>
                <a:gd name="connsiteY18" fmla="*/ 139423 h 301431"/>
                <a:gd name="connsiteX19" fmla="*/ 940732 w 1017224"/>
                <a:gd name="connsiteY19" fmla="*/ 139423 h 301431"/>
                <a:gd name="connsiteX20" fmla="*/ 950384 w 1017224"/>
                <a:gd name="connsiteY20" fmla="*/ 129771 h 301431"/>
                <a:gd name="connsiteX21" fmla="*/ 1017224 w 1017224"/>
                <a:gd name="connsiteY21" fmla="*/ 69784 h 301431"/>
                <a:gd name="connsiteX22" fmla="*/ 1007572 w 1017224"/>
                <a:gd name="connsiteY22" fmla="*/ 60132 h 301431"/>
                <a:gd name="connsiteX23" fmla="*/ 889142 w 1017224"/>
                <a:gd name="connsiteY23" fmla="*/ 60132 h 301431"/>
                <a:gd name="connsiteX24" fmla="*/ 879490 w 1017224"/>
                <a:gd name="connsiteY24" fmla="*/ 69784 h 301431"/>
                <a:gd name="connsiteX25" fmla="*/ 889142 w 1017224"/>
                <a:gd name="connsiteY25" fmla="*/ 79436 h 301431"/>
                <a:gd name="connsiteX26" fmla="*/ 1007476 w 1017224"/>
                <a:gd name="connsiteY26" fmla="*/ 79436 h 301431"/>
                <a:gd name="connsiteX27" fmla="*/ 1017224 w 1017224"/>
                <a:gd name="connsiteY27" fmla="*/ 69885 h 301431"/>
                <a:gd name="connsiteX28" fmla="*/ 1017224 w 1017224"/>
                <a:gd name="connsiteY28" fmla="*/ 69591 h 301431"/>
                <a:gd name="connsiteX29" fmla="*/ 221803 w 1017224"/>
                <a:gd name="connsiteY29" fmla="*/ 291780 h 301431"/>
                <a:gd name="connsiteX30" fmla="*/ 212151 w 1017224"/>
                <a:gd name="connsiteY30" fmla="*/ 282128 h 301431"/>
                <a:gd name="connsiteX31" fmla="*/ 76540 w 1017224"/>
                <a:gd name="connsiteY31" fmla="*/ 282128 h 301431"/>
                <a:gd name="connsiteX32" fmla="*/ 66888 w 1017224"/>
                <a:gd name="connsiteY32" fmla="*/ 291780 h 301431"/>
                <a:gd name="connsiteX33" fmla="*/ 76540 w 1017224"/>
                <a:gd name="connsiteY33" fmla="*/ 301432 h 301431"/>
                <a:gd name="connsiteX34" fmla="*/ 212151 w 1017224"/>
                <a:gd name="connsiteY34" fmla="*/ 301432 h 301431"/>
                <a:gd name="connsiteX35" fmla="*/ 221808 w 1017224"/>
                <a:gd name="connsiteY35" fmla="*/ 291785 h 301431"/>
                <a:gd name="connsiteX36" fmla="*/ 221803 w 1017224"/>
                <a:gd name="connsiteY36" fmla="*/ 291490 h 301431"/>
                <a:gd name="connsiteX37" fmla="*/ 160947 w 1017224"/>
                <a:gd name="connsiteY37" fmla="*/ 233868 h 301431"/>
                <a:gd name="connsiteX38" fmla="*/ 151295 w 1017224"/>
                <a:gd name="connsiteY38" fmla="*/ 224216 h 301431"/>
                <a:gd name="connsiteX39" fmla="*/ 9652 w 1017224"/>
                <a:gd name="connsiteY39" fmla="*/ 224216 h 301431"/>
                <a:gd name="connsiteX40" fmla="*/ 0 w 1017224"/>
                <a:gd name="connsiteY40" fmla="*/ 233868 h 301431"/>
                <a:gd name="connsiteX41" fmla="*/ 9652 w 1017224"/>
                <a:gd name="connsiteY41" fmla="*/ 243520 h 301431"/>
                <a:gd name="connsiteX42" fmla="*/ 151295 w 1017224"/>
                <a:gd name="connsiteY42" fmla="*/ 243520 h 301431"/>
                <a:gd name="connsiteX43" fmla="*/ 160948 w 1017224"/>
                <a:gd name="connsiteY43" fmla="*/ 233868 h 301431"/>
                <a:gd name="connsiteX44" fmla="*/ 160947 w 1017224"/>
                <a:gd name="connsiteY44" fmla="*/ 233723 h 3014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1017224" h="301431">
                  <a:moveTo>
                    <a:pt x="989041" y="19304"/>
                  </a:moveTo>
                  <a:lnTo>
                    <a:pt x="836056" y="19304"/>
                  </a:lnTo>
                  <a:cubicBezTo>
                    <a:pt x="830724" y="19304"/>
                    <a:pt x="826404" y="14985"/>
                    <a:pt x="826404" y="9652"/>
                  </a:cubicBezTo>
                  <a:cubicBezTo>
                    <a:pt x="826404" y="4319"/>
                    <a:pt x="830724" y="0"/>
                    <a:pt x="836056" y="0"/>
                  </a:cubicBezTo>
                  <a:lnTo>
                    <a:pt x="989041" y="0"/>
                  </a:lnTo>
                  <a:cubicBezTo>
                    <a:pt x="994373" y="0"/>
                    <a:pt x="998693" y="4319"/>
                    <a:pt x="998693" y="9652"/>
                  </a:cubicBezTo>
                  <a:cubicBezTo>
                    <a:pt x="998693" y="14985"/>
                    <a:pt x="994373" y="19304"/>
                    <a:pt x="989041" y="19304"/>
                  </a:cubicBezTo>
                  <a:close/>
                  <a:moveTo>
                    <a:pt x="985373" y="189565"/>
                  </a:moveTo>
                  <a:cubicBezTo>
                    <a:pt x="985373" y="184233"/>
                    <a:pt x="981054" y="179913"/>
                    <a:pt x="975721" y="179913"/>
                  </a:cubicBezTo>
                  <a:lnTo>
                    <a:pt x="845998" y="179913"/>
                  </a:lnTo>
                  <a:cubicBezTo>
                    <a:pt x="840665" y="179913"/>
                    <a:pt x="836346" y="184233"/>
                    <a:pt x="836346" y="189565"/>
                  </a:cubicBezTo>
                  <a:cubicBezTo>
                    <a:pt x="836346" y="194898"/>
                    <a:pt x="840665" y="199217"/>
                    <a:pt x="845998" y="199217"/>
                  </a:cubicBezTo>
                  <a:lnTo>
                    <a:pt x="975721" y="199217"/>
                  </a:lnTo>
                  <a:cubicBezTo>
                    <a:pt x="981054" y="199217"/>
                    <a:pt x="985373" y="194898"/>
                    <a:pt x="985373" y="189565"/>
                  </a:cubicBezTo>
                  <a:close/>
                  <a:moveTo>
                    <a:pt x="950384" y="129771"/>
                  </a:moveTo>
                  <a:cubicBezTo>
                    <a:pt x="950384" y="124438"/>
                    <a:pt x="946065" y="120119"/>
                    <a:pt x="940732" y="120119"/>
                  </a:cubicBezTo>
                  <a:lnTo>
                    <a:pt x="800440" y="120119"/>
                  </a:lnTo>
                  <a:cubicBezTo>
                    <a:pt x="795108" y="120119"/>
                    <a:pt x="790788" y="124438"/>
                    <a:pt x="790788" y="129771"/>
                  </a:cubicBezTo>
                  <a:cubicBezTo>
                    <a:pt x="790788" y="135104"/>
                    <a:pt x="795108" y="139423"/>
                    <a:pt x="800440" y="139423"/>
                  </a:cubicBezTo>
                  <a:lnTo>
                    <a:pt x="940732" y="139423"/>
                  </a:lnTo>
                  <a:cubicBezTo>
                    <a:pt x="946065" y="139423"/>
                    <a:pt x="950384" y="135104"/>
                    <a:pt x="950384" y="129771"/>
                  </a:cubicBezTo>
                  <a:close/>
                  <a:moveTo>
                    <a:pt x="1017224" y="69784"/>
                  </a:moveTo>
                  <a:cubicBezTo>
                    <a:pt x="1017224" y="64451"/>
                    <a:pt x="1012905" y="60132"/>
                    <a:pt x="1007572" y="60132"/>
                  </a:cubicBezTo>
                  <a:lnTo>
                    <a:pt x="889142" y="60132"/>
                  </a:lnTo>
                  <a:cubicBezTo>
                    <a:pt x="883810" y="60132"/>
                    <a:pt x="879490" y="64451"/>
                    <a:pt x="879490" y="69784"/>
                  </a:cubicBezTo>
                  <a:cubicBezTo>
                    <a:pt x="879490" y="75117"/>
                    <a:pt x="883810" y="79436"/>
                    <a:pt x="889142" y="79436"/>
                  </a:cubicBezTo>
                  <a:lnTo>
                    <a:pt x="1007476" y="79436"/>
                  </a:lnTo>
                  <a:cubicBezTo>
                    <a:pt x="1012809" y="79489"/>
                    <a:pt x="1017171" y="75213"/>
                    <a:pt x="1017224" y="69885"/>
                  </a:cubicBezTo>
                  <a:cubicBezTo>
                    <a:pt x="1017224" y="69784"/>
                    <a:pt x="1017224" y="69687"/>
                    <a:pt x="1017224" y="69591"/>
                  </a:cubicBezTo>
                  <a:close/>
                  <a:moveTo>
                    <a:pt x="221803" y="291780"/>
                  </a:moveTo>
                  <a:cubicBezTo>
                    <a:pt x="221803" y="286447"/>
                    <a:pt x="217484" y="282128"/>
                    <a:pt x="212151" y="282128"/>
                  </a:cubicBezTo>
                  <a:lnTo>
                    <a:pt x="76540" y="282128"/>
                  </a:lnTo>
                  <a:cubicBezTo>
                    <a:pt x="71210" y="282128"/>
                    <a:pt x="66888" y="286447"/>
                    <a:pt x="66888" y="291780"/>
                  </a:cubicBezTo>
                  <a:cubicBezTo>
                    <a:pt x="66888" y="297113"/>
                    <a:pt x="71210" y="301432"/>
                    <a:pt x="76540" y="301432"/>
                  </a:cubicBezTo>
                  <a:lnTo>
                    <a:pt x="212151" y="301432"/>
                  </a:lnTo>
                  <a:cubicBezTo>
                    <a:pt x="217484" y="301437"/>
                    <a:pt x="221803" y="297113"/>
                    <a:pt x="221808" y="291785"/>
                  </a:cubicBezTo>
                  <a:cubicBezTo>
                    <a:pt x="221808" y="291688"/>
                    <a:pt x="221808" y="291587"/>
                    <a:pt x="221803" y="291490"/>
                  </a:cubicBezTo>
                  <a:close/>
                  <a:moveTo>
                    <a:pt x="160947" y="233868"/>
                  </a:moveTo>
                  <a:cubicBezTo>
                    <a:pt x="160947" y="228535"/>
                    <a:pt x="156626" y="224216"/>
                    <a:pt x="151295" y="224216"/>
                  </a:cubicBezTo>
                  <a:lnTo>
                    <a:pt x="9652" y="224216"/>
                  </a:lnTo>
                  <a:cubicBezTo>
                    <a:pt x="4321" y="224216"/>
                    <a:pt x="0" y="228535"/>
                    <a:pt x="0" y="233868"/>
                  </a:cubicBezTo>
                  <a:cubicBezTo>
                    <a:pt x="0" y="239201"/>
                    <a:pt x="4321" y="243520"/>
                    <a:pt x="9652" y="243520"/>
                  </a:cubicBezTo>
                  <a:lnTo>
                    <a:pt x="151295" y="243520"/>
                  </a:lnTo>
                  <a:cubicBezTo>
                    <a:pt x="156626" y="243520"/>
                    <a:pt x="160948" y="239201"/>
                    <a:pt x="160948" y="233868"/>
                  </a:cubicBezTo>
                  <a:cubicBezTo>
                    <a:pt x="160948" y="233820"/>
                    <a:pt x="160948" y="233771"/>
                    <a:pt x="160947" y="233723"/>
                  </a:cubicBezTo>
                  <a:close/>
                </a:path>
              </a:pathLst>
            </a:custGeom>
            <a:solidFill>
              <a:schemeClr val="accent2"/>
            </a:solidFill>
            <a:ln w="4796" cap="flat">
              <a:noFill/>
              <a:prstDash val="solid"/>
              <a:miter/>
            </a:ln>
          </p:spPr>
          <p:txBody>
            <a:bodyPr rtlCol="0" anchor="ctr"/>
            <a:lstStyle/>
            <a:p>
              <a:endParaRPr lang="en-US"/>
            </a:p>
          </p:txBody>
        </p:sp>
        <p:sp>
          <p:nvSpPr>
            <p:cNvPr id="17" name="Graphic 5">
              <a:extLst>
                <a:ext uri="{FF2B5EF4-FFF2-40B4-BE49-F238E27FC236}">
                  <a16:creationId xmlns:a16="http://schemas.microsoft.com/office/drawing/2014/main" id="{3E7C943F-00F2-4440-B3F5-B3E0259D85A4}"/>
                </a:ext>
              </a:extLst>
            </p:cNvPr>
            <p:cNvSpPr/>
            <p:nvPr/>
          </p:nvSpPr>
          <p:spPr>
            <a:xfrm>
              <a:off x="7518785" y="2629249"/>
              <a:ext cx="182229" cy="527130"/>
            </a:xfrm>
            <a:custGeom>
              <a:avLst/>
              <a:gdLst>
                <a:gd name="connsiteX0" fmla="*/ 0 w 182229"/>
                <a:gd name="connsiteY0" fmla="*/ 489549 h 527130"/>
                <a:gd name="connsiteX1" fmla="*/ 8928 w 182229"/>
                <a:gd name="connsiteY1" fmla="*/ 479897 h 527130"/>
                <a:gd name="connsiteX2" fmla="*/ 27750 w 182229"/>
                <a:gd name="connsiteY2" fmla="*/ 478932 h 527130"/>
                <a:gd name="connsiteX3" fmla="*/ 26784 w 182229"/>
                <a:gd name="connsiteY3" fmla="*/ 460159 h 527130"/>
                <a:gd name="connsiteX4" fmla="*/ 33517 w 182229"/>
                <a:gd name="connsiteY4" fmla="*/ 448287 h 527130"/>
                <a:gd name="connsiteX5" fmla="*/ 45393 w 182229"/>
                <a:gd name="connsiteY5" fmla="*/ 455019 h 527130"/>
                <a:gd name="connsiteX6" fmla="*/ 45606 w 182229"/>
                <a:gd name="connsiteY6" fmla="*/ 459194 h 527130"/>
                <a:gd name="connsiteX7" fmla="*/ 46523 w 182229"/>
                <a:gd name="connsiteY7" fmla="*/ 477967 h 527130"/>
                <a:gd name="connsiteX8" fmla="*/ 65344 w 182229"/>
                <a:gd name="connsiteY8" fmla="*/ 477050 h 527130"/>
                <a:gd name="connsiteX9" fmla="*/ 75657 w 182229"/>
                <a:gd name="connsiteY9" fmla="*/ 485462 h 527130"/>
                <a:gd name="connsiteX10" fmla="*/ 67246 w 182229"/>
                <a:gd name="connsiteY10" fmla="*/ 495775 h 527130"/>
                <a:gd name="connsiteX11" fmla="*/ 66309 w 182229"/>
                <a:gd name="connsiteY11" fmla="*/ 495823 h 527130"/>
                <a:gd name="connsiteX12" fmla="*/ 47488 w 182229"/>
                <a:gd name="connsiteY12" fmla="*/ 496788 h 527130"/>
                <a:gd name="connsiteX13" fmla="*/ 48501 w 182229"/>
                <a:gd name="connsiteY13" fmla="*/ 516768 h 527130"/>
                <a:gd name="connsiteX14" fmla="*/ 40090 w 182229"/>
                <a:gd name="connsiteY14" fmla="*/ 527081 h 527130"/>
                <a:gd name="connsiteX15" fmla="*/ 29776 w 182229"/>
                <a:gd name="connsiteY15" fmla="*/ 518670 h 527130"/>
                <a:gd name="connsiteX16" fmla="*/ 29728 w 182229"/>
                <a:gd name="connsiteY16" fmla="*/ 517733 h 527130"/>
                <a:gd name="connsiteX17" fmla="*/ 28715 w 182229"/>
                <a:gd name="connsiteY17" fmla="*/ 497754 h 527130"/>
                <a:gd name="connsiteX18" fmla="*/ 9893 w 182229"/>
                <a:gd name="connsiteY18" fmla="*/ 498719 h 527130"/>
                <a:gd name="connsiteX19" fmla="*/ 0 w 182229"/>
                <a:gd name="connsiteY19" fmla="*/ 489549 h 527130"/>
                <a:gd name="connsiteX20" fmla="*/ 174267 w 182229"/>
                <a:gd name="connsiteY20" fmla="*/ 47681 h 527130"/>
                <a:gd name="connsiteX21" fmla="*/ 134356 w 182229"/>
                <a:gd name="connsiteY21" fmla="*/ 7963 h 527130"/>
                <a:gd name="connsiteX22" fmla="*/ 126393 w 182229"/>
                <a:gd name="connsiteY22" fmla="*/ 0 h 527130"/>
                <a:gd name="connsiteX23" fmla="*/ 118430 w 182229"/>
                <a:gd name="connsiteY23" fmla="*/ 7963 h 527130"/>
                <a:gd name="connsiteX24" fmla="*/ 78519 w 182229"/>
                <a:gd name="connsiteY24" fmla="*/ 47874 h 527130"/>
                <a:gd name="connsiteX25" fmla="*/ 70556 w 182229"/>
                <a:gd name="connsiteY25" fmla="*/ 55837 h 527130"/>
                <a:gd name="connsiteX26" fmla="*/ 78519 w 182229"/>
                <a:gd name="connsiteY26" fmla="*/ 63800 h 527130"/>
                <a:gd name="connsiteX27" fmla="*/ 118430 w 182229"/>
                <a:gd name="connsiteY27" fmla="*/ 103711 h 527130"/>
                <a:gd name="connsiteX28" fmla="*/ 126393 w 182229"/>
                <a:gd name="connsiteY28" fmla="*/ 111674 h 527130"/>
                <a:gd name="connsiteX29" fmla="*/ 134356 w 182229"/>
                <a:gd name="connsiteY29" fmla="*/ 103711 h 527130"/>
                <a:gd name="connsiteX30" fmla="*/ 174267 w 182229"/>
                <a:gd name="connsiteY30" fmla="*/ 63800 h 527130"/>
                <a:gd name="connsiteX31" fmla="*/ 182230 w 182229"/>
                <a:gd name="connsiteY31" fmla="*/ 55837 h 527130"/>
                <a:gd name="connsiteX32" fmla="*/ 174267 w 182229"/>
                <a:gd name="connsiteY32" fmla="*/ 47874 h 5271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82229" h="527130">
                  <a:moveTo>
                    <a:pt x="0" y="489549"/>
                  </a:moveTo>
                  <a:cubicBezTo>
                    <a:pt x="-14" y="484487"/>
                    <a:pt x="3880" y="480279"/>
                    <a:pt x="8928" y="479897"/>
                  </a:cubicBezTo>
                  <a:lnTo>
                    <a:pt x="27750" y="478932"/>
                  </a:lnTo>
                  <a:lnTo>
                    <a:pt x="26784" y="460159"/>
                  </a:lnTo>
                  <a:cubicBezTo>
                    <a:pt x="25365" y="455019"/>
                    <a:pt x="28382" y="449706"/>
                    <a:pt x="33517" y="448287"/>
                  </a:cubicBezTo>
                  <a:cubicBezTo>
                    <a:pt x="38656" y="446868"/>
                    <a:pt x="43975" y="449880"/>
                    <a:pt x="45393" y="455019"/>
                  </a:cubicBezTo>
                  <a:cubicBezTo>
                    <a:pt x="45765" y="456380"/>
                    <a:pt x="45842" y="457804"/>
                    <a:pt x="45606" y="459194"/>
                  </a:cubicBezTo>
                  <a:lnTo>
                    <a:pt x="46523" y="477967"/>
                  </a:lnTo>
                  <a:lnTo>
                    <a:pt x="65344" y="477050"/>
                  </a:lnTo>
                  <a:cubicBezTo>
                    <a:pt x="70513" y="476524"/>
                    <a:pt x="75131" y="480288"/>
                    <a:pt x="75657" y="485462"/>
                  </a:cubicBezTo>
                  <a:cubicBezTo>
                    <a:pt x="76183" y="490631"/>
                    <a:pt x="72419" y="495249"/>
                    <a:pt x="67246" y="495775"/>
                  </a:cubicBezTo>
                  <a:cubicBezTo>
                    <a:pt x="66937" y="495809"/>
                    <a:pt x="66623" y="495823"/>
                    <a:pt x="66309" y="495823"/>
                  </a:cubicBezTo>
                  <a:lnTo>
                    <a:pt x="47488" y="496788"/>
                  </a:lnTo>
                  <a:lnTo>
                    <a:pt x="48501" y="516768"/>
                  </a:lnTo>
                  <a:cubicBezTo>
                    <a:pt x="49027" y="521937"/>
                    <a:pt x="45263" y="526555"/>
                    <a:pt x="40090" y="527081"/>
                  </a:cubicBezTo>
                  <a:cubicBezTo>
                    <a:pt x="34921" y="527607"/>
                    <a:pt x="30302" y="523843"/>
                    <a:pt x="29776" y="518670"/>
                  </a:cubicBezTo>
                  <a:cubicBezTo>
                    <a:pt x="29743" y="518361"/>
                    <a:pt x="29728" y="518047"/>
                    <a:pt x="29728" y="517733"/>
                  </a:cubicBezTo>
                  <a:lnTo>
                    <a:pt x="28715" y="497754"/>
                  </a:lnTo>
                  <a:lnTo>
                    <a:pt x="9893" y="498719"/>
                  </a:lnTo>
                  <a:cubicBezTo>
                    <a:pt x="4652" y="498859"/>
                    <a:pt x="261" y="494786"/>
                    <a:pt x="0" y="489549"/>
                  </a:cubicBezTo>
                  <a:close/>
                  <a:moveTo>
                    <a:pt x="174267" y="47681"/>
                  </a:moveTo>
                  <a:cubicBezTo>
                    <a:pt x="152309" y="47657"/>
                    <a:pt x="134486" y="29919"/>
                    <a:pt x="134356" y="7963"/>
                  </a:cubicBezTo>
                  <a:cubicBezTo>
                    <a:pt x="134356" y="3565"/>
                    <a:pt x="130789" y="0"/>
                    <a:pt x="126393" y="0"/>
                  </a:cubicBezTo>
                  <a:cubicBezTo>
                    <a:pt x="121996" y="0"/>
                    <a:pt x="118430" y="3565"/>
                    <a:pt x="118430" y="7963"/>
                  </a:cubicBezTo>
                  <a:cubicBezTo>
                    <a:pt x="118406" y="29994"/>
                    <a:pt x="100550" y="47845"/>
                    <a:pt x="78519" y="47874"/>
                  </a:cubicBezTo>
                  <a:cubicBezTo>
                    <a:pt x="74123" y="47874"/>
                    <a:pt x="70556" y="51440"/>
                    <a:pt x="70556" y="55837"/>
                  </a:cubicBezTo>
                  <a:cubicBezTo>
                    <a:pt x="70556" y="60233"/>
                    <a:pt x="74123" y="63800"/>
                    <a:pt x="78519" y="63800"/>
                  </a:cubicBezTo>
                  <a:cubicBezTo>
                    <a:pt x="100550" y="63829"/>
                    <a:pt x="118406" y="81680"/>
                    <a:pt x="118430" y="103711"/>
                  </a:cubicBezTo>
                  <a:cubicBezTo>
                    <a:pt x="118430" y="108107"/>
                    <a:pt x="121996" y="111674"/>
                    <a:pt x="126393" y="111674"/>
                  </a:cubicBezTo>
                  <a:cubicBezTo>
                    <a:pt x="130789" y="111674"/>
                    <a:pt x="134356" y="108107"/>
                    <a:pt x="134356" y="103711"/>
                  </a:cubicBezTo>
                  <a:cubicBezTo>
                    <a:pt x="134385" y="81680"/>
                    <a:pt x="152236" y="63829"/>
                    <a:pt x="174267" y="63800"/>
                  </a:cubicBezTo>
                  <a:cubicBezTo>
                    <a:pt x="178663" y="63800"/>
                    <a:pt x="182230" y="60233"/>
                    <a:pt x="182230" y="55837"/>
                  </a:cubicBezTo>
                  <a:cubicBezTo>
                    <a:pt x="182230" y="51440"/>
                    <a:pt x="178663" y="47874"/>
                    <a:pt x="174267" y="47874"/>
                  </a:cubicBezTo>
                  <a:close/>
                </a:path>
              </a:pathLst>
            </a:custGeom>
            <a:solidFill>
              <a:schemeClr val="accent1"/>
            </a:solidFill>
            <a:ln w="4796" cap="flat">
              <a:noFill/>
              <a:prstDash val="solid"/>
              <a:miter/>
            </a:ln>
          </p:spPr>
          <p:txBody>
            <a:bodyPr rtlCol="0" anchor="ctr"/>
            <a:lstStyle/>
            <a:p>
              <a:endParaRPr lang="en-US"/>
            </a:p>
          </p:txBody>
        </p:sp>
        <p:sp>
          <p:nvSpPr>
            <p:cNvPr id="19" name="Graphic 5">
              <a:extLst>
                <a:ext uri="{FF2B5EF4-FFF2-40B4-BE49-F238E27FC236}">
                  <a16:creationId xmlns:a16="http://schemas.microsoft.com/office/drawing/2014/main" id="{3E7C943F-00F2-4440-B3F5-B3E0259D85A4}"/>
                </a:ext>
              </a:extLst>
            </p:cNvPr>
            <p:cNvSpPr/>
            <p:nvPr/>
          </p:nvSpPr>
          <p:spPr>
            <a:xfrm>
              <a:off x="6665404" y="2295914"/>
              <a:ext cx="1163055" cy="1165225"/>
            </a:xfrm>
            <a:custGeom>
              <a:avLst/>
              <a:gdLst>
                <a:gd name="connsiteX0" fmla="*/ 580471 w 1163055"/>
                <a:gd name="connsiteY0" fmla="*/ 2 h 1165225"/>
                <a:gd name="connsiteX1" fmla="*/ 167221 w 1163055"/>
                <a:gd name="connsiteY1" fmla="*/ 172001 h 1165225"/>
                <a:gd name="connsiteX2" fmla="*/ 180879 w 1163055"/>
                <a:gd name="connsiteY2" fmla="*/ 185610 h 1165225"/>
                <a:gd name="connsiteX3" fmla="*/ 977347 w 1163055"/>
                <a:gd name="connsiteY3" fmla="*/ 182356 h 1165225"/>
                <a:gd name="connsiteX4" fmla="*/ 980605 w 1163055"/>
                <a:gd name="connsiteY4" fmla="*/ 978826 h 1165225"/>
                <a:gd name="connsiteX5" fmla="*/ 913128 w 1163055"/>
                <a:gd name="connsiteY5" fmla="*/ 1036868 h 1165225"/>
                <a:gd name="connsiteX6" fmla="*/ 904151 w 1163055"/>
                <a:gd name="connsiteY6" fmla="*/ 1007623 h 1165225"/>
                <a:gd name="connsiteX7" fmla="*/ 668160 w 1163055"/>
                <a:gd name="connsiteY7" fmla="*/ 879782 h 1165225"/>
                <a:gd name="connsiteX8" fmla="*/ 668160 w 1163055"/>
                <a:gd name="connsiteY8" fmla="*/ 833356 h 1165225"/>
                <a:gd name="connsiteX9" fmla="*/ 668160 w 1163055"/>
                <a:gd name="connsiteY9" fmla="*/ 810336 h 1165225"/>
                <a:gd name="connsiteX10" fmla="*/ 735145 w 1163055"/>
                <a:gd name="connsiteY10" fmla="*/ 753630 h 1165225"/>
                <a:gd name="connsiteX11" fmla="*/ 713428 w 1163055"/>
                <a:gd name="connsiteY11" fmla="*/ 839292 h 1165225"/>
                <a:gd name="connsiteX12" fmla="*/ 706478 w 1163055"/>
                <a:gd name="connsiteY12" fmla="*/ 848944 h 1165225"/>
                <a:gd name="connsiteX13" fmla="*/ 718109 w 1163055"/>
                <a:gd name="connsiteY13" fmla="*/ 847014 h 1165225"/>
                <a:gd name="connsiteX14" fmla="*/ 843585 w 1163055"/>
                <a:gd name="connsiteY14" fmla="*/ 705757 h 1165225"/>
                <a:gd name="connsiteX15" fmla="*/ 747740 w 1163055"/>
                <a:gd name="connsiteY15" fmla="*/ 240048 h 1165225"/>
                <a:gd name="connsiteX16" fmla="*/ 581581 w 1163055"/>
                <a:gd name="connsiteY16" fmla="*/ 217269 h 1165225"/>
                <a:gd name="connsiteX17" fmla="*/ 407314 w 1163055"/>
                <a:gd name="connsiteY17" fmla="*/ 249024 h 1165225"/>
                <a:gd name="connsiteX18" fmla="*/ 310794 w 1163055"/>
                <a:gd name="connsiteY18" fmla="*/ 460354 h 1165225"/>
                <a:gd name="connsiteX19" fmla="*/ 322425 w 1163055"/>
                <a:gd name="connsiteY19" fmla="*/ 709955 h 1165225"/>
                <a:gd name="connsiteX20" fmla="*/ 445440 w 1163055"/>
                <a:gd name="connsiteY20" fmla="*/ 847014 h 1165225"/>
                <a:gd name="connsiteX21" fmla="*/ 457119 w 1163055"/>
                <a:gd name="connsiteY21" fmla="*/ 848944 h 1165225"/>
                <a:gd name="connsiteX22" fmla="*/ 450121 w 1163055"/>
                <a:gd name="connsiteY22" fmla="*/ 839292 h 1165225"/>
                <a:gd name="connsiteX23" fmla="*/ 428356 w 1163055"/>
                <a:gd name="connsiteY23" fmla="*/ 753679 h 1165225"/>
                <a:gd name="connsiteX24" fmla="*/ 495196 w 1163055"/>
                <a:gd name="connsiteY24" fmla="*/ 810529 h 1165225"/>
                <a:gd name="connsiteX25" fmla="*/ 495196 w 1163055"/>
                <a:gd name="connsiteY25" fmla="*/ 834659 h 1165225"/>
                <a:gd name="connsiteX26" fmla="*/ 495196 w 1163055"/>
                <a:gd name="connsiteY26" fmla="*/ 879927 h 1165225"/>
                <a:gd name="connsiteX27" fmla="*/ 259204 w 1163055"/>
                <a:gd name="connsiteY27" fmla="*/ 1007768 h 1165225"/>
                <a:gd name="connsiteX28" fmla="*/ 249890 w 1163055"/>
                <a:gd name="connsiteY28" fmla="*/ 1038557 h 1165225"/>
                <a:gd name="connsiteX29" fmla="*/ 19304 w 1163055"/>
                <a:gd name="connsiteY29" fmla="*/ 631195 h 1165225"/>
                <a:gd name="connsiteX30" fmla="*/ 0 w 1163055"/>
                <a:gd name="connsiteY30" fmla="*/ 632836 h 1165225"/>
                <a:gd name="connsiteX31" fmla="*/ 630662 w 1163055"/>
                <a:gd name="connsiteY31" fmla="*/ 1163020 h 1165225"/>
                <a:gd name="connsiteX32" fmla="*/ 1160851 w 1163055"/>
                <a:gd name="connsiteY32" fmla="*/ 532358 h 1165225"/>
                <a:gd name="connsiteX33" fmla="*/ 580471 w 1163055"/>
                <a:gd name="connsiteY33" fmla="*/ 2 h 1165225"/>
                <a:gd name="connsiteX34" fmla="*/ 424109 w 1163055"/>
                <a:gd name="connsiteY34" fmla="*/ 711162 h 1165225"/>
                <a:gd name="connsiteX35" fmla="*/ 510977 w 1163055"/>
                <a:gd name="connsiteY35" fmla="*/ 408716 h 1165225"/>
                <a:gd name="connsiteX36" fmla="*/ 652041 w 1163055"/>
                <a:gd name="connsiteY36" fmla="*/ 408716 h 1165225"/>
                <a:gd name="connsiteX37" fmla="*/ 738909 w 1163055"/>
                <a:gd name="connsiteY37" fmla="*/ 711451 h 1165225"/>
                <a:gd name="connsiteX38" fmla="*/ 581099 w 1163055"/>
                <a:gd name="connsiteY38" fmla="*/ 810963 h 1165225"/>
                <a:gd name="connsiteX39" fmla="*/ 424109 w 1163055"/>
                <a:gd name="connsiteY39" fmla="*/ 711162 h 1165225"/>
                <a:gd name="connsiteX40" fmla="*/ 511604 w 1163055"/>
                <a:gd name="connsiteY40" fmla="*/ 899376 h 1165225"/>
                <a:gd name="connsiteX41" fmla="*/ 516092 w 1163055"/>
                <a:gd name="connsiteY41" fmla="*/ 898990 h 1165225"/>
                <a:gd name="connsiteX42" fmla="*/ 516092 w 1163055"/>
                <a:gd name="connsiteY42" fmla="*/ 894550 h 1165225"/>
                <a:gd name="connsiteX43" fmla="*/ 516092 w 1163055"/>
                <a:gd name="connsiteY43" fmla="*/ 836107 h 1165225"/>
                <a:gd name="connsiteX44" fmla="*/ 516092 w 1163055"/>
                <a:gd name="connsiteY44" fmla="*/ 820036 h 1165225"/>
                <a:gd name="connsiteX45" fmla="*/ 647263 w 1163055"/>
                <a:gd name="connsiteY45" fmla="*/ 820036 h 1165225"/>
                <a:gd name="connsiteX46" fmla="*/ 647263 w 1163055"/>
                <a:gd name="connsiteY46" fmla="*/ 894694 h 1165225"/>
                <a:gd name="connsiteX47" fmla="*/ 647263 w 1163055"/>
                <a:gd name="connsiteY47" fmla="*/ 899134 h 1165225"/>
                <a:gd name="connsiteX48" fmla="*/ 651703 w 1163055"/>
                <a:gd name="connsiteY48" fmla="*/ 899520 h 1165225"/>
                <a:gd name="connsiteX49" fmla="*/ 671779 w 1163055"/>
                <a:gd name="connsiteY49" fmla="*/ 901451 h 1165225"/>
                <a:gd name="connsiteX50" fmla="*/ 581823 w 1163055"/>
                <a:gd name="connsiteY50" fmla="*/ 975289 h 1165225"/>
                <a:gd name="connsiteX51" fmla="*/ 491866 w 1163055"/>
                <a:gd name="connsiteY51" fmla="*/ 901451 h 1165225"/>
                <a:gd name="connsiteX52" fmla="*/ 511556 w 1163055"/>
                <a:gd name="connsiteY52" fmla="*/ 899472 h 1165225"/>
                <a:gd name="connsiteX53" fmla="*/ 268615 w 1163055"/>
                <a:gd name="connsiteY53" fmla="*/ 1051684 h 1165225"/>
                <a:gd name="connsiteX54" fmla="*/ 427873 w 1163055"/>
                <a:gd name="connsiteY54" fmla="*/ 911730 h 1165225"/>
                <a:gd name="connsiteX55" fmla="*/ 508274 w 1163055"/>
                <a:gd name="connsiteY55" fmla="*/ 1141303 h 1165225"/>
                <a:gd name="connsiteX56" fmla="*/ 268615 w 1163055"/>
                <a:gd name="connsiteY56" fmla="*/ 1051684 h 1165225"/>
                <a:gd name="connsiteX57" fmla="*/ 580471 w 1163055"/>
                <a:gd name="connsiteY57" fmla="*/ 1145888 h 1165225"/>
                <a:gd name="connsiteX58" fmla="*/ 531632 w 1163055"/>
                <a:gd name="connsiteY58" fmla="*/ 1143668 h 1165225"/>
                <a:gd name="connsiteX59" fmla="*/ 448818 w 1163055"/>
                <a:gd name="connsiteY59" fmla="*/ 907483 h 1165225"/>
                <a:gd name="connsiteX60" fmla="*/ 470197 w 1163055"/>
                <a:gd name="connsiteY60" fmla="*/ 904057 h 1165225"/>
                <a:gd name="connsiteX61" fmla="*/ 581485 w 1163055"/>
                <a:gd name="connsiteY61" fmla="*/ 996378 h 1165225"/>
                <a:gd name="connsiteX62" fmla="*/ 692821 w 1163055"/>
                <a:gd name="connsiteY62" fmla="*/ 904057 h 1165225"/>
                <a:gd name="connsiteX63" fmla="*/ 714200 w 1163055"/>
                <a:gd name="connsiteY63" fmla="*/ 907483 h 1165225"/>
                <a:gd name="connsiteX64" fmla="*/ 631482 w 1163055"/>
                <a:gd name="connsiteY64" fmla="*/ 1143523 h 1165225"/>
                <a:gd name="connsiteX65" fmla="*/ 580471 w 1163055"/>
                <a:gd name="connsiteY65" fmla="*/ 1145888 h 1165225"/>
                <a:gd name="connsiteX66" fmla="*/ 654840 w 1163055"/>
                <a:gd name="connsiteY66" fmla="*/ 1141062 h 1165225"/>
                <a:gd name="connsiteX67" fmla="*/ 735145 w 1163055"/>
                <a:gd name="connsiteY67" fmla="*/ 911827 h 1165225"/>
                <a:gd name="connsiteX68" fmla="*/ 894403 w 1163055"/>
                <a:gd name="connsiteY68" fmla="*/ 1050381 h 1165225"/>
                <a:gd name="connsiteX69" fmla="*/ 654840 w 1163055"/>
                <a:gd name="connsiteY69" fmla="*/ 1140869 h 11652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1163055" h="1165225">
                  <a:moveTo>
                    <a:pt x="580471" y="2"/>
                  </a:moveTo>
                  <a:cubicBezTo>
                    <a:pt x="425224" y="-434"/>
                    <a:pt x="276314" y="61543"/>
                    <a:pt x="167221" y="172001"/>
                  </a:cubicBezTo>
                  <a:lnTo>
                    <a:pt x="180879" y="185610"/>
                  </a:lnTo>
                  <a:cubicBezTo>
                    <a:pt x="399921" y="-35228"/>
                    <a:pt x="756509" y="-36684"/>
                    <a:pt x="977347" y="182356"/>
                  </a:cubicBezTo>
                  <a:cubicBezTo>
                    <a:pt x="1198185" y="401395"/>
                    <a:pt x="1199642" y="757988"/>
                    <a:pt x="980605" y="978826"/>
                  </a:cubicBezTo>
                  <a:cubicBezTo>
                    <a:pt x="959679" y="999925"/>
                    <a:pt x="937118" y="1019331"/>
                    <a:pt x="913128" y="1036868"/>
                  </a:cubicBezTo>
                  <a:cubicBezTo>
                    <a:pt x="910869" y="1026908"/>
                    <a:pt x="907867" y="1017135"/>
                    <a:pt x="904151" y="1007623"/>
                  </a:cubicBezTo>
                  <a:cubicBezTo>
                    <a:pt x="865543" y="911103"/>
                    <a:pt x="752180" y="888179"/>
                    <a:pt x="668160" y="879782"/>
                  </a:cubicBezTo>
                  <a:cubicBezTo>
                    <a:pt x="668160" y="864339"/>
                    <a:pt x="668160" y="848862"/>
                    <a:pt x="668160" y="833356"/>
                  </a:cubicBezTo>
                  <a:lnTo>
                    <a:pt x="668160" y="810336"/>
                  </a:lnTo>
                  <a:cubicBezTo>
                    <a:pt x="694080" y="796138"/>
                    <a:pt x="716864" y="776853"/>
                    <a:pt x="735145" y="753630"/>
                  </a:cubicBezTo>
                  <a:cubicBezTo>
                    <a:pt x="730077" y="795086"/>
                    <a:pt x="721873" y="827806"/>
                    <a:pt x="713428" y="839292"/>
                  </a:cubicBezTo>
                  <a:lnTo>
                    <a:pt x="706478" y="848944"/>
                  </a:lnTo>
                  <a:lnTo>
                    <a:pt x="718109" y="847014"/>
                  </a:lnTo>
                  <a:cubicBezTo>
                    <a:pt x="775683" y="837362"/>
                    <a:pt x="820179" y="787412"/>
                    <a:pt x="843585" y="705757"/>
                  </a:cubicBezTo>
                  <a:cubicBezTo>
                    <a:pt x="884702" y="561218"/>
                    <a:pt x="852465" y="331307"/>
                    <a:pt x="747740" y="240048"/>
                  </a:cubicBezTo>
                  <a:cubicBezTo>
                    <a:pt x="700397" y="198785"/>
                    <a:pt x="642968" y="190919"/>
                    <a:pt x="581581" y="217269"/>
                  </a:cubicBezTo>
                  <a:cubicBezTo>
                    <a:pt x="515658" y="193139"/>
                    <a:pt x="455430" y="203949"/>
                    <a:pt x="407314" y="249024"/>
                  </a:cubicBezTo>
                  <a:cubicBezTo>
                    <a:pt x="360357" y="292989"/>
                    <a:pt x="325996" y="368033"/>
                    <a:pt x="310794" y="460354"/>
                  </a:cubicBezTo>
                  <a:cubicBezTo>
                    <a:pt x="296316" y="547222"/>
                    <a:pt x="300563" y="638048"/>
                    <a:pt x="322425" y="709955"/>
                  </a:cubicBezTo>
                  <a:cubicBezTo>
                    <a:pt x="346555" y="789295"/>
                    <a:pt x="390230" y="837989"/>
                    <a:pt x="445440" y="847014"/>
                  </a:cubicBezTo>
                  <a:lnTo>
                    <a:pt x="457119" y="848944"/>
                  </a:lnTo>
                  <a:lnTo>
                    <a:pt x="450121" y="839292"/>
                  </a:lnTo>
                  <a:cubicBezTo>
                    <a:pt x="441676" y="827806"/>
                    <a:pt x="433471" y="795086"/>
                    <a:pt x="428356" y="753679"/>
                  </a:cubicBezTo>
                  <a:cubicBezTo>
                    <a:pt x="446564" y="776950"/>
                    <a:pt x="469304" y="796288"/>
                    <a:pt x="495196" y="810529"/>
                  </a:cubicBezTo>
                  <a:lnTo>
                    <a:pt x="495196" y="834659"/>
                  </a:lnTo>
                  <a:cubicBezTo>
                    <a:pt x="495196" y="849716"/>
                    <a:pt x="495196" y="864807"/>
                    <a:pt x="495196" y="879927"/>
                  </a:cubicBezTo>
                  <a:cubicBezTo>
                    <a:pt x="411127" y="888324"/>
                    <a:pt x="297716" y="911248"/>
                    <a:pt x="259204" y="1007768"/>
                  </a:cubicBezTo>
                  <a:cubicBezTo>
                    <a:pt x="255286" y="1017767"/>
                    <a:pt x="252172" y="1028061"/>
                    <a:pt x="249890" y="1038557"/>
                  </a:cubicBezTo>
                  <a:cubicBezTo>
                    <a:pt x="117493" y="942723"/>
                    <a:pt x="33329" y="794034"/>
                    <a:pt x="19304" y="631195"/>
                  </a:cubicBezTo>
                  <a:lnTo>
                    <a:pt x="0" y="632836"/>
                  </a:lnTo>
                  <a:cubicBezTo>
                    <a:pt x="27746" y="953393"/>
                    <a:pt x="310104" y="1190770"/>
                    <a:pt x="630662" y="1163020"/>
                  </a:cubicBezTo>
                  <a:cubicBezTo>
                    <a:pt x="951224" y="1135275"/>
                    <a:pt x="1188596" y="852916"/>
                    <a:pt x="1160851" y="532358"/>
                  </a:cubicBezTo>
                  <a:cubicBezTo>
                    <a:pt x="1134786" y="231217"/>
                    <a:pt x="882738" y="26"/>
                    <a:pt x="580471" y="2"/>
                  </a:cubicBezTo>
                  <a:close/>
                  <a:moveTo>
                    <a:pt x="424109" y="711162"/>
                  </a:moveTo>
                  <a:cubicBezTo>
                    <a:pt x="416725" y="592683"/>
                    <a:pt x="435064" y="442836"/>
                    <a:pt x="510977" y="408716"/>
                  </a:cubicBezTo>
                  <a:cubicBezTo>
                    <a:pt x="535445" y="397809"/>
                    <a:pt x="627718" y="397809"/>
                    <a:pt x="652041" y="408716"/>
                  </a:cubicBezTo>
                  <a:cubicBezTo>
                    <a:pt x="728147" y="442498"/>
                    <a:pt x="746437" y="592780"/>
                    <a:pt x="738909" y="711451"/>
                  </a:cubicBezTo>
                  <a:cubicBezTo>
                    <a:pt x="699818" y="775637"/>
                    <a:pt x="643788" y="810963"/>
                    <a:pt x="581099" y="810963"/>
                  </a:cubicBezTo>
                  <a:cubicBezTo>
                    <a:pt x="537037" y="810963"/>
                    <a:pt x="473913" y="793590"/>
                    <a:pt x="424109" y="711162"/>
                  </a:cubicBezTo>
                  <a:close/>
                  <a:moveTo>
                    <a:pt x="511604" y="899376"/>
                  </a:moveTo>
                  <a:lnTo>
                    <a:pt x="516092" y="898990"/>
                  </a:lnTo>
                  <a:lnTo>
                    <a:pt x="516092" y="894550"/>
                  </a:lnTo>
                  <a:cubicBezTo>
                    <a:pt x="516092" y="888469"/>
                    <a:pt x="516092" y="861395"/>
                    <a:pt x="516092" y="836107"/>
                  </a:cubicBezTo>
                  <a:lnTo>
                    <a:pt x="516092" y="820036"/>
                  </a:lnTo>
                  <a:cubicBezTo>
                    <a:pt x="558354" y="836030"/>
                    <a:pt x="605002" y="836030"/>
                    <a:pt x="647263" y="820036"/>
                  </a:cubicBezTo>
                  <a:cubicBezTo>
                    <a:pt x="647263" y="848654"/>
                    <a:pt x="647263" y="887262"/>
                    <a:pt x="647263" y="894694"/>
                  </a:cubicBezTo>
                  <a:lnTo>
                    <a:pt x="647263" y="899134"/>
                  </a:lnTo>
                  <a:lnTo>
                    <a:pt x="651703" y="899520"/>
                  </a:lnTo>
                  <a:cubicBezTo>
                    <a:pt x="658411" y="900051"/>
                    <a:pt x="665119" y="900727"/>
                    <a:pt x="671779" y="901451"/>
                  </a:cubicBezTo>
                  <a:cubicBezTo>
                    <a:pt x="645285" y="949711"/>
                    <a:pt x="614253" y="975289"/>
                    <a:pt x="581823" y="975289"/>
                  </a:cubicBezTo>
                  <a:cubicBezTo>
                    <a:pt x="549392" y="975289"/>
                    <a:pt x="518409" y="949807"/>
                    <a:pt x="491866" y="901451"/>
                  </a:cubicBezTo>
                  <a:cubicBezTo>
                    <a:pt x="498236" y="900679"/>
                    <a:pt x="504944" y="900003"/>
                    <a:pt x="511556" y="899472"/>
                  </a:cubicBezTo>
                  <a:close/>
                  <a:moveTo>
                    <a:pt x="268615" y="1051684"/>
                  </a:moveTo>
                  <a:cubicBezTo>
                    <a:pt x="280198" y="988946"/>
                    <a:pt x="316200" y="936488"/>
                    <a:pt x="427873" y="911730"/>
                  </a:cubicBezTo>
                  <a:lnTo>
                    <a:pt x="508274" y="1141303"/>
                  </a:lnTo>
                  <a:cubicBezTo>
                    <a:pt x="422550" y="1130295"/>
                    <a:pt x="340527" y="1099626"/>
                    <a:pt x="268615" y="1051684"/>
                  </a:cubicBezTo>
                  <a:close/>
                  <a:moveTo>
                    <a:pt x="580471" y="1145888"/>
                  </a:moveTo>
                  <a:cubicBezTo>
                    <a:pt x="564111" y="1145888"/>
                    <a:pt x="547799" y="1145067"/>
                    <a:pt x="531632" y="1143668"/>
                  </a:cubicBezTo>
                  <a:lnTo>
                    <a:pt x="448818" y="907483"/>
                  </a:lnTo>
                  <a:cubicBezTo>
                    <a:pt x="455671" y="906229"/>
                    <a:pt x="462813" y="905119"/>
                    <a:pt x="470197" y="904057"/>
                  </a:cubicBezTo>
                  <a:cubicBezTo>
                    <a:pt x="501277" y="963610"/>
                    <a:pt x="540705" y="996378"/>
                    <a:pt x="581485" y="996378"/>
                  </a:cubicBezTo>
                  <a:cubicBezTo>
                    <a:pt x="622264" y="996378"/>
                    <a:pt x="661741" y="963610"/>
                    <a:pt x="692821" y="904057"/>
                  </a:cubicBezTo>
                  <a:cubicBezTo>
                    <a:pt x="700156" y="905119"/>
                    <a:pt x="707299" y="906229"/>
                    <a:pt x="714200" y="907483"/>
                  </a:cubicBezTo>
                  <a:lnTo>
                    <a:pt x="631482" y="1143523"/>
                  </a:lnTo>
                  <a:cubicBezTo>
                    <a:pt x="614688" y="1145067"/>
                    <a:pt x="597700" y="1145888"/>
                    <a:pt x="580471" y="1145888"/>
                  </a:cubicBezTo>
                  <a:close/>
                  <a:moveTo>
                    <a:pt x="654840" y="1141062"/>
                  </a:moveTo>
                  <a:lnTo>
                    <a:pt x="735145" y="911827"/>
                  </a:lnTo>
                  <a:cubicBezTo>
                    <a:pt x="846143" y="936488"/>
                    <a:pt x="882289" y="988174"/>
                    <a:pt x="894403" y="1050381"/>
                  </a:cubicBezTo>
                  <a:cubicBezTo>
                    <a:pt x="822621" y="1098665"/>
                    <a:pt x="740617" y="1129639"/>
                    <a:pt x="654840" y="1140869"/>
                  </a:cubicBezTo>
                  <a:close/>
                </a:path>
              </a:pathLst>
            </a:custGeom>
            <a:solidFill>
              <a:schemeClr val="accent2"/>
            </a:solidFill>
            <a:ln w="4796" cap="flat">
              <a:noFill/>
              <a:prstDash val="solid"/>
              <a:miter/>
            </a:ln>
          </p:spPr>
          <p:txBody>
            <a:bodyPr rtlCol="0" anchor="ctr"/>
            <a:lstStyle/>
            <a:p>
              <a:endParaRPr lang="en-US"/>
            </a:p>
          </p:txBody>
        </p:sp>
      </p:grpSp>
      <p:grpSp>
        <p:nvGrpSpPr>
          <p:cNvPr id="54" name="Group 53">
            <a:extLst>
              <a:ext uri="{FF2B5EF4-FFF2-40B4-BE49-F238E27FC236}">
                <a16:creationId xmlns:a16="http://schemas.microsoft.com/office/drawing/2014/main" id="{F23F69C9-2E92-0447-83AE-42EF1272D5A5}"/>
              </a:ext>
            </a:extLst>
          </p:cNvPr>
          <p:cNvGrpSpPr/>
          <p:nvPr/>
        </p:nvGrpSpPr>
        <p:grpSpPr>
          <a:xfrm>
            <a:off x="7713289" y="3576967"/>
            <a:ext cx="1353772" cy="1185916"/>
            <a:chOff x="7713289" y="3576967"/>
            <a:chExt cx="1353772" cy="1185916"/>
          </a:xfrm>
        </p:grpSpPr>
        <p:sp>
          <p:nvSpPr>
            <p:cNvPr id="42" name="Oval 41">
              <a:extLst>
                <a:ext uri="{FF2B5EF4-FFF2-40B4-BE49-F238E27FC236}">
                  <a16:creationId xmlns:a16="http://schemas.microsoft.com/office/drawing/2014/main" id="{E0398518-F365-D646-9388-34C0C99D3D5F}"/>
                </a:ext>
              </a:extLst>
            </p:cNvPr>
            <p:cNvSpPr/>
            <p:nvPr/>
          </p:nvSpPr>
          <p:spPr>
            <a:xfrm>
              <a:off x="7881145" y="3576967"/>
              <a:ext cx="1185916" cy="1185916"/>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21" name="Graphic 24">
              <a:extLst>
                <a:ext uri="{FF2B5EF4-FFF2-40B4-BE49-F238E27FC236}">
                  <a16:creationId xmlns:a16="http://schemas.microsoft.com/office/drawing/2014/main" id="{E9E9116F-7F40-F44D-8E33-87F5DED9BE1B}"/>
                </a:ext>
              </a:extLst>
            </p:cNvPr>
            <p:cNvSpPr/>
            <p:nvPr/>
          </p:nvSpPr>
          <p:spPr>
            <a:xfrm>
              <a:off x="7838284" y="3823029"/>
              <a:ext cx="99319" cy="337868"/>
            </a:xfrm>
            <a:custGeom>
              <a:avLst/>
              <a:gdLst>
                <a:gd name="connsiteX0" fmla="*/ 64041 w 99319"/>
                <a:gd name="connsiteY0" fmla="*/ 267891 h 337868"/>
                <a:gd name="connsiteX1" fmla="*/ 96472 w 99319"/>
                <a:gd name="connsiteY1" fmla="*/ 203657 h 337868"/>
                <a:gd name="connsiteX2" fmla="*/ 99319 w 99319"/>
                <a:gd name="connsiteY2" fmla="*/ 0 h 337868"/>
                <a:gd name="connsiteX3" fmla="*/ 3716 w 99319"/>
                <a:gd name="connsiteY3" fmla="*/ 66261 h 337868"/>
                <a:gd name="connsiteX4" fmla="*/ 0 w 99319"/>
                <a:gd name="connsiteY4" fmla="*/ 337868 h 337868"/>
                <a:gd name="connsiteX5" fmla="*/ 67323 w 99319"/>
                <a:gd name="connsiteY5" fmla="*/ 290960 h 337868"/>
                <a:gd name="connsiteX6" fmla="*/ 64041 w 99319"/>
                <a:gd name="connsiteY6" fmla="*/ 267891 h 337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9319" h="337868">
                  <a:moveTo>
                    <a:pt x="64041" y="267891"/>
                  </a:moveTo>
                  <a:cubicBezTo>
                    <a:pt x="64541" y="242666"/>
                    <a:pt x="76472" y="219038"/>
                    <a:pt x="96472" y="203657"/>
                  </a:cubicBezTo>
                  <a:lnTo>
                    <a:pt x="99319" y="0"/>
                  </a:lnTo>
                  <a:lnTo>
                    <a:pt x="3716" y="66261"/>
                  </a:lnTo>
                  <a:lnTo>
                    <a:pt x="0" y="337868"/>
                  </a:lnTo>
                  <a:lnTo>
                    <a:pt x="67323" y="290960"/>
                  </a:lnTo>
                  <a:cubicBezTo>
                    <a:pt x="65150" y="283465"/>
                    <a:pt x="64045" y="275695"/>
                    <a:pt x="64041" y="267891"/>
                  </a:cubicBezTo>
                  <a:close/>
                </a:path>
              </a:pathLst>
            </a:custGeom>
            <a:solidFill>
              <a:schemeClr val="accent1"/>
            </a:solidFill>
            <a:ln w="4796" cap="flat">
              <a:noFill/>
              <a:prstDash val="solid"/>
              <a:miter/>
            </a:ln>
          </p:spPr>
          <p:txBody>
            <a:bodyPr rtlCol="0" anchor="ctr"/>
            <a:lstStyle/>
            <a:p>
              <a:endParaRPr lang="en-US"/>
            </a:p>
          </p:txBody>
        </p:sp>
        <p:sp>
          <p:nvSpPr>
            <p:cNvPr id="22" name="Graphic 24">
              <a:extLst>
                <a:ext uri="{FF2B5EF4-FFF2-40B4-BE49-F238E27FC236}">
                  <a16:creationId xmlns:a16="http://schemas.microsoft.com/office/drawing/2014/main" id="{E9E9116F-7F40-F44D-8E33-87F5DED9BE1B}"/>
                </a:ext>
              </a:extLst>
            </p:cNvPr>
            <p:cNvSpPr/>
            <p:nvPr/>
          </p:nvSpPr>
          <p:spPr>
            <a:xfrm>
              <a:off x="7950634" y="3823271"/>
              <a:ext cx="111872" cy="231889"/>
            </a:xfrm>
            <a:custGeom>
              <a:avLst/>
              <a:gdLst>
                <a:gd name="connsiteX0" fmla="*/ 0 w 111872"/>
                <a:gd name="connsiteY0" fmla="*/ 193281 h 231889"/>
                <a:gd name="connsiteX1" fmla="*/ 109888 w 111872"/>
                <a:gd name="connsiteY1" fmla="*/ 231889 h 231889"/>
                <a:gd name="connsiteX2" fmla="*/ 111867 w 111872"/>
                <a:gd name="connsiteY2" fmla="*/ 84552 h 231889"/>
                <a:gd name="connsiteX3" fmla="*/ 108633 w 111872"/>
                <a:gd name="connsiteY3" fmla="*/ 77940 h 231889"/>
                <a:gd name="connsiteX4" fmla="*/ 2461 w 111872"/>
                <a:gd name="connsiteY4" fmla="*/ 0 h 2318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1872" h="231889">
                  <a:moveTo>
                    <a:pt x="0" y="193281"/>
                  </a:moveTo>
                  <a:cubicBezTo>
                    <a:pt x="41010" y="173668"/>
                    <a:pt x="90158" y="190936"/>
                    <a:pt x="109888" y="231889"/>
                  </a:cubicBezTo>
                  <a:lnTo>
                    <a:pt x="111867" y="84552"/>
                  </a:lnTo>
                  <a:cubicBezTo>
                    <a:pt x="111967" y="81945"/>
                    <a:pt x="110753" y="79461"/>
                    <a:pt x="108633" y="77940"/>
                  </a:cubicBezTo>
                  <a:lnTo>
                    <a:pt x="2461" y="0"/>
                  </a:lnTo>
                  <a:close/>
                </a:path>
              </a:pathLst>
            </a:custGeom>
            <a:solidFill>
              <a:schemeClr val="accent1"/>
            </a:solidFill>
            <a:ln w="4796" cap="flat">
              <a:noFill/>
              <a:prstDash val="solid"/>
              <a:miter/>
            </a:ln>
          </p:spPr>
          <p:txBody>
            <a:bodyPr rtlCol="0" anchor="ctr"/>
            <a:lstStyle/>
            <a:p>
              <a:endParaRPr lang="en-US"/>
            </a:p>
          </p:txBody>
        </p:sp>
        <p:sp>
          <p:nvSpPr>
            <p:cNvPr id="23" name="Graphic 24">
              <a:extLst>
                <a:ext uri="{FF2B5EF4-FFF2-40B4-BE49-F238E27FC236}">
                  <a16:creationId xmlns:a16="http://schemas.microsoft.com/office/drawing/2014/main" id="{E9E9116F-7F40-F44D-8E33-87F5DED9BE1B}"/>
                </a:ext>
              </a:extLst>
            </p:cNvPr>
            <p:cNvSpPr/>
            <p:nvPr/>
          </p:nvSpPr>
          <p:spPr>
            <a:xfrm>
              <a:off x="7713289" y="3816271"/>
              <a:ext cx="112930" cy="344385"/>
            </a:xfrm>
            <a:custGeom>
              <a:avLst/>
              <a:gdLst>
                <a:gd name="connsiteX0" fmla="*/ 112930 w 112930"/>
                <a:gd name="connsiteY0" fmla="*/ 72826 h 344385"/>
                <a:gd name="connsiteX1" fmla="*/ 15976 w 112930"/>
                <a:gd name="connsiteY1" fmla="*/ 1546 h 344385"/>
                <a:gd name="connsiteX2" fmla="*/ 4972 w 112930"/>
                <a:gd name="connsiteY2" fmla="*/ 3185 h 344385"/>
                <a:gd name="connsiteX3" fmla="*/ 3428 w 112930"/>
                <a:gd name="connsiteY3" fmla="*/ 7723 h 344385"/>
                <a:gd name="connsiteX4" fmla="*/ 2 w 112930"/>
                <a:gd name="connsiteY4" fmla="*/ 259978 h 344385"/>
                <a:gd name="connsiteX5" fmla="*/ 3235 w 112930"/>
                <a:gd name="connsiteY5" fmla="*/ 266445 h 344385"/>
                <a:gd name="connsiteX6" fmla="*/ 109407 w 112930"/>
                <a:gd name="connsiteY6" fmla="*/ 344385 h 3443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2930" h="344385">
                  <a:moveTo>
                    <a:pt x="112930" y="72826"/>
                  </a:moveTo>
                  <a:lnTo>
                    <a:pt x="15976" y="1546"/>
                  </a:lnTo>
                  <a:cubicBezTo>
                    <a:pt x="12485" y="-1040"/>
                    <a:pt x="7558" y="-307"/>
                    <a:pt x="4972" y="3185"/>
                  </a:cubicBezTo>
                  <a:cubicBezTo>
                    <a:pt x="3998" y="4500"/>
                    <a:pt x="3458" y="6086"/>
                    <a:pt x="3428" y="7723"/>
                  </a:cubicBezTo>
                  <a:lnTo>
                    <a:pt x="2" y="259978"/>
                  </a:lnTo>
                  <a:cubicBezTo>
                    <a:pt x="-50" y="262536"/>
                    <a:pt x="1159" y="264954"/>
                    <a:pt x="3235" y="266445"/>
                  </a:cubicBezTo>
                  <a:lnTo>
                    <a:pt x="109407" y="344385"/>
                  </a:lnTo>
                  <a:close/>
                </a:path>
              </a:pathLst>
            </a:custGeom>
            <a:solidFill>
              <a:schemeClr val="accent1"/>
            </a:solidFill>
            <a:ln w="4796" cap="flat">
              <a:noFill/>
              <a:prstDash val="solid"/>
              <a:miter/>
            </a:ln>
          </p:spPr>
          <p:txBody>
            <a:bodyPr rtlCol="0" anchor="ctr"/>
            <a:lstStyle/>
            <a:p>
              <a:endParaRPr lang="en-US"/>
            </a:p>
          </p:txBody>
        </p:sp>
        <p:sp>
          <p:nvSpPr>
            <p:cNvPr id="24" name="Graphic 24">
              <a:extLst>
                <a:ext uri="{FF2B5EF4-FFF2-40B4-BE49-F238E27FC236}">
                  <a16:creationId xmlns:a16="http://schemas.microsoft.com/office/drawing/2014/main" id="{E9E9116F-7F40-F44D-8E33-87F5DED9BE1B}"/>
                </a:ext>
              </a:extLst>
            </p:cNvPr>
            <p:cNvSpPr/>
            <p:nvPr/>
          </p:nvSpPr>
          <p:spPr>
            <a:xfrm>
              <a:off x="7918065" y="4024136"/>
              <a:ext cx="172105" cy="174807"/>
            </a:xfrm>
            <a:custGeom>
              <a:avLst/>
              <a:gdLst>
                <a:gd name="connsiteX0" fmla="*/ 169869 w 172105"/>
                <a:gd name="connsiteY0" fmla="*/ 161422 h 174807"/>
                <a:gd name="connsiteX1" fmla="*/ 120354 w 172105"/>
                <a:gd name="connsiteY1" fmla="*/ 110508 h 174807"/>
                <a:gd name="connsiteX2" fmla="*/ 135797 w 172105"/>
                <a:gd name="connsiteY2" fmla="*/ 68859 h 174807"/>
                <a:gd name="connsiteX3" fmla="*/ 68861 w 172105"/>
                <a:gd name="connsiteY3" fmla="*/ 7 h 174807"/>
                <a:gd name="connsiteX4" fmla="*/ 7 w 172105"/>
                <a:gd name="connsiteY4" fmla="*/ 66944 h 174807"/>
                <a:gd name="connsiteX5" fmla="*/ 66943 w 172105"/>
                <a:gd name="connsiteY5" fmla="*/ 135796 h 174807"/>
                <a:gd name="connsiteX6" fmla="*/ 66978 w 172105"/>
                <a:gd name="connsiteY6" fmla="*/ 135796 h 174807"/>
                <a:gd name="connsiteX7" fmla="*/ 109061 w 172105"/>
                <a:gd name="connsiteY7" fmla="*/ 121318 h 174807"/>
                <a:gd name="connsiteX8" fmla="*/ 158576 w 172105"/>
                <a:gd name="connsiteY8" fmla="*/ 172425 h 174807"/>
                <a:gd name="connsiteX9" fmla="*/ 169724 w 172105"/>
                <a:gd name="connsiteY9" fmla="*/ 172570 h 174807"/>
                <a:gd name="connsiteX10" fmla="*/ 169869 w 172105"/>
                <a:gd name="connsiteY10" fmla="*/ 161422 h 174807"/>
                <a:gd name="connsiteX11" fmla="*/ 15774 w 172105"/>
                <a:gd name="connsiteY11" fmla="*/ 67219 h 174807"/>
                <a:gd name="connsiteX12" fmla="*/ 68571 w 172105"/>
                <a:gd name="connsiteY12" fmla="*/ 15783 h 174807"/>
                <a:gd name="connsiteX13" fmla="*/ 120007 w 172105"/>
                <a:gd name="connsiteY13" fmla="*/ 68580 h 174807"/>
                <a:gd name="connsiteX14" fmla="*/ 67220 w 172105"/>
                <a:gd name="connsiteY14" fmla="*/ 120015 h 174807"/>
                <a:gd name="connsiteX15" fmla="*/ 15774 w 172105"/>
                <a:gd name="connsiteY15" fmla="*/ 67219 h 1748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72105" h="174807">
                  <a:moveTo>
                    <a:pt x="169869" y="161422"/>
                  </a:moveTo>
                  <a:lnTo>
                    <a:pt x="120354" y="110508"/>
                  </a:lnTo>
                  <a:cubicBezTo>
                    <a:pt x="130048" y="98761"/>
                    <a:pt x="135491" y="84086"/>
                    <a:pt x="135797" y="68859"/>
                  </a:cubicBezTo>
                  <a:cubicBezTo>
                    <a:pt x="136326" y="31361"/>
                    <a:pt x="106358" y="533"/>
                    <a:pt x="68861" y="7"/>
                  </a:cubicBezTo>
                  <a:cubicBezTo>
                    <a:pt x="31363" y="-524"/>
                    <a:pt x="536" y="29446"/>
                    <a:pt x="7" y="66944"/>
                  </a:cubicBezTo>
                  <a:cubicBezTo>
                    <a:pt x="-523" y="104437"/>
                    <a:pt x="29446" y="135265"/>
                    <a:pt x="66943" y="135796"/>
                  </a:cubicBezTo>
                  <a:cubicBezTo>
                    <a:pt x="66955" y="135796"/>
                    <a:pt x="66967" y="135796"/>
                    <a:pt x="66978" y="135796"/>
                  </a:cubicBezTo>
                  <a:cubicBezTo>
                    <a:pt x="82243" y="135893"/>
                    <a:pt x="97086" y="130787"/>
                    <a:pt x="109061" y="121318"/>
                  </a:cubicBezTo>
                  <a:lnTo>
                    <a:pt x="158576" y="172425"/>
                  </a:lnTo>
                  <a:cubicBezTo>
                    <a:pt x="161614" y="175543"/>
                    <a:pt x="166605" y="175611"/>
                    <a:pt x="169724" y="172570"/>
                  </a:cubicBezTo>
                  <a:cubicBezTo>
                    <a:pt x="172842" y="169530"/>
                    <a:pt x="172907" y="164540"/>
                    <a:pt x="169869" y="161422"/>
                  </a:cubicBezTo>
                  <a:close/>
                  <a:moveTo>
                    <a:pt x="15774" y="67219"/>
                  </a:moveTo>
                  <a:cubicBezTo>
                    <a:pt x="16150" y="38436"/>
                    <a:pt x="39788" y="15407"/>
                    <a:pt x="68571" y="15783"/>
                  </a:cubicBezTo>
                  <a:cubicBezTo>
                    <a:pt x="97354" y="16160"/>
                    <a:pt x="120383" y="39797"/>
                    <a:pt x="120007" y="68580"/>
                  </a:cubicBezTo>
                  <a:cubicBezTo>
                    <a:pt x="119632" y="97357"/>
                    <a:pt x="95999" y="120387"/>
                    <a:pt x="67220" y="120015"/>
                  </a:cubicBezTo>
                  <a:cubicBezTo>
                    <a:pt x="38445" y="119619"/>
                    <a:pt x="15425" y="95996"/>
                    <a:pt x="15774" y="67219"/>
                  </a:cubicBezTo>
                  <a:close/>
                </a:path>
              </a:pathLst>
            </a:custGeom>
            <a:solidFill>
              <a:schemeClr val="accent1"/>
            </a:solidFill>
            <a:ln w="4796" cap="flat">
              <a:noFill/>
              <a:prstDash val="solid"/>
              <a:miter/>
            </a:ln>
          </p:spPr>
          <p:txBody>
            <a:bodyPr rtlCol="0" anchor="ctr"/>
            <a:lstStyle/>
            <a:p>
              <a:endParaRPr lang="en-US" dirty="0"/>
            </a:p>
          </p:txBody>
        </p:sp>
        <p:sp>
          <p:nvSpPr>
            <p:cNvPr id="26" name="Graphic 24">
              <a:extLst>
                <a:ext uri="{FF2B5EF4-FFF2-40B4-BE49-F238E27FC236}">
                  <a16:creationId xmlns:a16="http://schemas.microsoft.com/office/drawing/2014/main" id="{E9E9116F-7F40-F44D-8E33-87F5DED9BE1B}"/>
                </a:ext>
              </a:extLst>
            </p:cNvPr>
            <p:cNvSpPr/>
            <p:nvPr/>
          </p:nvSpPr>
          <p:spPr>
            <a:xfrm>
              <a:off x="8839578" y="4097870"/>
              <a:ext cx="110525" cy="111673"/>
            </a:xfrm>
            <a:custGeom>
              <a:avLst/>
              <a:gdLst>
                <a:gd name="connsiteX0" fmla="*/ 102895 w 110525"/>
                <a:gd name="connsiteY0" fmla="*/ 47826 h 111673"/>
                <a:gd name="connsiteX1" fmla="*/ 63226 w 110525"/>
                <a:gd name="connsiteY1" fmla="*/ 7963 h 111673"/>
                <a:gd name="connsiteX2" fmla="*/ 55263 w 110525"/>
                <a:gd name="connsiteY2" fmla="*/ 0 h 111673"/>
                <a:gd name="connsiteX3" fmla="*/ 47300 w 110525"/>
                <a:gd name="connsiteY3" fmla="*/ 7963 h 111673"/>
                <a:gd name="connsiteX4" fmla="*/ 7389 w 110525"/>
                <a:gd name="connsiteY4" fmla="*/ 47826 h 111673"/>
                <a:gd name="connsiteX5" fmla="*/ 24 w 110525"/>
                <a:gd name="connsiteY5" fmla="*/ 56435 h 111673"/>
                <a:gd name="connsiteX6" fmla="*/ 7389 w 110525"/>
                <a:gd name="connsiteY6" fmla="*/ 63800 h 111673"/>
                <a:gd name="connsiteX7" fmla="*/ 47300 w 110525"/>
                <a:gd name="connsiteY7" fmla="*/ 103711 h 111673"/>
                <a:gd name="connsiteX8" fmla="*/ 55263 w 110525"/>
                <a:gd name="connsiteY8" fmla="*/ 111674 h 111673"/>
                <a:gd name="connsiteX9" fmla="*/ 63226 w 110525"/>
                <a:gd name="connsiteY9" fmla="*/ 103711 h 111673"/>
                <a:gd name="connsiteX10" fmla="*/ 103137 w 110525"/>
                <a:gd name="connsiteY10" fmla="*/ 63800 h 111673"/>
                <a:gd name="connsiteX11" fmla="*/ 110501 w 110525"/>
                <a:gd name="connsiteY11" fmla="*/ 55190 h 111673"/>
                <a:gd name="connsiteX12" fmla="*/ 103137 w 110525"/>
                <a:gd name="connsiteY12" fmla="*/ 47826 h 1116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10525" h="111673">
                  <a:moveTo>
                    <a:pt x="102895" y="47826"/>
                  </a:moveTo>
                  <a:cubicBezTo>
                    <a:pt x="80966" y="47695"/>
                    <a:pt x="63250" y="29892"/>
                    <a:pt x="63226" y="7963"/>
                  </a:cubicBezTo>
                  <a:cubicBezTo>
                    <a:pt x="63226" y="3566"/>
                    <a:pt x="59659" y="0"/>
                    <a:pt x="55263" y="0"/>
                  </a:cubicBezTo>
                  <a:cubicBezTo>
                    <a:pt x="50866" y="0"/>
                    <a:pt x="47300" y="3566"/>
                    <a:pt x="47300" y="7963"/>
                  </a:cubicBezTo>
                  <a:cubicBezTo>
                    <a:pt x="47271" y="29989"/>
                    <a:pt x="29410" y="47826"/>
                    <a:pt x="7389" y="47826"/>
                  </a:cubicBezTo>
                  <a:cubicBezTo>
                    <a:pt x="2978" y="48168"/>
                    <a:pt x="-318" y="52024"/>
                    <a:pt x="24" y="56435"/>
                  </a:cubicBezTo>
                  <a:cubicBezTo>
                    <a:pt x="328" y="60368"/>
                    <a:pt x="3456" y="63496"/>
                    <a:pt x="7389" y="63800"/>
                  </a:cubicBezTo>
                  <a:cubicBezTo>
                    <a:pt x="29420" y="63829"/>
                    <a:pt x="47276" y="81680"/>
                    <a:pt x="47300" y="103711"/>
                  </a:cubicBezTo>
                  <a:cubicBezTo>
                    <a:pt x="47300" y="108107"/>
                    <a:pt x="50866" y="111674"/>
                    <a:pt x="55263" y="111674"/>
                  </a:cubicBezTo>
                  <a:cubicBezTo>
                    <a:pt x="59659" y="111674"/>
                    <a:pt x="63226" y="108107"/>
                    <a:pt x="63226" y="103711"/>
                  </a:cubicBezTo>
                  <a:cubicBezTo>
                    <a:pt x="63255" y="81680"/>
                    <a:pt x="81106" y="63829"/>
                    <a:pt x="103137" y="63800"/>
                  </a:cubicBezTo>
                  <a:cubicBezTo>
                    <a:pt x="107548" y="63457"/>
                    <a:pt x="110844" y="59601"/>
                    <a:pt x="110501" y="55190"/>
                  </a:cubicBezTo>
                  <a:cubicBezTo>
                    <a:pt x="110197" y="51257"/>
                    <a:pt x="107070" y="48130"/>
                    <a:pt x="103137" y="47826"/>
                  </a:cubicBezTo>
                  <a:close/>
                </a:path>
              </a:pathLst>
            </a:custGeom>
            <a:solidFill>
              <a:schemeClr val="accent1"/>
            </a:solidFill>
            <a:ln w="4796" cap="flat">
              <a:noFill/>
              <a:prstDash val="solid"/>
              <a:miter/>
            </a:ln>
          </p:spPr>
          <p:txBody>
            <a:bodyPr rtlCol="0" anchor="ctr"/>
            <a:lstStyle/>
            <a:p>
              <a:endParaRPr lang="en-US"/>
            </a:p>
          </p:txBody>
        </p:sp>
        <p:sp>
          <p:nvSpPr>
            <p:cNvPr id="28" name="Graphic 24">
              <a:extLst>
                <a:ext uri="{FF2B5EF4-FFF2-40B4-BE49-F238E27FC236}">
                  <a16:creationId xmlns:a16="http://schemas.microsoft.com/office/drawing/2014/main" id="{E9E9116F-7F40-F44D-8E33-87F5DED9BE1B}"/>
                </a:ext>
              </a:extLst>
            </p:cNvPr>
            <p:cNvSpPr/>
            <p:nvPr/>
          </p:nvSpPr>
          <p:spPr>
            <a:xfrm>
              <a:off x="8778545" y="4248552"/>
              <a:ext cx="73860" cy="75018"/>
            </a:xfrm>
            <a:custGeom>
              <a:avLst/>
              <a:gdLst>
                <a:gd name="connsiteX0" fmla="*/ 8048 w 73860"/>
                <a:gd name="connsiteY0" fmla="*/ 48921 h 75018"/>
                <a:gd name="connsiteX1" fmla="*/ 26821 w 73860"/>
                <a:gd name="connsiteY1" fmla="*/ 47956 h 75018"/>
                <a:gd name="connsiteX2" fmla="*/ 27835 w 73860"/>
                <a:gd name="connsiteY2" fmla="*/ 67936 h 75018"/>
                <a:gd name="connsiteX3" fmla="*/ 39707 w 73860"/>
                <a:gd name="connsiteY3" fmla="*/ 74668 h 75018"/>
                <a:gd name="connsiteX4" fmla="*/ 46656 w 73860"/>
                <a:gd name="connsiteY4" fmla="*/ 66970 h 75018"/>
                <a:gd name="connsiteX5" fmla="*/ 45643 w 73860"/>
                <a:gd name="connsiteY5" fmla="*/ 46991 h 75018"/>
                <a:gd name="connsiteX6" fmla="*/ 64416 w 73860"/>
                <a:gd name="connsiteY6" fmla="*/ 46026 h 75018"/>
                <a:gd name="connsiteX7" fmla="*/ 73861 w 73860"/>
                <a:gd name="connsiteY7" fmla="*/ 36649 h 75018"/>
                <a:gd name="connsiteX8" fmla="*/ 64484 w 73860"/>
                <a:gd name="connsiteY8" fmla="*/ 27204 h 75018"/>
                <a:gd name="connsiteX9" fmla="*/ 63499 w 73860"/>
                <a:gd name="connsiteY9" fmla="*/ 27252 h 75018"/>
                <a:gd name="connsiteX10" fmla="*/ 44678 w 73860"/>
                <a:gd name="connsiteY10" fmla="*/ 28218 h 75018"/>
                <a:gd name="connsiteX11" fmla="*/ 43712 w 73860"/>
                <a:gd name="connsiteY11" fmla="*/ 9396 h 75018"/>
                <a:gd name="connsiteX12" fmla="*/ 34287 w 73860"/>
                <a:gd name="connsiteY12" fmla="*/ 0 h 75018"/>
                <a:gd name="connsiteX13" fmla="*/ 24891 w 73860"/>
                <a:gd name="connsiteY13" fmla="*/ 9425 h 75018"/>
                <a:gd name="connsiteX14" fmla="*/ 24939 w 73860"/>
                <a:gd name="connsiteY14" fmla="*/ 10361 h 75018"/>
                <a:gd name="connsiteX15" fmla="*/ 25905 w 73860"/>
                <a:gd name="connsiteY15" fmla="*/ 29183 h 75018"/>
                <a:gd name="connsiteX16" fmla="*/ 7083 w 73860"/>
                <a:gd name="connsiteY16" fmla="*/ 30100 h 75018"/>
                <a:gd name="connsiteX17" fmla="*/ 351 w 73860"/>
                <a:gd name="connsiteY17" fmla="*/ 41972 h 75018"/>
                <a:gd name="connsiteX18" fmla="*/ 8048 w 73860"/>
                <a:gd name="connsiteY18" fmla="*/ 48921 h 750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73860" h="75018">
                  <a:moveTo>
                    <a:pt x="8048" y="48921"/>
                  </a:moveTo>
                  <a:lnTo>
                    <a:pt x="26821" y="47956"/>
                  </a:lnTo>
                  <a:lnTo>
                    <a:pt x="27835" y="67936"/>
                  </a:lnTo>
                  <a:cubicBezTo>
                    <a:pt x="29254" y="73075"/>
                    <a:pt x="34572" y="76087"/>
                    <a:pt x="39707" y="74668"/>
                  </a:cubicBezTo>
                  <a:cubicBezTo>
                    <a:pt x="43322" y="73669"/>
                    <a:pt x="46034" y="70667"/>
                    <a:pt x="46656" y="66970"/>
                  </a:cubicBezTo>
                  <a:lnTo>
                    <a:pt x="45643" y="46991"/>
                  </a:lnTo>
                  <a:lnTo>
                    <a:pt x="64416" y="46026"/>
                  </a:lnTo>
                  <a:cubicBezTo>
                    <a:pt x="69614" y="46045"/>
                    <a:pt x="73841" y="41846"/>
                    <a:pt x="73861" y="36649"/>
                  </a:cubicBezTo>
                  <a:cubicBezTo>
                    <a:pt x="73880" y="31451"/>
                    <a:pt x="69681" y="27223"/>
                    <a:pt x="64484" y="27204"/>
                  </a:cubicBezTo>
                  <a:cubicBezTo>
                    <a:pt x="64155" y="27204"/>
                    <a:pt x="63827" y="27219"/>
                    <a:pt x="63499" y="27252"/>
                  </a:cubicBezTo>
                  <a:lnTo>
                    <a:pt x="44678" y="28218"/>
                  </a:lnTo>
                  <a:lnTo>
                    <a:pt x="43712" y="9396"/>
                  </a:lnTo>
                  <a:cubicBezTo>
                    <a:pt x="43703" y="4199"/>
                    <a:pt x="39485" y="-10"/>
                    <a:pt x="34287" y="0"/>
                  </a:cubicBezTo>
                  <a:cubicBezTo>
                    <a:pt x="29090" y="5"/>
                    <a:pt x="24881" y="4228"/>
                    <a:pt x="24891" y="9425"/>
                  </a:cubicBezTo>
                  <a:cubicBezTo>
                    <a:pt x="24891" y="9739"/>
                    <a:pt x="24906" y="10048"/>
                    <a:pt x="24939" y="10361"/>
                  </a:cubicBezTo>
                  <a:lnTo>
                    <a:pt x="25905" y="29183"/>
                  </a:lnTo>
                  <a:lnTo>
                    <a:pt x="7083" y="30100"/>
                  </a:lnTo>
                  <a:cubicBezTo>
                    <a:pt x="1943" y="31519"/>
                    <a:pt x="-1068" y="36837"/>
                    <a:pt x="351" y="41972"/>
                  </a:cubicBezTo>
                  <a:cubicBezTo>
                    <a:pt x="1350" y="45586"/>
                    <a:pt x="4352" y="48299"/>
                    <a:pt x="8048" y="48921"/>
                  </a:cubicBezTo>
                  <a:close/>
                </a:path>
              </a:pathLst>
            </a:custGeom>
            <a:solidFill>
              <a:schemeClr val="accent1"/>
            </a:solidFill>
            <a:ln w="4796" cap="flat">
              <a:noFill/>
              <a:prstDash val="solid"/>
              <a:miter/>
            </a:ln>
          </p:spPr>
          <p:txBody>
            <a:bodyPr rtlCol="0" anchor="ctr"/>
            <a:lstStyle/>
            <a:p>
              <a:endParaRPr lang="en-US"/>
            </a:p>
          </p:txBody>
        </p:sp>
        <p:sp>
          <p:nvSpPr>
            <p:cNvPr id="30" name="Graphic 24">
              <a:extLst>
                <a:ext uri="{FF2B5EF4-FFF2-40B4-BE49-F238E27FC236}">
                  <a16:creationId xmlns:a16="http://schemas.microsoft.com/office/drawing/2014/main" id="{E9E9116F-7F40-F44D-8E33-87F5DED9BE1B}"/>
                </a:ext>
              </a:extLst>
            </p:cNvPr>
            <p:cNvSpPr/>
            <p:nvPr/>
          </p:nvSpPr>
          <p:spPr>
            <a:xfrm>
              <a:off x="8018536" y="3869455"/>
              <a:ext cx="911197" cy="525792"/>
            </a:xfrm>
            <a:custGeom>
              <a:avLst/>
              <a:gdLst>
                <a:gd name="connsiteX0" fmla="*/ 153949 w 911197"/>
                <a:gd name="connsiteY0" fmla="*/ 525793 h 525792"/>
                <a:gd name="connsiteX1" fmla="*/ 51686 w 911197"/>
                <a:gd name="connsiteY1" fmla="*/ 525793 h 525792"/>
                <a:gd name="connsiteX2" fmla="*/ 42034 w 911197"/>
                <a:gd name="connsiteY2" fmla="*/ 516141 h 525792"/>
                <a:gd name="connsiteX3" fmla="*/ 51686 w 911197"/>
                <a:gd name="connsiteY3" fmla="*/ 506489 h 525792"/>
                <a:gd name="connsiteX4" fmla="*/ 153949 w 911197"/>
                <a:gd name="connsiteY4" fmla="*/ 506489 h 525792"/>
                <a:gd name="connsiteX5" fmla="*/ 163601 w 911197"/>
                <a:gd name="connsiteY5" fmla="*/ 516141 h 525792"/>
                <a:gd name="connsiteX6" fmla="*/ 153949 w 911197"/>
                <a:gd name="connsiteY6" fmla="*/ 525793 h 525792"/>
                <a:gd name="connsiteX7" fmla="*/ 178996 w 911197"/>
                <a:gd name="connsiteY7" fmla="*/ 459194 h 525792"/>
                <a:gd name="connsiteX8" fmla="*/ 169344 w 911197"/>
                <a:gd name="connsiteY8" fmla="*/ 449542 h 525792"/>
                <a:gd name="connsiteX9" fmla="*/ 9652 w 911197"/>
                <a:gd name="connsiteY9" fmla="*/ 449542 h 525792"/>
                <a:gd name="connsiteX10" fmla="*/ 0 w 911197"/>
                <a:gd name="connsiteY10" fmla="*/ 459194 h 525792"/>
                <a:gd name="connsiteX11" fmla="*/ 9652 w 911197"/>
                <a:gd name="connsiteY11" fmla="*/ 468846 h 525792"/>
                <a:gd name="connsiteX12" fmla="*/ 169344 w 911197"/>
                <a:gd name="connsiteY12" fmla="*/ 468846 h 525792"/>
                <a:gd name="connsiteX13" fmla="*/ 178996 w 911197"/>
                <a:gd name="connsiteY13" fmla="*/ 459194 h 525792"/>
                <a:gd name="connsiteX14" fmla="*/ 911197 w 911197"/>
                <a:gd name="connsiteY14" fmla="*/ 76154 h 525792"/>
                <a:gd name="connsiteX15" fmla="*/ 901545 w 911197"/>
                <a:gd name="connsiteY15" fmla="*/ 66502 h 525792"/>
                <a:gd name="connsiteX16" fmla="*/ 795759 w 911197"/>
                <a:gd name="connsiteY16" fmla="*/ 66502 h 525792"/>
                <a:gd name="connsiteX17" fmla="*/ 786107 w 911197"/>
                <a:gd name="connsiteY17" fmla="*/ 76154 h 525792"/>
                <a:gd name="connsiteX18" fmla="*/ 795759 w 911197"/>
                <a:gd name="connsiteY18" fmla="*/ 85806 h 525792"/>
                <a:gd name="connsiteX19" fmla="*/ 901545 w 911197"/>
                <a:gd name="connsiteY19" fmla="*/ 85806 h 525792"/>
                <a:gd name="connsiteX20" fmla="*/ 911197 w 911197"/>
                <a:gd name="connsiteY20" fmla="*/ 76154 h 525792"/>
                <a:gd name="connsiteX21" fmla="*/ 896381 w 911197"/>
                <a:gd name="connsiteY21" fmla="*/ 9652 h 525792"/>
                <a:gd name="connsiteX22" fmla="*/ 886729 w 911197"/>
                <a:gd name="connsiteY22" fmla="*/ 0 h 525792"/>
                <a:gd name="connsiteX23" fmla="*/ 816704 w 911197"/>
                <a:gd name="connsiteY23" fmla="*/ 0 h 525792"/>
                <a:gd name="connsiteX24" fmla="*/ 807052 w 911197"/>
                <a:gd name="connsiteY24" fmla="*/ 9652 h 525792"/>
                <a:gd name="connsiteX25" fmla="*/ 816704 w 911197"/>
                <a:gd name="connsiteY25" fmla="*/ 19304 h 525792"/>
                <a:gd name="connsiteX26" fmla="*/ 886922 w 911197"/>
                <a:gd name="connsiteY26" fmla="*/ 19304 h 525792"/>
                <a:gd name="connsiteX27" fmla="*/ 896381 w 911197"/>
                <a:gd name="connsiteY27" fmla="*/ 9652 h 5257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911197" h="525792">
                  <a:moveTo>
                    <a:pt x="153949" y="525793"/>
                  </a:moveTo>
                  <a:lnTo>
                    <a:pt x="51686" y="525793"/>
                  </a:lnTo>
                  <a:cubicBezTo>
                    <a:pt x="46356" y="525793"/>
                    <a:pt x="42034" y="521473"/>
                    <a:pt x="42034" y="516141"/>
                  </a:cubicBezTo>
                  <a:cubicBezTo>
                    <a:pt x="42034" y="510808"/>
                    <a:pt x="46356" y="506489"/>
                    <a:pt x="51686" y="506489"/>
                  </a:cubicBezTo>
                  <a:lnTo>
                    <a:pt x="153949" y="506489"/>
                  </a:lnTo>
                  <a:cubicBezTo>
                    <a:pt x="159280" y="506489"/>
                    <a:pt x="163601" y="510808"/>
                    <a:pt x="163601" y="516141"/>
                  </a:cubicBezTo>
                  <a:cubicBezTo>
                    <a:pt x="163601" y="521473"/>
                    <a:pt x="159280" y="525793"/>
                    <a:pt x="153949" y="525793"/>
                  </a:cubicBezTo>
                  <a:close/>
                  <a:moveTo>
                    <a:pt x="178996" y="459194"/>
                  </a:moveTo>
                  <a:cubicBezTo>
                    <a:pt x="178996" y="453861"/>
                    <a:pt x="174677" y="449542"/>
                    <a:pt x="169344" y="449542"/>
                  </a:cubicBezTo>
                  <a:lnTo>
                    <a:pt x="9652" y="449542"/>
                  </a:lnTo>
                  <a:cubicBezTo>
                    <a:pt x="4321" y="449542"/>
                    <a:pt x="0" y="453861"/>
                    <a:pt x="0" y="459194"/>
                  </a:cubicBezTo>
                  <a:cubicBezTo>
                    <a:pt x="0" y="464527"/>
                    <a:pt x="4321" y="468846"/>
                    <a:pt x="9652" y="468846"/>
                  </a:cubicBezTo>
                  <a:lnTo>
                    <a:pt x="169344" y="468846"/>
                  </a:lnTo>
                  <a:cubicBezTo>
                    <a:pt x="174677" y="468846"/>
                    <a:pt x="178996" y="464527"/>
                    <a:pt x="178996" y="459194"/>
                  </a:cubicBezTo>
                  <a:close/>
                  <a:moveTo>
                    <a:pt x="911197" y="76154"/>
                  </a:moveTo>
                  <a:cubicBezTo>
                    <a:pt x="911197" y="70823"/>
                    <a:pt x="906878" y="66502"/>
                    <a:pt x="901545" y="66502"/>
                  </a:cubicBezTo>
                  <a:lnTo>
                    <a:pt x="795759" y="66502"/>
                  </a:lnTo>
                  <a:cubicBezTo>
                    <a:pt x="790426" y="66502"/>
                    <a:pt x="786107" y="70823"/>
                    <a:pt x="786107" y="76154"/>
                  </a:cubicBezTo>
                  <a:cubicBezTo>
                    <a:pt x="786107" y="81485"/>
                    <a:pt x="790426" y="85806"/>
                    <a:pt x="795759" y="85806"/>
                  </a:cubicBezTo>
                  <a:lnTo>
                    <a:pt x="901545" y="85806"/>
                  </a:lnTo>
                  <a:cubicBezTo>
                    <a:pt x="906878" y="85806"/>
                    <a:pt x="911197" y="81485"/>
                    <a:pt x="911197" y="76154"/>
                  </a:cubicBezTo>
                  <a:close/>
                  <a:moveTo>
                    <a:pt x="896381" y="9652"/>
                  </a:moveTo>
                  <a:cubicBezTo>
                    <a:pt x="896381" y="4321"/>
                    <a:pt x="892062" y="0"/>
                    <a:pt x="886729" y="0"/>
                  </a:cubicBezTo>
                  <a:lnTo>
                    <a:pt x="816704" y="0"/>
                  </a:lnTo>
                  <a:cubicBezTo>
                    <a:pt x="811371" y="0"/>
                    <a:pt x="807052" y="4321"/>
                    <a:pt x="807052" y="9652"/>
                  </a:cubicBezTo>
                  <a:cubicBezTo>
                    <a:pt x="807052" y="14983"/>
                    <a:pt x="811371" y="19304"/>
                    <a:pt x="816704" y="19304"/>
                  </a:cubicBezTo>
                  <a:lnTo>
                    <a:pt x="886922" y="19304"/>
                  </a:lnTo>
                  <a:cubicBezTo>
                    <a:pt x="892178" y="19199"/>
                    <a:pt x="896381" y="14908"/>
                    <a:pt x="896381" y="9652"/>
                  </a:cubicBezTo>
                  <a:close/>
                </a:path>
              </a:pathLst>
            </a:custGeom>
            <a:solidFill>
              <a:schemeClr val="accent2"/>
            </a:solidFill>
            <a:ln w="4796" cap="flat">
              <a:noFill/>
              <a:prstDash val="solid"/>
              <a:miter/>
            </a:ln>
          </p:spPr>
          <p:txBody>
            <a:bodyPr rtlCol="0" anchor="ctr"/>
            <a:lstStyle/>
            <a:p>
              <a:endParaRPr lang="en-US"/>
            </a:p>
          </p:txBody>
        </p:sp>
        <p:sp>
          <p:nvSpPr>
            <p:cNvPr id="31" name="Graphic 24">
              <a:extLst>
                <a:ext uri="{FF2B5EF4-FFF2-40B4-BE49-F238E27FC236}">
                  <a16:creationId xmlns:a16="http://schemas.microsoft.com/office/drawing/2014/main" id="{E9E9116F-7F40-F44D-8E33-87F5DED9BE1B}"/>
                </a:ext>
              </a:extLst>
            </p:cNvPr>
            <p:cNvSpPr/>
            <p:nvPr/>
          </p:nvSpPr>
          <p:spPr>
            <a:xfrm>
              <a:off x="8319388" y="4545482"/>
              <a:ext cx="308333" cy="128805"/>
            </a:xfrm>
            <a:custGeom>
              <a:avLst/>
              <a:gdLst>
                <a:gd name="connsiteX0" fmla="*/ 188407 w 308333"/>
                <a:gd name="connsiteY0" fmla="*/ 32382 h 128805"/>
                <a:gd name="connsiteX1" fmla="*/ 120119 w 308333"/>
                <a:gd name="connsiteY1" fmla="*/ 32382 h 128805"/>
                <a:gd name="connsiteX2" fmla="*/ 120119 w 308333"/>
                <a:gd name="connsiteY2" fmla="*/ 32045 h 128805"/>
                <a:gd name="connsiteX3" fmla="*/ 0 w 308333"/>
                <a:gd name="connsiteY3" fmla="*/ 0 h 128805"/>
                <a:gd name="connsiteX4" fmla="*/ 0 w 308333"/>
                <a:gd name="connsiteY4" fmla="*/ 128806 h 128805"/>
                <a:gd name="connsiteX5" fmla="*/ 120119 w 308333"/>
                <a:gd name="connsiteY5" fmla="*/ 96713 h 128805"/>
                <a:gd name="connsiteX6" fmla="*/ 120119 w 308333"/>
                <a:gd name="connsiteY6" fmla="*/ 96375 h 128805"/>
                <a:gd name="connsiteX7" fmla="*/ 188552 w 308333"/>
                <a:gd name="connsiteY7" fmla="*/ 96375 h 128805"/>
                <a:gd name="connsiteX8" fmla="*/ 188552 w 308333"/>
                <a:gd name="connsiteY8" fmla="*/ 96713 h 128805"/>
                <a:gd name="connsiteX9" fmla="*/ 308333 w 308333"/>
                <a:gd name="connsiteY9" fmla="*/ 128806 h 128805"/>
                <a:gd name="connsiteX10" fmla="*/ 308333 w 308333"/>
                <a:gd name="connsiteY10" fmla="*/ 0 h 128805"/>
                <a:gd name="connsiteX11" fmla="*/ 188214 w 308333"/>
                <a:gd name="connsiteY11" fmla="*/ 32045 h 128805"/>
                <a:gd name="connsiteX12" fmla="*/ 97823 w 308333"/>
                <a:gd name="connsiteY12" fmla="*/ 79629 h 128805"/>
                <a:gd name="connsiteX13" fmla="*/ 22007 w 308333"/>
                <a:gd name="connsiteY13" fmla="*/ 99850 h 128805"/>
                <a:gd name="connsiteX14" fmla="*/ 22007 w 308333"/>
                <a:gd name="connsiteY14" fmla="*/ 28811 h 128805"/>
                <a:gd name="connsiteX15" fmla="*/ 97823 w 308333"/>
                <a:gd name="connsiteY15" fmla="*/ 49080 h 128805"/>
                <a:gd name="connsiteX16" fmla="*/ 166738 w 308333"/>
                <a:gd name="connsiteY16" fmla="*/ 74176 h 128805"/>
                <a:gd name="connsiteX17" fmla="*/ 141643 w 308333"/>
                <a:gd name="connsiteY17" fmla="*/ 74176 h 128805"/>
                <a:gd name="connsiteX18" fmla="*/ 141643 w 308333"/>
                <a:gd name="connsiteY18" fmla="*/ 54534 h 128805"/>
                <a:gd name="connsiteX19" fmla="*/ 166738 w 308333"/>
                <a:gd name="connsiteY19" fmla="*/ 54534 h 128805"/>
                <a:gd name="connsiteX20" fmla="*/ 210510 w 308333"/>
                <a:gd name="connsiteY20" fmla="*/ 48984 h 128805"/>
                <a:gd name="connsiteX21" fmla="*/ 286375 w 308333"/>
                <a:gd name="connsiteY21" fmla="*/ 28715 h 128805"/>
                <a:gd name="connsiteX22" fmla="*/ 286375 w 308333"/>
                <a:gd name="connsiteY22" fmla="*/ 99850 h 128805"/>
                <a:gd name="connsiteX23" fmla="*/ 210510 w 308333"/>
                <a:gd name="connsiteY23" fmla="*/ 79629 h 128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308333" h="128805">
                  <a:moveTo>
                    <a:pt x="188407" y="32382"/>
                  </a:moveTo>
                  <a:lnTo>
                    <a:pt x="120119" y="32382"/>
                  </a:lnTo>
                  <a:lnTo>
                    <a:pt x="120119" y="32045"/>
                  </a:lnTo>
                  <a:lnTo>
                    <a:pt x="0" y="0"/>
                  </a:lnTo>
                  <a:lnTo>
                    <a:pt x="0" y="128806"/>
                  </a:lnTo>
                  <a:lnTo>
                    <a:pt x="120119" y="96713"/>
                  </a:lnTo>
                  <a:lnTo>
                    <a:pt x="120119" y="96375"/>
                  </a:lnTo>
                  <a:lnTo>
                    <a:pt x="188552" y="96375"/>
                  </a:lnTo>
                  <a:lnTo>
                    <a:pt x="188552" y="96713"/>
                  </a:lnTo>
                  <a:lnTo>
                    <a:pt x="308333" y="128806"/>
                  </a:lnTo>
                  <a:lnTo>
                    <a:pt x="308333" y="0"/>
                  </a:lnTo>
                  <a:lnTo>
                    <a:pt x="188214" y="32045"/>
                  </a:lnTo>
                  <a:close/>
                  <a:moveTo>
                    <a:pt x="97823" y="79629"/>
                  </a:moveTo>
                  <a:lnTo>
                    <a:pt x="22007" y="99850"/>
                  </a:lnTo>
                  <a:lnTo>
                    <a:pt x="22007" y="28811"/>
                  </a:lnTo>
                  <a:lnTo>
                    <a:pt x="97823" y="49080"/>
                  </a:lnTo>
                  <a:close/>
                  <a:moveTo>
                    <a:pt x="166738" y="74176"/>
                  </a:moveTo>
                  <a:lnTo>
                    <a:pt x="141643" y="74176"/>
                  </a:lnTo>
                  <a:lnTo>
                    <a:pt x="141643" y="54534"/>
                  </a:lnTo>
                  <a:lnTo>
                    <a:pt x="166738" y="54534"/>
                  </a:lnTo>
                  <a:close/>
                  <a:moveTo>
                    <a:pt x="210510" y="48984"/>
                  </a:moveTo>
                  <a:lnTo>
                    <a:pt x="286375" y="28715"/>
                  </a:lnTo>
                  <a:lnTo>
                    <a:pt x="286375" y="99850"/>
                  </a:lnTo>
                  <a:lnTo>
                    <a:pt x="210510" y="79629"/>
                  </a:lnTo>
                  <a:close/>
                </a:path>
              </a:pathLst>
            </a:custGeom>
            <a:solidFill>
              <a:schemeClr val="accent2"/>
            </a:solidFill>
            <a:ln w="4796" cap="flat">
              <a:noFill/>
              <a:prstDash val="solid"/>
              <a:miter/>
            </a:ln>
          </p:spPr>
          <p:txBody>
            <a:bodyPr rtlCol="0" anchor="ctr"/>
            <a:lstStyle/>
            <a:p>
              <a:endParaRPr lang="en-US"/>
            </a:p>
          </p:txBody>
        </p:sp>
        <p:sp>
          <p:nvSpPr>
            <p:cNvPr id="33" name="Graphic 24">
              <a:extLst>
                <a:ext uri="{FF2B5EF4-FFF2-40B4-BE49-F238E27FC236}">
                  <a16:creationId xmlns:a16="http://schemas.microsoft.com/office/drawing/2014/main" id="{E9E9116F-7F40-F44D-8E33-87F5DED9BE1B}"/>
                </a:ext>
              </a:extLst>
            </p:cNvPr>
            <p:cNvSpPr/>
            <p:nvPr/>
          </p:nvSpPr>
          <p:spPr>
            <a:xfrm>
              <a:off x="8351444" y="3654836"/>
              <a:ext cx="246377" cy="103477"/>
            </a:xfrm>
            <a:custGeom>
              <a:avLst/>
              <a:gdLst>
                <a:gd name="connsiteX0" fmla="*/ 28173 w 246377"/>
                <a:gd name="connsiteY0" fmla="*/ 60236 h 103477"/>
                <a:gd name="connsiteX1" fmla="*/ 16591 w 246377"/>
                <a:gd name="connsiteY1" fmla="*/ 64483 h 103477"/>
                <a:gd name="connsiteX2" fmla="*/ 8483 w 246377"/>
                <a:gd name="connsiteY2" fmla="*/ 71336 h 103477"/>
                <a:gd name="connsiteX3" fmla="*/ 1871 w 246377"/>
                <a:gd name="connsiteY3" fmla="*/ 99713 h 103477"/>
                <a:gd name="connsiteX4" fmla="*/ 2885 w 246377"/>
                <a:gd name="connsiteY4" fmla="*/ 102126 h 103477"/>
                <a:gd name="connsiteX5" fmla="*/ 6408 w 246377"/>
                <a:gd name="connsiteY5" fmla="*/ 102753 h 103477"/>
                <a:gd name="connsiteX6" fmla="*/ 12440 w 246377"/>
                <a:gd name="connsiteY6" fmla="*/ 103477 h 103477"/>
                <a:gd name="connsiteX7" fmla="*/ 17652 w 246377"/>
                <a:gd name="connsiteY7" fmla="*/ 102801 h 103477"/>
                <a:gd name="connsiteX8" fmla="*/ 17652 w 246377"/>
                <a:gd name="connsiteY8" fmla="*/ 102801 h 103477"/>
                <a:gd name="connsiteX9" fmla="*/ 32468 w 246377"/>
                <a:gd name="connsiteY9" fmla="*/ 94211 h 103477"/>
                <a:gd name="connsiteX10" fmla="*/ 39273 w 246377"/>
                <a:gd name="connsiteY10" fmla="*/ 83401 h 103477"/>
                <a:gd name="connsiteX11" fmla="*/ 43809 w 246377"/>
                <a:gd name="connsiteY11" fmla="*/ 76114 h 103477"/>
                <a:gd name="connsiteX12" fmla="*/ 53172 w 246377"/>
                <a:gd name="connsiteY12" fmla="*/ 70853 h 103477"/>
                <a:gd name="connsiteX13" fmla="*/ 60169 w 246377"/>
                <a:gd name="connsiteY13" fmla="*/ 73218 h 103477"/>
                <a:gd name="connsiteX14" fmla="*/ 73586 w 246377"/>
                <a:gd name="connsiteY14" fmla="*/ 78913 h 103477"/>
                <a:gd name="connsiteX15" fmla="*/ 95882 w 246377"/>
                <a:gd name="connsiteY15" fmla="*/ 77899 h 103477"/>
                <a:gd name="connsiteX16" fmla="*/ 101335 w 246377"/>
                <a:gd name="connsiteY16" fmla="*/ 74569 h 103477"/>
                <a:gd name="connsiteX17" fmla="*/ 107126 w 246377"/>
                <a:gd name="connsiteY17" fmla="*/ 70419 h 103477"/>
                <a:gd name="connsiteX18" fmla="*/ 122714 w 246377"/>
                <a:gd name="connsiteY18" fmla="*/ 60767 h 103477"/>
                <a:gd name="connsiteX19" fmla="*/ 136613 w 246377"/>
                <a:gd name="connsiteY19" fmla="*/ 64724 h 103477"/>
                <a:gd name="connsiteX20" fmla="*/ 151863 w 246377"/>
                <a:gd name="connsiteY20" fmla="*/ 73604 h 103477"/>
                <a:gd name="connsiteX21" fmla="*/ 166631 w 246377"/>
                <a:gd name="connsiteY21" fmla="*/ 79685 h 103477"/>
                <a:gd name="connsiteX22" fmla="*/ 177248 w 246377"/>
                <a:gd name="connsiteY22" fmla="*/ 76548 h 103477"/>
                <a:gd name="connsiteX23" fmla="*/ 184680 w 246377"/>
                <a:gd name="connsiteY23" fmla="*/ 74038 h 103477"/>
                <a:gd name="connsiteX24" fmla="*/ 209293 w 246377"/>
                <a:gd name="connsiteY24" fmla="*/ 82194 h 103477"/>
                <a:gd name="connsiteX25" fmla="*/ 216773 w 246377"/>
                <a:gd name="connsiteY25" fmla="*/ 90881 h 103477"/>
                <a:gd name="connsiteX26" fmla="*/ 225991 w 246377"/>
                <a:gd name="connsiteY26" fmla="*/ 100147 h 103477"/>
                <a:gd name="connsiteX27" fmla="*/ 241241 w 246377"/>
                <a:gd name="connsiteY27" fmla="*/ 101450 h 103477"/>
                <a:gd name="connsiteX28" fmla="*/ 245488 w 246377"/>
                <a:gd name="connsiteY28" fmla="*/ 100678 h 103477"/>
                <a:gd name="connsiteX29" fmla="*/ 245970 w 246377"/>
                <a:gd name="connsiteY29" fmla="*/ 97251 h 103477"/>
                <a:gd name="connsiteX30" fmla="*/ 246212 w 246377"/>
                <a:gd name="connsiteY30" fmla="*/ 88709 h 103477"/>
                <a:gd name="connsiteX31" fmla="*/ 237090 w 246377"/>
                <a:gd name="connsiteY31" fmla="*/ 68344 h 103477"/>
                <a:gd name="connsiteX32" fmla="*/ 218848 w 246377"/>
                <a:gd name="connsiteY32" fmla="*/ 55121 h 103477"/>
                <a:gd name="connsiteX33" fmla="*/ 212574 w 246377"/>
                <a:gd name="connsiteY33" fmla="*/ 55844 h 103477"/>
                <a:gd name="connsiteX34" fmla="*/ 210258 w 246377"/>
                <a:gd name="connsiteY34" fmla="*/ 55844 h 103477"/>
                <a:gd name="connsiteX35" fmla="*/ 200606 w 246377"/>
                <a:gd name="connsiteY35" fmla="*/ 48702 h 103477"/>
                <a:gd name="connsiteX36" fmla="*/ 198241 w 246377"/>
                <a:gd name="connsiteY36" fmla="*/ 36782 h 103477"/>
                <a:gd name="connsiteX37" fmla="*/ 194043 w 246377"/>
                <a:gd name="connsiteY37" fmla="*/ 25248 h 103477"/>
                <a:gd name="connsiteX38" fmla="*/ 184391 w 246377"/>
                <a:gd name="connsiteY38" fmla="*/ 26454 h 103477"/>
                <a:gd name="connsiteX39" fmla="*/ 179178 w 246377"/>
                <a:gd name="connsiteY39" fmla="*/ 28771 h 103477"/>
                <a:gd name="connsiteX40" fmla="*/ 164700 w 246377"/>
                <a:gd name="connsiteY40" fmla="*/ 22255 h 103477"/>
                <a:gd name="connsiteX41" fmla="*/ 160502 w 246377"/>
                <a:gd name="connsiteY41" fmla="*/ 13762 h 103477"/>
                <a:gd name="connsiteX42" fmla="*/ 153022 w 246377"/>
                <a:gd name="connsiteY42" fmla="*/ 5316 h 103477"/>
                <a:gd name="connsiteX43" fmla="*/ 145396 w 246377"/>
                <a:gd name="connsiteY43" fmla="*/ 9563 h 103477"/>
                <a:gd name="connsiteX44" fmla="*/ 142308 w 246377"/>
                <a:gd name="connsiteY44" fmla="*/ 12796 h 103477"/>
                <a:gd name="connsiteX45" fmla="*/ 131111 w 246377"/>
                <a:gd name="connsiteY45" fmla="*/ 13038 h 103477"/>
                <a:gd name="connsiteX46" fmla="*/ 122859 w 246377"/>
                <a:gd name="connsiteY46" fmla="*/ 5847 h 103477"/>
                <a:gd name="connsiteX47" fmla="*/ 112194 w 246377"/>
                <a:gd name="connsiteY47" fmla="*/ 249 h 103477"/>
                <a:gd name="connsiteX48" fmla="*/ 105196 w 246377"/>
                <a:gd name="connsiteY48" fmla="*/ 7633 h 103477"/>
                <a:gd name="connsiteX49" fmla="*/ 101432 w 246377"/>
                <a:gd name="connsiteY49" fmla="*/ 13424 h 103477"/>
                <a:gd name="connsiteX50" fmla="*/ 89656 w 246377"/>
                <a:gd name="connsiteY50" fmla="*/ 15016 h 103477"/>
                <a:gd name="connsiteX51" fmla="*/ 80776 w 246377"/>
                <a:gd name="connsiteY51" fmla="*/ 11445 h 103477"/>
                <a:gd name="connsiteX52" fmla="*/ 69532 w 246377"/>
                <a:gd name="connsiteY52" fmla="*/ 10046 h 103477"/>
                <a:gd name="connsiteX53" fmla="*/ 66009 w 246377"/>
                <a:gd name="connsiteY53" fmla="*/ 19360 h 103477"/>
                <a:gd name="connsiteX54" fmla="*/ 65140 w 246377"/>
                <a:gd name="connsiteY54" fmla="*/ 26165 h 103477"/>
                <a:gd name="connsiteX55" fmla="*/ 51772 w 246377"/>
                <a:gd name="connsiteY55" fmla="*/ 35817 h 103477"/>
                <a:gd name="connsiteX56" fmla="*/ 44195 w 246377"/>
                <a:gd name="connsiteY56" fmla="*/ 34707 h 103477"/>
                <a:gd name="connsiteX57" fmla="*/ 33288 w 246377"/>
                <a:gd name="connsiteY57" fmla="*/ 36830 h 103477"/>
                <a:gd name="connsiteX58" fmla="*/ 32516 w 246377"/>
                <a:gd name="connsiteY58" fmla="*/ 43828 h 103477"/>
                <a:gd name="connsiteX59" fmla="*/ 32999 w 246377"/>
                <a:gd name="connsiteY59" fmla="*/ 46868 h 103477"/>
                <a:gd name="connsiteX60" fmla="*/ 31937 w 246377"/>
                <a:gd name="connsiteY60" fmla="*/ 59030 h 103477"/>
                <a:gd name="connsiteX61" fmla="*/ 28173 w 246377"/>
                <a:gd name="connsiteY61" fmla="*/ 60236 h 103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Lst>
              <a:rect l="l" t="t" r="r" b="b"/>
              <a:pathLst>
                <a:path w="246377" h="103477">
                  <a:moveTo>
                    <a:pt x="28173" y="60236"/>
                  </a:moveTo>
                  <a:cubicBezTo>
                    <a:pt x="24066" y="60866"/>
                    <a:pt x="20128" y="62310"/>
                    <a:pt x="16591" y="64483"/>
                  </a:cubicBezTo>
                  <a:cubicBezTo>
                    <a:pt x="13574" y="66371"/>
                    <a:pt x="10848" y="68679"/>
                    <a:pt x="8483" y="71336"/>
                  </a:cubicBezTo>
                  <a:cubicBezTo>
                    <a:pt x="476" y="78432"/>
                    <a:pt x="-2173" y="89809"/>
                    <a:pt x="1871" y="99713"/>
                  </a:cubicBezTo>
                  <a:lnTo>
                    <a:pt x="2885" y="102126"/>
                  </a:lnTo>
                  <a:lnTo>
                    <a:pt x="6408" y="102753"/>
                  </a:lnTo>
                  <a:cubicBezTo>
                    <a:pt x="8391" y="103196"/>
                    <a:pt x="10408" y="103438"/>
                    <a:pt x="12440" y="103477"/>
                  </a:cubicBezTo>
                  <a:cubicBezTo>
                    <a:pt x="14197" y="103466"/>
                    <a:pt x="15949" y="103239"/>
                    <a:pt x="17652" y="102801"/>
                  </a:cubicBezTo>
                  <a:lnTo>
                    <a:pt x="17652" y="102801"/>
                  </a:lnTo>
                  <a:cubicBezTo>
                    <a:pt x="23284" y="101354"/>
                    <a:pt x="28414" y="98381"/>
                    <a:pt x="32468" y="94211"/>
                  </a:cubicBezTo>
                  <a:cubicBezTo>
                    <a:pt x="35513" y="91159"/>
                    <a:pt x="37839" y="87466"/>
                    <a:pt x="39273" y="83401"/>
                  </a:cubicBezTo>
                  <a:cubicBezTo>
                    <a:pt x="40170" y="80640"/>
                    <a:pt x="41729" y="78139"/>
                    <a:pt x="43809" y="76114"/>
                  </a:cubicBezTo>
                  <a:cubicBezTo>
                    <a:pt x="46290" y="73410"/>
                    <a:pt x="49571" y="71568"/>
                    <a:pt x="53172" y="70853"/>
                  </a:cubicBezTo>
                  <a:cubicBezTo>
                    <a:pt x="55681" y="70564"/>
                    <a:pt x="56936" y="71239"/>
                    <a:pt x="60169" y="73218"/>
                  </a:cubicBezTo>
                  <a:cubicBezTo>
                    <a:pt x="64291" y="75858"/>
                    <a:pt x="68822" y="77784"/>
                    <a:pt x="73586" y="78913"/>
                  </a:cubicBezTo>
                  <a:cubicBezTo>
                    <a:pt x="80945" y="80880"/>
                    <a:pt x="88730" y="80526"/>
                    <a:pt x="95882" y="77899"/>
                  </a:cubicBezTo>
                  <a:cubicBezTo>
                    <a:pt x="97856" y="77067"/>
                    <a:pt x="99694" y="75944"/>
                    <a:pt x="101335" y="74569"/>
                  </a:cubicBezTo>
                  <a:lnTo>
                    <a:pt x="107126" y="70419"/>
                  </a:lnTo>
                  <a:cubicBezTo>
                    <a:pt x="111861" y="66508"/>
                    <a:pt x="117102" y="63261"/>
                    <a:pt x="122714" y="60767"/>
                  </a:cubicBezTo>
                  <a:cubicBezTo>
                    <a:pt x="126044" y="60140"/>
                    <a:pt x="129181" y="61443"/>
                    <a:pt x="136613" y="64724"/>
                  </a:cubicBezTo>
                  <a:cubicBezTo>
                    <a:pt x="142023" y="67087"/>
                    <a:pt x="147139" y="70067"/>
                    <a:pt x="151863" y="73604"/>
                  </a:cubicBezTo>
                  <a:cubicBezTo>
                    <a:pt x="155951" y="77249"/>
                    <a:pt x="161163" y="79393"/>
                    <a:pt x="166631" y="79685"/>
                  </a:cubicBezTo>
                  <a:cubicBezTo>
                    <a:pt x="170414" y="79797"/>
                    <a:pt x="174135" y="78698"/>
                    <a:pt x="177248" y="76548"/>
                  </a:cubicBezTo>
                  <a:cubicBezTo>
                    <a:pt x="179410" y="74971"/>
                    <a:pt x="182006" y="74095"/>
                    <a:pt x="184680" y="74038"/>
                  </a:cubicBezTo>
                  <a:cubicBezTo>
                    <a:pt x="193608" y="73652"/>
                    <a:pt x="202363" y="76554"/>
                    <a:pt x="209293" y="82194"/>
                  </a:cubicBezTo>
                  <a:cubicBezTo>
                    <a:pt x="212381" y="84517"/>
                    <a:pt x="214934" y="87480"/>
                    <a:pt x="216773" y="90881"/>
                  </a:cubicBezTo>
                  <a:cubicBezTo>
                    <a:pt x="218737" y="94903"/>
                    <a:pt x="221980" y="98161"/>
                    <a:pt x="225991" y="100147"/>
                  </a:cubicBezTo>
                  <a:cubicBezTo>
                    <a:pt x="230749" y="102405"/>
                    <a:pt x="236169" y="102868"/>
                    <a:pt x="241241" y="101450"/>
                  </a:cubicBezTo>
                  <a:lnTo>
                    <a:pt x="245488" y="100678"/>
                  </a:lnTo>
                  <a:lnTo>
                    <a:pt x="245970" y="97251"/>
                  </a:lnTo>
                  <a:cubicBezTo>
                    <a:pt x="246414" y="94426"/>
                    <a:pt x="246496" y="91555"/>
                    <a:pt x="246212" y="88709"/>
                  </a:cubicBezTo>
                  <a:cubicBezTo>
                    <a:pt x="245266" y="81164"/>
                    <a:pt x="242090" y="74072"/>
                    <a:pt x="237090" y="68344"/>
                  </a:cubicBezTo>
                  <a:cubicBezTo>
                    <a:pt x="233085" y="63132"/>
                    <a:pt x="227438" y="55989"/>
                    <a:pt x="218848" y="55121"/>
                  </a:cubicBezTo>
                  <a:cubicBezTo>
                    <a:pt x="216730" y="54875"/>
                    <a:pt x="214582" y="55123"/>
                    <a:pt x="212574" y="55844"/>
                  </a:cubicBezTo>
                  <a:cubicBezTo>
                    <a:pt x="211821" y="56102"/>
                    <a:pt x="211011" y="56102"/>
                    <a:pt x="210258" y="55844"/>
                  </a:cubicBezTo>
                  <a:cubicBezTo>
                    <a:pt x="206204" y="54878"/>
                    <a:pt x="202715" y="52299"/>
                    <a:pt x="200606" y="48702"/>
                  </a:cubicBezTo>
                  <a:cubicBezTo>
                    <a:pt x="198772" y="45010"/>
                    <a:pt x="197956" y="40895"/>
                    <a:pt x="198241" y="36782"/>
                  </a:cubicBezTo>
                  <a:cubicBezTo>
                    <a:pt x="198241" y="32583"/>
                    <a:pt x="198241" y="27757"/>
                    <a:pt x="194043" y="25248"/>
                  </a:cubicBezTo>
                  <a:cubicBezTo>
                    <a:pt x="190886" y="23600"/>
                    <a:pt x="187040" y="24081"/>
                    <a:pt x="184391" y="26454"/>
                  </a:cubicBezTo>
                  <a:cubicBezTo>
                    <a:pt x="182856" y="27622"/>
                    <a:pt x="181075" y="28415"/>
                    <a:pt x="179178" y="28771"/>
                  </a:cubicBezTo>
                  <a:cubicBezTo>
                    <a:pt x="173571" y="29135"/>
                    <a:pt x="168146" y="26694"/>
                    <a:pt x="164700" y="22255"/>
                  </a:cubicBezTo>
                  <a:cubicBezTo>
                    <a:pt x="162833" y="19679"/>
                    <a:pt x="161414" y="16808"/>
                    <a:pt x="160502" y="13762"/>
                  </a:cubicBezTo>
                  <a:cubicBezTo>
                    <a:pt x="159295" y="10239"/>
                    <a:pt x="157751" y="5847"/>
                    <a:pt x="153022" y="5316"/>
                  </a:cubicBezTo>
                  <a:cubicBezTo>
                    <a:pt x="149889" y="5207"/>
                    <a:pt x="146955" y="6842"/>
                    <a:pt x="145396" y="9563"/>
                  </a:cubicBezTo>
                  <a:cubicBezTo>
                    <a:pt x="144576" y="10821"/>
                    <a:pt x="143529" y="11917"/>
                    <a:pt x="142308" y="12796"/>
                  </a:cubicBezTo>
                  <a:cubicBezTo>
                    <a:pt x="138790" y="14505"/>
                    <a:pt x="134702" y="14593"/>
                    <a:pt x="131111" y="13038"/>
                  </a:cubicBezTo>
                  <a:cubicBezTo>
                    <a:pt x="127753" y="11445"/>
                    <a:pt x="124896" y="8957"/>
                    <a:pt x="122859" y="5847"/>
                  </a:cubicBezTo>
                  <a:cubicBezTo>
                    <a:pt x="120398" y="3048"/>
                    <a:pt x="117020" y="-1054"/>
                    <a:pt x="112194" y="249"/>
                  </a:cubicBezTo>
                  <a:cubicBezTo>
                    <a:pt x="108733" y="1319"/>
                    <a:pt x="106079" y="4118"/>
                    <a:pt x="105196" y="7633"/>
                  </a:cubicBezTo>
                  <a:cubicBezTo>
                    <a:pt x="104496" y="9873"/>
                    <a:pt x="103198" y="11877"/>
                    <a:pt x="101432" y="13424"/>
                  </a:cubicBezTo>
                  <a:cubicBezTo>
                    <a:pt x="97899" y="15569"/>
                    <a:pt x="93633" y="16146"/>
                    <a:pt x="89656" y="15016"/>
                  </a:cubicBezTo>
                  <a:cubicBezTo>
                    <a:pt x="86505" y="14373"/>
                    <a:pt x="83498" y="13163"/>
                    <a:pt x="80776" y="11445"/>
                  </a:cubicBezTo>
                  <a:cubicBezTo>
                    <a:pt x="77639" y="8781"/>
                    <a:pt x="73224" y="8231"/>
                    <a:pt x="69532" y="10046"/>
                  </a:cubicBezTo>
                  <a:cubicBezTo>
                    <a:pt x="66723" y="12258"/>
                    <a:pt x="65367" y="15842"/>
                    <a:pt x="66009" y="19360"/>
                  </a:cubicBezTo>
                  <a:cubicBezTo>
                    <a:pt x="66207" y="21664"/>
                    <a:pt x="65912" y="23984"/>
                    <a:pt x="65140" y="26165"/>
                  </a:cubicBezTo>
                  <a:cubicBezTo>
                    <a:pt x="62693" y="31511"/>
                    <a:pt x="57616" y="35177"/>
                    <a:pt x="51772" y="35817"/>
                  </a:cubicBezTo>
                  <a:cubicBezTo>
                    <a:pt x="49200" y="35917"/>
                    <a:pt x="46632" y="35541"/>
                    <a:pt x="44195" y="34707"/>
                  </a:cubicBezTo>
                  <a:cubicBezTo>
                    <a:pt x="41203" y="33838"/>
                    <a:pt x="36184" y="32390"/>
                    <a:pt x="33288" y="36830"/>
                  </a:cubicBezTo>
                  <a:cubicBezTo>
                    <a:pt x="32063" y="38951"/>
                    <a:pt x="31783" y="41490"/>
                    <a:pt x="32516" y="43828"/>
                  </a:cubicBezTo>
                  <a:cubicBezTo>
                    <a:pt x="32516" y="44600"/>
                    <a:pt x="32854" y="45613"/>
                    <a:pt x="32999" y="46868"/>
                  </a:cubicBezTo>
                  <a:cubicBezTo>
                    <a:pt x="33935" y="50933"/>
                    <a:pt x="33564" y="55189"/>
                    <a:pt x="31937" y="59030"/>
                  </a:cubicBezTo>
                  <a:cubicBezTo>
                    <a:pt x="31310" y="59512"/>
                    <a:pt x="30972" y="59657"/>
                    <a:pt x="28173" y="60236"/>
                  </a:cubicBezTo>
                  <a:close/>
                </a:path>
              </a:pathLst>
            </a:custGeom>
            <a:solidFill>
              <a:schemeClr val="accent2"/>
            </a:solidFill>
            <a:ln w="4796" cap="flat">
              <a:noFill/>
              <a:prstDash val="solid"/>
              <a:miter/>
            </a:ln>
          </p:spPr>
          <p:txBody>
            <a:bodyPr rtlCol="0" anchor="ctr"/>
            <a:lstStyle/>
            <a:p>
              <a:endParaRPr lang="en-US"/>
            </a:p>
          </p:txBody>
        </p:sp>
        <p:sp>
          <p:nvSpPr>
            <p:cNvPr id="34" name="Graphic 24">
              <a:extLst>
                <a:ext uri="{FF2B5EF4-FFF2-40B4-BE49-F238E27FC236}">
                  <a16:creationId xmlns:a16="http://schemas.microsoft.com/office/drawing/2014/main" id="{E9E9116F-7F40-F44D-8E33-87F5DED9BE1B}"/>
                </a:ext>
              </a:extLst>
            </p:cNvPr>
            <p:cNvSpPr/>
            <p:nvPr/>
          </p:nvSpPr>
          <p:spPr>
            <a:xfrm>
              <a:off x="7892094" y="3588872"/>
              <a:ext cx="1165189" cy="1165189"/>
            </a:xfrm>
            <a:custGeom>
              <a:avLst/>
              <a:gdLst>
                <a:gd name="connsiteX0" fmla="*/ 582546 w 1165189"/>
                <a:gd name="connsiteY0" fmla="*/ 0 h 1165189"/>
                <a:gd name="connsiteX1" fmla="*/ 139327 w 1165189"/>
                <a:gd name="connsiteY1" fmla="*/ 204478 h 1165189"/>
                <a:gd name="connsiteX2" fmla="*/ 153805 w 1165189"/>
                <a:gd name="connsiteY2" fmla="*/ 217025 h 1165189"/>
                <a:gd name="connsiteX3" fmla="*/ 947812 w 1165189"/>
                <a:gd name="connsiteY3" fmla="*/ 154345 h 1165189"/>
                <a:gd name="connsiteX4" fmla="*/ 1010492 w 1165189"/>
                <a:gd name="connsiteY4" fmla="*/ 948352 h 1165189"/>
                <a:gd name="connsiteX5" fmla="*/ 920125 w 1165189"/>
                <a:gd name="connsiteY5" fmla="*/ 1033198 h 1165189"/>
                <a:gd name="connsiteX6" fmla="*/ 940491 w 1165189"/>
                <a:gd name="connsiteY6" fmla="*/ 1017224 h 1165189"/>
                <a:gd name="connsiteX7" fmla="*/ 933638 w 1165189"/>
                <a:gd name="connsiteY7" fmla="*/ 996762 h 1165189"/>
                <a:gd name="connsiteX8" fmla="*/ 676509 w 1165189"/>
                <a:gd name="connsiteY8" fmla="*/ 857725 h 1165189"/>
                <a:gd name="connsiteX9" fmla="*/ 676509 w 1165189"/>
                <a:gd name="connsiteY9" fmla="*/ 807052 h 1165189"/>
                <a:gd name="connsiteX10" fmla="*/ 676509 w 1165189"/>
                <a:gd name="connsiteY10" fmla="*/ 781426 h 1165189"/>
                <a:gd name="connsiteX11" fmla="*/ 789630 w 1165189"/>
                <a:gd name="connsiteY11" fmla="*/ 655950 h 1165189"/>
                <a:gd name="connsiteX12" fmla="*/ 830362 w 1165189"/>
                <a:gd name="connsiteY12" fmla="*/ 568648 h 1165189"/>
                <a:gd name="connsiteX13" fmla="*/ 832002 w 1165189"/>
                <a:gd name="connsiteY13" fmla="*/ 537423 h 1165189"/>
                <a:gd name="connsiteX14" fmla="*/ 845853 w 1165189"/>
                <a:gd name="connsiteY14" fmla="*/ 535059 h 1165189"/>
                <a:gd name="connsiteX15" fmla="*/ 846432 w 1165189"/>
                <a:gd name="connsiteY15" fmla="*/ 537037 h 1165189"/>
                <a:gd name="connsiteX16" fmla="*/ 852175 w 1165189"/>
                <a:gd name="connsiteY16" fmla="*/ 529654 h 1165189"/>
                <a:gd name="connsiteX17" fmla="*/ 861393 w 1165189"/>
                <a:gd name="connsiteY17" fmla="*/ 499057 h 1165189"/>
                <a:gd name="connsiteX18" fmla="*/ 849859 w 1165189"/>
                <a:gd name="connsiteY18" fmla="*/ 483083 h 1165189"/>
                <a:gd name="connsiteX19" fmla="*/ 843102 w 1165189"/>
                <a:gd name="connsiteY19" fmla="*/ 473720 h 1165189"/>
                <a:gd name="connsiteX20" fmla="*/ 847928 w 1165189"/>
                <a:gd name="connsiteY20" fmla="*/ 465516 h 1165189"/>
                <a:gd name="connsiteX21" fmla="*/ 854974 w 1165189"/>
                <a:gd name="connsiteY21" fmla="*/ 452293 h 1165189"/>
                <a:gd name="connsiteX22" fmla="*/ 826935 w 1165189"/>
                <a:gd name="connsiteY22" fmla="*/ 423626 h 1165189"/>
                <a:gd name="connsiteX23" fmla="*/ 833161 w 1165189"/>
                <a:gd name="connsiteY23" fmla="*/ 413154 h 1165189"/>
                <a:gd name="connsiteX24" fmla="*/ 836877 w 1165189"/>
                <a:gd name="connsiteY24" fmla="*/ 392161 h 1165189"/>
                <a:gd name="connsiteX25" fmla="*/ 828431 w 1165189"/>
                <a:gd name="connsiteY25" fmla="*/ 377683 h 1165189"/>
                <a:gd name="connsiteX26" fmla="*/ 821771 w 1165189"/>
                <a:gd name="connsiteY26" fmla="*/ 367355 h 1165189"/>
                <a:gd name="connsiteX27" fmla="*/ 822785 w 1165189"/>
                <a:gd name="connsiteY27" fmla="*/ 348051 h 1165189"/>
                <a:gd name="connsiteX28" fmla="*/ 824377 w 1165189"/>
                <a:gd name="connsiteY28" fmla="*/ 330967 h 1165189"/>
                <a:gd name="connsiteX29" fmla="*/ 824377 w 1165189"/>
                <a:gd name="connsiteY29" fmla="*/ 319047 h 1165189"/>
                <a:gd name="connsiteX30" fmla="*/ 811251 w 1165189"/>
                <a:gd name="connsiteY30" fmla="*/ 305389 h 1165189"/>
                <a:gd name="connsiteX31" fmla="*/ 801599 w 1165189"/>
                <a:gd name="connsiteY31" fmla="*/ 298102 h 1165189"/>
                <a:gd name="connsiteX32" fmla="*/ 795035 w 1165189"/>
                <a:gd name="connsiteY32" fmla="*/ 284879 h 1165189"/>
                <a:gd name="connsiteX33" fmla="*/ 794794 w 1165189"/>
                <a:gd name="connsiteY33" fmla="*/ 284444 h 1165189"/>
                <a:gd name="connsiteX34" fmla="*/ 791754 w 1165189"/>
                <a:gd name="connsiteY34" fmla="*/ 269001 h 1165189"/>
                <a:gd name="connsiteX35" fmla="*/ 791223 w 1165189"/>
                <a:gd name="connsiteY35" fmla="*/ 260556 h 1165189"/>
                <a:gd name="connsiteX36" fmla="*/ 788279 w 1165189"/>
                <a:gd name="connsiteY36" fmla="*/ 249263 h 1165189"/>
                <a:gd name="connsiteX37" fmla="*/ 773801 w 1165189"/>
                <a:gd name="connsiteY37" fmla="*/ 241638 h 1165189"/>
                <a:gd name="connsiteX38" fmla="*/ 762363 w 1165189"/>
                <a:gd name="connsiteY38" fmla="*/ 238115 h 1165189"/>
                <a:gd name="connsiteX39" fmla="*/ 746051 w 1165189"/>
                <a:gd name="connsiteY39" fmla="*/ 225471 h 1165189"/>
                <a:gd name="connsiteX40" fmla="*/ 744024 w 1165189"/>
                <a:gd name="connsiteY40" fmla="*/ 217508 h 1165189"/>
                <a:gd name="connsiteX41" fmla="*/ 740791 w 1165189"/>
                <a:gd name="connsiteY41" fmla="*/ 206070 h 1165189"/>
                <a:gd name="connsiteX42" fmla="*/ 716130 w 1165189"/>
                <a:gd name="connsiteY42" fmla="*/ 190868 h 1165189"/>
                <a:gd name="connsiteX43" fmla="*/ 697647 w 1165189"/>
                <a:gd name="connsiteY43" fmla="*/ 190337 h 1165189"/>
                <a:gd name="connsiteX44" fmla="*/ 688574 w 1165189"/>
                <a:gd name="connsiteY44" fmla="*/ 189855 h 1165189"/>
                <a:gd name="connsiteX45" fmla="*/ 683362 w 1165189"/>
                <a:gd name="connsiteY45" fmla="*/ 184401 h 1165189"/>
                <a:gd name="connsiteX46" fmla="*/ 673710 w 1165189"/>
                <a:gd name="connsiteY46" fmla="*/ 172916 h 1165189"/>
                <a:gd name="connsiteX47" fmla="*/ 642485 w 1165189"/>
                <a:gd name="connsiteY47" fmla="*/ 162781 h 1165189"/>
                <a:gd name="connsiteX48" fmla="*/ 630613 w 1165189"/>
                <a:gd name="connsiteY48" fmla="*/ 166690 h 1165189"/>
                <a:gd name="connsiteX49" fmla="*/ 625305 w 1165189"/>
                <a:gd name="connsiteY49" fmla="*/ 168427 h 1165189"/>
                <a:gd name="connsiteX50" fmla="*/ 615991 w 1165189"/>
                <a:gd name="connsiteY50" fmla="*/ 164132 h 1165189"/>
                <a:gd name="connsiteX51" fmla="*/ 598955 w 1165189"/>
                <a:gd name="connsiteY51" fmla="*/ 154480 h 1165189"/>
                <a:gd name="connsiteX52" fmla="*/ 579361 w 1165189"/>
                <a:gd name="connsiteY52" fmla="*/ 149654 h 1165189"/>
                <a:gd name="connsiteX53" fmla="*/ 560057 w 1165189"/>
                <a:gd name="connsiteY53" fmla="*/ 160899 h 1165189"/>
                <a:gd name="connsiteX54" fmla="*/ 554121 w 1165189"/>
                <a:gd name="connsiteY54" fmla="*/ 165194 h 1165189"/>
                <a:gd name="connsiteX55" fmla="*/ 550743 w 1165189"/>
                <a:gd name="connsiteY55" fmla="*/ 167317 h 1165189"/>
                <a:gd name="connsiteX56" fmla="*/ 534238 w 1165189"/>
                <a:gd name="connsiteY56" fmla="*/ 167848 h 1165189"/>
                <a:gd name="connsiteX57" fmla="*/ 523669 w 1165189"/>
                <a:gd name="connsiteY57" fmla="*/ 163312 h 1165189"/>
                <a:gd name="connsiteX58" fmla="*/ 510591 w 1165189"/>
                <a:gd name="connsiteY58" fmla="*/ 159644 h 1165189"/>
                <a:gd name="connsiteX59" fmla="*/ 495630 w 1165189"/>
                <a:gd name="connsiteY59" fmla="*/ 167510 h 1165189"/>
                <a:gd name="connsiteX60" fmla="*/ 488826 w 1165189"/>
                <a:gd name="connsiteY60" fmla="*/ 178176 h 1165189"/>
                <a:gd name="connsiteX61" fmla="*/ 484000 w 1165189"/>
                <a:gd name="connsiteY61" fmla="*/ 185753 h 1165189"/>
                <a:gd name="connsiteX62" fmla="*/ 473624 w 1165189"/>
                <a:gd name="connsiteY62" fmla="*/ 191689 h 1165189"/>
                <a:gd name="connsiteX63" fmla="*/ 466674 w 1165189"/>
                <a:gd name="connsiteY63" fmla="*/ 191689 h 1165189"/>
                <a:gd name="connsiteX64" fmla="*/ 457022 w 1165189"/>
                <a:gd name="connsiteY64" fmla="*/ 190531 h 1165189"/>
                <a:gd name="connsiteX65" fmla="*/ 433278 w 1165189"/>
                <a:gd name="connsiteY65" fmla="*/ 195067 h 1165189"/>
                <a:gd name="connsiteX66" fmla="*/ 423626 w 1165189"/>
                <a:gd name="connsiteY66" fmla="*/ 214805 h 1165189"/>
                <a:gd name="connsiteX67" fmla="*/ 422227 w 1165189"/>
                <a:gd name="connsiteY67" fmla="*/ 218328 h 1165189"/>
                <a:gd name="connsiteX68" fmla="*/ 416580 w 1165189"/>
                <a:gd name="connsiteY68" fmla="*/ 229525 h 1165189"/>
                <a:gd name="connsiteX69" fmla="*/ 407459 w 1165189"/>
                <a:gd name="connsiteY69" fmla="*/ 235702 h 1165189"/>
                <a:gd name="connsiteX70" fmla="*/ 401427 w 1165189"/>
                <a:gd name="connsiteY70" fmla="*/ 238163 h 1165189"/>
                <a:gd name="connsiteX71" fmla="*/ 393850 w 1165189"/>
                <a:gd name="connsiteY71" fmla="*/ 240866 h 1165189"/>
                <a:gd name="connsiteX72" fmla="*/ 377731 w 1165189"/>
                <a:gd name="connsiteY72" fmla="*/ 250180 h 1165189"/>
                <a:gd name="connsiteX73" fmla="*/ 373388 w 1165189"/>
                <a:gd name="connsiteY73" fmla="*/ 267940 h 1165189"/>
                <a:gd name="connsiteX74" fmla="*/ 372519 w 1165189"/>
                <a:gd name="connsiteY74" fmla="*/ 276819 h 1165189"/>
                <a:gd name="connsiteX75" fmla="*/ 372519 w 1165189"/>
                <a:gd name="connsiteY75" fmla="*/ 279570 h 1165189"/>
                <a:gd name="connsiteX76" fmla="*/ 364025 w 1165189"/>
                <a:gd name="connsiteY76" fmla="*/ 296075 h 1165189"/>
                <a:gd name="connsiteX77" fmla="*/ 357655 w 1165189"/>
                <a:gd name="connsiteY77" fmla="*/ 300901 h 1165189"/>
                <a:gd name="connsiteX78" fmla="*/ 348003 w 1165189"/>
                <a:gd name="connsiteY78" fmla="*/ 309298 h 1165189"/>
                <a:gd name="connsiteX79" fmla="*/ 341391 w 1165189"/>
                <a:gd name="connsiteY79" fmla="*/ 325707 h 1165189"/>
                <a:gd name="connsiteX80" fmla="*/ 342887 w 1165189"/>
                <a:gd name="connsiteY80" fmla="*/ 341874 h 1165189"/>
                <a:gd name="connsiteX81" fmla="*/ 344721 w 1165189"/>
                <a:gd name="connsiteY81" fmla="*/ 355773 h 1165189"/>
                <a:gd name="connsiteX82" fmla="*/ 341970 w 1165189"/>
                <a:gd name="connsiteY82" fmla="*/ 371361 h 1165189"/>
                <a:gd name="connsiteX83" fmla="*/ 337482 w 1165189"/>
                <a:gd name="connsiteY83" fmla="*/ 376187 h 1165189"/>
                <a:gd name="connsiteX84" fmla="*/ 330340 w 1165189"/>
                <a:gd name="connsiteY84" fmla="*/ 384632 h 1165189"/>
                <a:gd name="connsiteX85" fmla="*/ 328409 w 1165189"/>
                <a:gd name="connsiteY85" fmla="*/ 403936 h 1165189"/>
                <a:gd name="connsiteX86" fmla="*/ 331015 w 1165189"/>
                <a:gd name="connsiteY86" fmla="*/ 411899 h 1165189"/>
                <a:gd name="connsiteX87" fmla="*/ 307851 w 1165189"/>
                <a:gd name="connsiteY87" fmla="*/ 438683 h 1165189"/>
                <a:gd name="connsiteX88" fmla="*/ 314800 w 1165189"/>
                <a:gd name="connsiteY88" fmla="*/ 452148 h 1165189"/>
                <a:gd name="connsiteX89" fmla="*/ 319626 w 1165189"/>
                <a:gd name="connsiteY89" fmla="*/ 460014 h 1165189"/>
                <a:gd name="connsiteX90" fmla="*/ 317696 w 1165189"/>
                <a:gd name="connsiteY90" fmla="*/ 465661 h 1165189"/>
                <a:gd name="connsiteX91" fmla="*/ 312870 w 1165189"/>
                <a:gd name="connsiteY91" fmla="*/ 470487 h 1165189"/>
                <a:gd name="connsiteX92" fmla="*/ 301384 w 1165189"/>
                <a:gd name="connsiteY92" fmla="*/ 486799 h 1165189"/>
                <a:gd name="connsiteX93" fmla="*/ 308140 w 1165189"/>
                <a:gd name="connsiteY93" fmla="*/ 514307 h 1165189"/>
                <a:gd name="connsiteX94" fmla="*/ 314269 w 1165189"/>
                <a:gd name="connsiteY94" fmla="*/ 522125 h 1165189"/>
                <a:gd name="connsiteX95" fmla="*/ 332174 w 1165189"/>
                <a:gd name="connsiteY95" fmla="*/ 526179 h 1165189"/>
                <a:gd name="connsiteX96" fmla="*/ 333042 w 1165189"/>
                <a:gd name="connsiteY96" fmla="*/ 568696 h 1165189"/>
                <a:gd name="connsiteX97" fmla="*/ 375801 w 1165189"/>
                <a:gd name="connsiteY97" fmla="*/ 656191 h 1165189"/>
                <a:gd name="connsiteX98" fmla="*/ 488439 w 1165189"/>
                <a:gd name="connsiteY98" fmla="*/ 781667 h 1165189"/>
                <a:gd name="connsiteX99" fmla="*/ 488439 w 1165189"/>
                <a:gd name="connsiteY99" fmla="*/ 809417 h 1165189"/>
                <a:gd name="connsiteX100" fmla="*/ 488439 w 1165189"/>
                <a:gd name="connsiteY100" fmla="*/ 857677 h 1165189"/>
                <a:gd name="connsiteX101" fmla="*/ 231358 w 1165189"/>
                <a:gd name="connsiteY101" fmla="*/ 996714 h 1165189"/>
                <a:gd name="connsiteX102" fmla="*/ 224457 w 1165189"/>
                <a:gd name="connsiteY102" fmla="*/ 1017128 h 1165189"/>
                <a:gd name="connsiteX103" fmla="*/ 19304 w 1165189"/>
                <a:gd name="connsiteY103" fmla="*/ 582595 h 1165189"/>
                <a:gd name="connsiteX104" fmla="*/ 0 w 1165189"/>
                <a:gd name="connsiteY104" fmla="*/ 582595 h 1165189"/>
                <a:gd name="connsiteX105" fmla="*/ 582595 w 1165189"/>
                <a:gd name="connsiteY105" fmla="*/ 1165190 h 1165189"/>
                <a:gd name="connsiteX106" fmla="*/ 1165190 w 1165189"/>
                <a:gd name="connsiteY106" fmla="*/ 582595 h 1165189"/>
                <a:gd name="connsiteX107" fmla="*/ 582595 w 1165189"/>
                <a:gd name="connsiteY107" fmla="*/ 0 h 1165189"/>
                <a:gd name="connsiteX108" fmla="*/ 582546 w 1165189"/>
                <a:gd name="connsiteY108" fmla="*/ 0 h 1165189"/>
                <a:gd name="connsiteX109" fmla="*/ 441917 w 1165189"/>
                <a:gd name="connsiteY109" fmla="*/ 711401 h 1165189"/>
                <a:gd name="connsiteX110" fmla="*/ 438297 w 1165189"/>
                <a:gd name="connsiteY110" fmla="*/ 714586 h 1165189"/>
                <a:gd name="connsiteX111" fmla="*/ 441917 w 1165189"/>
                <a:gd name="connsiteY111" fmla="*/ 711352 h 1165189"/>
                <a:gd name="connsiteX112" fmla="*/ 398483 w 1165189"/>
                <a:gd name="connsiteY112" fmla="*/ 643209 h 1165189"/>
                <a:gd name="connsiteX113" fmla="*/ 397566 w 1165189"/>
                <a:gd name="connsiteY113" fmla="*/ 641086 h 1165189"/>
                <a:gd name="connsiteX114" fmla="*/ 395394 w 1165189"/>
                <a:gd name="connsiteY114" fmla="*/ 640459 h 1165189"/>
                <a:gd name="connsiteX115" fmla="*/ 360261 w 1165189"/>
                <a:gd name="connsiteY115" fmla="*/ 565269 h 1165189"/>
                <a:gd name="connsiteX116" fmla="*/ 359296 w 1165189"/>
                <a:gd name="connsiteY116" fmla="*/ 550116 h 1165189"/>
                <a:gd name="connsiteX117" fmla="*/ 376042 w 1165189"/>
                <a:gd name="connsiteY117" fmla="*/ 546303 h 1165189"/>
                <a:gd name="connsiteX118" fmla="*/ 392981 w 1165189"/>
                <a:gd name="connsiteY118" fmla="*/ 540078 h 1165189"/>
                <a:gd name="connsiteX119" fmla="*/ 397276 w 1165189"/>
                <a:gd name="connsiteY119" fmla="*/ 538726 h 1165189"/>
                <a:gd name="connsiteX120" fmla="*/ 402392 w 1165189"/>
                <a:gd name="connsiteY120" fmla="*/ 544711 h 1165189"/>
                <a:gd name="connsiteX121" fmla="*/ 416870 w 1165189"/>
                <a:gd name="connsiteY121" fmla="*/ 559189 h 1165189"/>
                <a:gd name="connsiteX122" fmla="*/ 439118 w 1165189"/>
                <a:gd name="connsiteY122" fmla="*/ 554797 h 1165189"/>
                <a:gd name="connsiteX123" fmla="*/ 452003 w 1165189"/>
                <a:gd name="connsiteY123" fmla="*/ 544807 h 1165189"/>
                <a:gd name="connsiteX124" fmla="*/ 464261 w 1165189"/>
                <a:gd name="connsiteY124" fmla="*/ 535155 h 1165189"/>
                <a:gd name="connsiteX125" fmla="*/ 480428 w 1165189"/>
                <a:gd name="connsiteY125" fmla="*/ 529316 h 1165189"/>
                <a:gd name="connsiteX126" fmla="*/ 502869 w 1165189"/>
                <a:gd name="connsiteY126" fmla="*/ 525551 h 1165189"/>
                <a:gd name="connsiteX127" fmla="*/ 515513 w 1165189"/>
                <a:gd name="connsiteY127" fmla="*/ 522994 h 1165189"/>
                <a:gd name="connsiteX128" fmla="*/ 558320 w 1165189"/>
                <a:gd name="connsiteY128" fmla="*/ 477581 h 1165189"/>
                <a:gd name="connsiteX129" fmla="*/ 561795 w 1165189"/>
                <a:gd name="connsiteY129" fmla="*/ 466481 h 1165189"/>
                <a:gd name="connsiteX130" fmla="*/ 567345 w 1165189"/>
                <a:gd name="connsiteY130" fmla="*/ 449542 h 1165189"/>
                <a:gd name="connsiteX131" fmla="*/ 596783 w 1165189"/>
                <a:gd name="connsiteY131" fmla="*/ 449542 h 1165189"/>
                <a:gd name="connsiteX132" fmla="*/ 603347 w 1165189"/>
                <a:gd name="connsiteY132" fmla="*/ 467446 h 1165189"/>
                <a:gd name="connsiteX133" fmla="*/ 606725 w 1165189"/>
                <a:gd name="connsiteY133" fmla="*/ 477436 h 1165189"/>
                <a:gd name="connsiteX134" fmla="*/ 607256 w 1165189"/>
                <a:gd name="connsiteY134" fmla="*/ 478546 h 1165189"/>
                <a:gd name="connsiteX135" fmla="*/ 651076 w 1165189"/>
                <a:gd name="connsiteY135" fmla="*/ 525262 h 1165189"/>
                <a:gd name="connsiteX136" fmla="*/ 663527 w 1165189"/>
                <a:gd name="connsiteY136" fmla="*/ 528351 h 1165189"/>
                <a:gd name="connsiteX137" fmla="*/ 685630 w 1165189"/>
                <a:gd name="connsiteY137" fmla="*/ 533177 h 1165189"/>
                <a:gd name="connsiteX138" fmla="*/ 701845 w 1165189"/>
                <a:gd name="connsiteY138" fmla="*/ 539643 h 1165189"/>
                <a:gd name="connsiteX139" fmla="*/ 714393 w 1165189"/>
                <a:gd name="connsiteY139" fmla="*/ 549923 h 1165189"/>
                <a:gd name="connsiteX140" fmla="*/ 727326 w 1165189"/>
                <a:gd name="connsiteY140" fmla="*/ 560347 h 1165189"/>
                <a:gd name="connsiteX141" fmla="*/ 749285 w 1165189"/>
                <a:gd name="connsiteY141" fmla="*/ 565752 h 1165189"/>
                <a:gd name="connsiteX142" fmla="*/ 763377 w 1165189"/>
                <a:gd name="connsiteY142" fmla="*/ 551708 h 1165189"/>
                <a:gd name="connsiteX143" fmla="*/ 767527 w 1165189"/>
                <a:gd name="connsiteY143" fmla="*/ 546496 h 1165189"/>
                <a:gd name="connsiteX144" fmla="*/ 771822 w 1165189"/>
                <a:gd name="connsiteY144" fmla="*/ 548089 h 1165189"/>
                <a:gd name="connsiteX145" fmla="*/ 788665 w 1165189"/>
                <a:gd name="connsiteY145" fmla="*/ 554990 h 1165189"/>
                <a:gd name="connsiteX146" fmla="*/ 805411 w 1165189"/>
                <a:gd name="connsiteY146" fmla="*/ 559575 h 1165189"/>
                <a:gd name="connsiteX147" fmla="*/ 804832 w 1165189"/>
                <a:gd name="connsiteY147" fmla="*/ 565318 h 1165189"/>
                <a:gd name="connsiteX148" fmla="*/ 771436 w 1165189"/>
                <a:gd name="connsiteY148" fmla="*/ 640459 h 1165189"/>
                <a:gd name="connsiteX149" fmla="*/ 769120 w 1165189"/>
                <a:gd name="connsiteY149" fmla="*/ 641182 h 1165189"/>
                <a:gd name="connsiteX150" fmla="*/ 768347 w 1165189"/>
                <a:gd name="connsiteY150" fmla="*/ 643499 h 1165189"/>
                <a:gd name="connsiteX151" fmla="*/ 664299 w 1165189"/>
                <a:gd name="connsiteY151" fmla="*/ 759999 h 1165189"/>
                <a:gd name="connsiteX152" fmla="*/ 502338 w 1165189"/>
                <a:gd name="connsiteY152" fmla="*/ 760240 h 1165189"/>
                <a:gd name="connsiteX153" fmla="*/ 441917 w 1165189"/>
                <a:gd name="connsiteY153" fmla="*/ 711401 h 1165189"/>
                <a:gd name="connsiteX154" fmla="*/ 505620 w 1165189"/>
                <a:gd name="connsiteY154" fmla="*/ 878573 h 1165189"/>
                <a:gd name="connsiteX155" fmla="*/ 510060 w 1165189"/>
                <a:gd name="connsiteY155" fmla="*/ 878187 h 1165189"/>
                <a:gd name="connsiteX156" fmla="*/ 510060 w 1165189"/>
                <a:gd name="connsiteY156" fmla="*/ 873699 h 1165189"/>
                <a:gd name="connsiteX157" fmla="*/ 510060 w 1165189"/>
                <a:gd name="connsiteY157" fmla="*/ 816463 h 1165189"/>
                <a:gd name="connsiteX158" fmla="*/ 510060 w 1165189"/>
                <a:gd name="connsiteY158" fmla="*/ 791947 h 1165189"/>
                <a:gd name="connsiteX159" fmla="*/ 653103 w 1165189"/>
                <a:gd name="connsiteY159" fmla="*/ 791947 h 1165189"/>
                <a:gd name="connsiteX160" fmla="*/ 653103 w 1165189"/>
                <a:gd name="connsiteY160" fmla="*/ 811926 h 1165189"/>
                <a:gd name="connsiteX161" fmla="*/ 653103 w 1165189"/>
                <a:gd name="connsiteY161" fmla="*/ 873699 h 1165189"/>
                <a:gd name="connsiteX162" fmla="*/ 653103 w 1165189"/>
                <a:gd name="connsiteY162" fmla="*/ 878187 h 1165189"/>
                <a:gd name="connsiteX163" fmla="*/ 657543 w 1165189"/>
                <a:gd name="connsiteY163" fmla="*/ 878573 h 1165189"/>
                <a:gd name="connsiteX164" fmla="*/ 731139 w 1165189"/>
                <a:gd name="connsiteY164" fmla="*/ 888225 h 1165189"/>
                <a:gd name="connsiteX165" fmla="*/ 582112 w 1165189"/>
                <a:gd name="connsiteY165" fmla="*/ 956513 h 1165189"/>
                <a:gd name="connsiteX166" fmla="*/ 432940 w 1165189"/>
                <a:gd name="connsiteY166" fmla="*/ 888081 h 1165189"/>
                <a:gd name="connsiteX167" fmla="*/ 505620 w 1165189"/>
                <a:gd name="connsiteY167" fmla="*/ 878573 h 1165189"/>
                <a:gd name="connsiteX168" fmla="*/ 224602 w 1165189"/>
                <a:gd name="connsiteY168" fmla="*/ 1017176 h 1165189"/>
                <a:gd name="connsiteX169" fmla="*/ 243134 w 1165189"/>
                <a:gd name="connsiteY169" fmla="*/ 1031654 h 1165189"/>
                <a:gd name="connsiteX170" fmla="*/ 407701 w 1165189"/>
                <a:gd name="connsiteY170" fmla="*/ 893196 h 1165189"/>
                <a:gd name="connsiteX171" fmla="*/ 581919 w 1165189"/>
                <a:gd name="connsiteY171" fmla="*/ 978520 h 1165189"/>
                <a:gd name="connsiteX172" fmla="*/ 755993 w 1165189"/>
                <a:gd name="connsiteY172" fmla="*/ 893389 h 1165189"/>
                <a:gd name="connsiteX173" fmla="*/ 920077 w 1165189"/>
                <a:gd name="connsiteY173" fmla="*/ 1033102 h 1165189"/>
                <a:gd name="connsiteX174" fmla="*/ 224554 w 1165189"/>
                <a:gd name="connsiteY174" fmla="*/ 1017031 h 11651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Lst>
              <a:rect l="l" t="t" r="r" b="b"/>
              <a:pathLst>
                <a:path w="1165189" h="1165189">
                  <a:moveTo>
                    <a:pt x="582546" y="0"/>
                  </a:moveTo>
                  <a:cubicBezTo>
                    <a:pt x="411986" y="-52"/>
                    <a:pt x="249983" y="74688"/>
                    <a:pt x="139327" y="204478"/>
                  </a:cubicBezTo>
                  <a:lnTo>
                    <a:pt x="153805" y="217025"/>
                  </a:lnTo>
                  <a:cubicBezTo>
                    <a:pt x="355753" y="-19542"/>
                    <a:pt x="711241" y="-47605"/>
                    <a:pt x="947812" y="154345"/>
                  </a:cubicBezTo>
                  <a:cubicBezTo>
                    <a:pt x="1184378" y="356295"/>
                    <a:pt x="1212441" y="711782"/>
                    <a:pt x="1010492" y="948352"/>
                  </a:cubicBezTo>
                  <a:cubicBezTo>
                    <a:pt x="983582" y="979871"/>
                    <a:pt x="953280" y="1008325"/>
                    <a:pt x="920125" y="1033198"/>
                  </a:cubicBezTo>
                  <a:cubicBezTo>
                    <a:pt x="927075" y="1028035"/>
                    <a:pt x="933831" y="1022678"/>
                    <a:pt x="940491" y="1017224"/>
                  </a:cubicBezTo>
                  <a:cubicBezTo>
                    <a:pt x="938570" y="1010289"/>
                    <a:pt x="936283" y="1003456"/>
                    <a:pt x="933638" y="996762"/>
                  </a:cubicBezTo>
                  <a:cubicBezTo>
                    <a:pt x="891748" y="891700"/>
                    <a:pt x="768010" y="866846"/>
                    <a:pt x="676509" y="857725"/>
                  </a:cubicBezTo>
                  <a:cubicBezTo>
                    <a:pt x="676509" y="840834"/>
                    <a:pt x="676509" y="823943"/>
                    <a:pt x="676509" y="807052"/>
                  </a:cubicBezTo>
                  <a:lnTo>
                    <a:pt x="676509" y="781426"/>
                  </a:lnTo>
                  <a:cubicBezTo>
                    <a:pt x="734421" y="750395"/>
                    <a:pt x="769940" y="696585"/>
                    <a:pt x="789630" y="655950"/>
                  </a:cubicBezTo>
                  <a:cubicBezTo>
                    <a:pt x="817959" y="644995"/>
                    <a:pt x="827321" y="596831"/>
                    <a:pt x="830362" y="568648"/>
                  </a:cubicBezTo>
                  <a:cubicBezTo>
                    <a:pt x="831472" y="558277"/>
                    <a:pt x="832022" y="547852"/>
                    <a:pt x="832002" y="537423"/>
                  </a:cubicBezTo>
                  <a:cubicBezTo>
                    <a:pt x="836756" y="538234"/>
                    <a:pt x="841640" y="537399"/>
                    <a:pt x="845853" y="535059"/>
                  </a:cubicBezTo>
                  <a:lnTo>
                    <a:pt x="846432" y="537037"/>
                  </a:lnTo>
                  <a:lnTo>
                    <a:pt x="852175" y="529654"/>
                  </a:lnTo>
                  <a:cubicBezTo>
                    <a:pt x="860717" y="518505"/>
                    <a:pt x="863806" y="508226"/>
                    <a:pt x="861393" y="499057"/>
                  </a:cubicBezTo>
                  <a:cubicBezTo>
                    <a:pt x="859260" y="492686"/>
                    <a:pt x="855235" y="487112"/>
                    <a:pt x="849859" y="483083"/>
                  </a:cubicBezTo>
                  <a:cubicBezTo>
                    <a:pt x="845612" y="479367"/>
                    <a:pt x="843199" y="477098"/>
                    <a:pt x="843102" y="473720"/>
                  </a:cubicBezTo>
                  <a:cubicBezTo>
                    <a:pt x="843006" y="470342"/>
                    <a:pt x="844840" y="468894"/>
                    <a:pt x="847928" y="465516"/>
                  </a:cubicBezTo>
                  <a:cubicBezTo>
                    <a:pt x="851876" y="462167"/>
                    <a:pt x="854395" y="457437"/>
                    <a:pt x="854974" y="452293"/>
                  </a:cubicBezTo>
                  <a:cubicBezTo>
                    <a:pt x="855360" y="442641"/>
                    <a:pt x="846432" y="432989"/>
                    <a:pt x="826935" y="423626"/>
                  </a:cubicBezTo>
                  <a:cubicBezTo>
                    <a:pt x="829560" y="420494"/>
                    <a:pt x="831665" y="416957"/>
                    <a:pt x="833161" y="413154"/>
                  </a:cubicBezTo>
                  <a:cubicBezTo>
                    <a:pt x="836413" y="406668"/>
                    <a:pt x="837702" y="399371"/>
                    <a:pt x="836877" y="392161"/>
                  </a:cubicBezTo>
                  <a:cubicBezTo>
                    <a:pt x="835796" y="386514"/>
                    <a:pt x="832818" y="381404"/>
                    <a:pt x="828431" y="377683"/>
                  </a:cubicBezTo>
                  <a:cubicBezTo>
                    <a:pt x="825246" y="374966"/>
                    <a:pt x="822934" y="371375"/>
                    <a:pt x="821771" y="367355"/>
                  </a:cubicBezTo>
                  <a:cubicBezTo>
                    <a:pt x="821458" y="360903"/>
                    <a:pt x="821795" y="354435"/>
                    <a:pt x="822785" y="348051"/>
                  </a:cubicBezTo>
                  <a:cubicBezTo>
                    <a:pt x="823460" y="339992"/>
                    <a:pt x="823991" y="334635"/>
                    <a:pt x="824377" y="330967"/>
                  </a:cubicBezTo>
                  <a:cubicBezTo>
                    <a:pt x="825376" y="327056"/>
                    <a:pt x="825376" y="322958"/>
                    <a:pt x="824377" y="319047"/>
                  </a:cubicBezTo>
                  <a:cubicBezTo>
                    <a:pt x="822099" y="312861"/>
                    <a:pt x="817341" y="307909"/>
                    <a:pt x="811251" y="305389"/>
                  </a:cubicBezTo>
                  <a:cubicBezTo>
                    <a:pt x="807588" y="303618"/>
                    <a:pt x="804306" y="301141"/>
                    <a:pt x="801599" y="298102"/>
                  </a:cubicBezTo>
                  <a:cubicBezTo>
                    <a:pt x="799523" y="293276"/>
                    <a:pt x="797303" y="288933"/>
                    <a:pt x="795035" y="284879"/>
                  </a:cubicBezTo>
                  <a:lnTo>
                    <a:pt x="794794" y="284444"/>
                  </a:lnTo>
                  <a:cubicBezTo>
                    <a:pt x="793303" y="279402"/>
                    <a:pt x="792284" y="274232"/>
                    <a:pt x="791754" y="269001"/>
                  </a:cubicBezTo>
                  <a:cubicBezTo>
                    <a:pt x="791425" y="266197"/>
                    <a:pt x="791252" y="263378"/>
                    <a:pt x="791223" y="260556"/>
                  </a:cubicBezTo>
                  <a:cubicBezTo>
                    <a:pt x="791551" y="256567"/>
                    <a:pt x="790513" y="252583"/>
                    <a:pt x="788279" y="249263"/>
                  </a:cubicBezTo>
                  <a:cubicBezTo>
                    <a:pt x="784674" y="244880"/>
                    <a:pt x="779457" y="242133"/>
                    <a:pt x="773801" y="241638"/>
                  </a:cubicBezTo>
                  <a:cubicBezTo>
                    <a:pt x="769863" y="240921"/>
                    <a:pt x="766021" y="239739"/>
                    <a:pt x="762363" y="238115"/>
                  </a:cubicBezTo>
                  <a:cubicBezTo>
                    <a:pt x="755718" y="235749"/>
                    <a:pt x="749999" y="231318"/>
                    <a:pt x="746051" y="225471"/>
                  </a:cubicBezTo>
                  <a:cubicBezTo>
                    <a:pt x="744695" y="223037"/>
                    <a:pt x="744000" y="220293"/>
                    <a:pt x="744024" y="217508"/>
                  </a:cubicBezTo>
                  <a:cubicBezTo>
                    <a:pt x="744010" y="213472"/>
                    <a:pt x="742890" y="209517"/>
                    <a:pt x="740791" y="206070"/>
                  </a:cubicBezTo>
                  <a:cubicBezTo>
                    <a:pt x="734903" y="196418"/>
                    <a:pt x="724479" y="193330"/>
                    <a:pt x="716130" y="190868"/>
                  </a:cubicBezTo>
                  <a:cubicBezTo>
                    <a:pt x="710127" y="189044"/>
                    <a:pt x="703747" y="188861"/>
                    <a:pt x="697647" y="190337"/>
                  </a:cubicBezTo>
                  <a:cubicBezTo>
                    <a:pt x="694669" y="191330"/>
                    <a:pt x="691426" y="191157"/>
                    <a:pt x="688574" y="189855"/>
                  </a:cubicBezTo>
                  <a:cubicBezTo>
                    <a:pt x="686238" y="188722"/>
                    <a:pt x="684390" y="186786"/>
                    <a:pt x="683362" y="184401"/>
                  </a:cubicBezTo>
                  <a:cubicBezTo>
                    <a:pt x="680973" y="179947"/>
                    <a:pt x="677686" y="176036"/>
                    <a:pt x="673710" y="172916"/>
                  </a:cubicBezTo>
                  <a:cubicBezTo>
                    <a:pt x="664868" y="165871"/>
                    <a:pt x="653778" y="162270"/>
                    <a:pt x="642485" y="162781"/>
                  </a:cubicBezTo>
                  <a:cubicBezTo>
                    <a:pt x="638239" y="162941"/>
                    <a:pt x="634122" y="164296"/>
                    <a:pt x="630613" y="166690"/>
                  </a:cubicBezTo>
                  <a:cubicBezTo>
                    <a:pt x="629108" y="167887"/>
                    <a:pt x="627226" y="168504"/>
                    <a:pt x="625305" y="168427"/>
                  </a:cubicBezTo>
                  <a:cubicBezTo>
                    <a:pt x="621796" y="168114"/>
                    <a:pt x="618505" y="166596"/>
                    <a:pt x="615991" y="164132"/>
                  </a:cubicBezTo>
                  <a:cubicBezTo>
                    <a:pt x="610692" y="160290"/>
                    <a:pt x="604978" y="157053"/>
                    <a:pt x="598955" y="154480"/>
                  </a:cubicBezTo>
                  <a:cubicBezTo>
                    <a:pt x="591040" y="151006"/>
                    <a:pt x="585780" y="148689"/>
                    <a:pt x="579361" y="149654"/>
                  </a:cubicBezTo>
                  <a:cubicBezTo>
                    <a:pt x="574535" y="150523"/>
                    <a:pt x="569709" y="153998"/>
                    <a:pt x="560057" y="160899"/>
                  </a:cubicBezTo>
                  <a:cubicBezTo>
                    <a:pt x="557210" y="162878"/>
                    <a:pt x="555231" y="164229"/>
                    <a:pt x="554121" y="165194"/>
                  </a:cubicBezTo>
                  <a:cubicBezTo>
                    <a:pt x="553113" y="166073"/>
                    <a:pt x="551974" y="166789"/>
                    <a:pt x="550743" y="167317"/>
                  </a:cubicBezTo>
                  <a:cubicBezTo>
                    <a:pt x="545430" y="169193"/>
                    <a:pt x="539663" y="169379"/>
                    <a:pt x="534238" y="167848"/>
                  </a:cubicBezTo>
                  <a:cubicBezTo>
                    <a:pt x="530469" y="166995"/>
                    <a:pt x="526883" y="165458"/>
                    <a:pt x="523669" y="163312"/>
                  </a:cubicBezTo>
                  <a:cubicBezTo>
                    <a:pt x="519910" y="160517"/>
                    <a:pt x="515253" y="159210"/>
                    <a:pt x="510591" y="159644"/>
                  </a:cubicBezTo>
                  <a:cubicBezTo>
                    <a:pt x="504887" y="160579"/>
                    <a:pt x="499636" y="163339"/>
                    <a:pt x="495630" y="167510"/>
                  </a:cubicBezTo>
                  <a:cubicBezTo>
                    <a:pt x="492551" y="170479"/>
                    <a:pt x="490220" y="174134"/>
                    <a:pt x="488826" y="178176"/>
                  </a:cubicBezTo>
                  <a:cubicBezTo>
                    <a:pt x="487822" y="181040"/>
                    <a:pt x="486171" y="183633"/>
                    <a:pt x="484000" y="185753"/>
                  </a:cubicBezTo>
                  <a:cubicBezTo>
                    <a:pt x="481147" y="188643"/>
                    <a:pt x="477562" y="190696"/>
                    <a:pt x="473624" y="191689"/>
                  </a:cubicBezTo>
                  <a:cubicBezTo>
                    <a:pt x="471341" y="192265"/>
                    <a:pt x="468957" y="192265"/>
                    <a:pt x="466674" y="191689"/>
                  </a:cubicBezTo>
                  <a:cubicBezTo>
                    <a:pt x="463489" y="191059"/>
                    <a:pt x="460265" y="190672"/>
                    <a:pt x="457022" y="190531"/>
                  </a:cubicBezTo>
                  <a:cubicBezTo>
                    <a:pt x="448142" y="190144"/>
                    <a:pt x="439793" y="189807"/>
                    <a:pt x="433278" y="195067"/>
                  </a:cubicBezTo>
                  <a:cubicBezTo>
                    <a:pt x="430576" y="197239"/>
                    <a:pt x="428742" y="201534"/>
                    <a:pt x="423626" y="214805"/>
                  </a:cubicBezTo>
                  <a:lnTo>
                    <a:pt x="422227" y="218328"/>
                  </a:lnTo>
                  <a:cubicBezTo>
                    <a:pt x="421112" y="222401"/>
                    <a:pt x="419191" y="226208"/>
                    <a:pt x="416580" y="229525"/>
                  </a:cubicBezTo>
                  <a:cubicBezTo>
                    <a:pt x="413936" y="232115"/>
                    <a:pt x="410847" y="234208"/>
                    <a:pt x="407459" y="235702"/>
                  </a:cubicBezTo>
                  <a:cubicBezTo>
                    <a:pt x="405538" y="236726"/>
                    <a:pt x="403516" y="237551"/>
                    <a:pt x="401427" y="238163"/>
                  </a:cubicBezTo>
                  <a:cubicBezTo>
                    <a:pt x="399593" y="238742"/>
                    <a:pt x="397373" y="239466"/>
                    <a:pt x="393850" y="240866"/>
                  </a:cubicBezTo>
                  <a:cubicBezTo>
                    <a:pt x="385356" y="244292"/>
                    <a:pt x="380723" y="246174"/>
                    <a:pt x="377731" y="250180"/>
                  </a:cubicBezTo>
                  <a:cubicBezTo>
                    <a:pt x="374739" y="254185"/>
                    <a:pt x="374498" y="258770"/>
                    <a:pt x="373388" y="267940"/>
                  </a:cubicBezTo>
                  <a:cubicBezTo>
                    <a:pt x="372905" y="271945"/>
                    <a:pt x="372664" y="274696"/>
                    <a:pt x="372519" y="276819"/>
                  </a:cubicBezTo>
                  <a:cubicBezTo>
                    <a:pt x="372519" y="277881"/>
                    <a:pt x="372519" y="278750"/>
                    <a:pt x="372519" y="279570"/>
                  </a:cubicBezTo>
                  <a:cubicBezTo>
                    <a:pt x="369353" y="284893"/>
                    <a:pt x="366515" y="290405"/>
                    <a:pt x="364025" y="296075"/>
                  </a:cubicBezTo>
                  <a:cubicBezTo>
                    <a:pt x="362119" y="297952"/>
                    <a:pt x="359976" y="299574"/>
                    <a:pt x="357655" y="300901"/>
                  </a:cubicBezTo>
                  <a:cubicBezTo>
                    <a:pt x="353910" y="303028"/>
                    <a:pt x="350628" y="305883"/>
                    <a:pt x="348003" y="309298"/>
                  </a:cubicBezTo>
                  <a:cubicBezTo>
                    <a:pt x="344470" y="314134"/>
                    <a:pt x="342197" y="319773"/>
                    <a:pt x="341391" y="325707"/>
                  </a:cubicBezTo>
                  <a:cubicBezTo>
                    <a:pt x="340518" y="331136"/>
                    <a:pt x="341034" y="336697"/>
                    <a:pt x="342887" y="341874"/>
                  </a:cubicBezTo>
                  <a:cubicBezTo>
                    <a:pt x="344214" y="346383"/>
                    <a:pt x="344837" y="351073"/>
                    <a:pt x="344721" y="355773"/>
                  </a:cubicBezTo>
                  <a:cubicBezTo>
                    <a:pt x="345339" y="361126"/>
                    <a:pt x="344383" y="366543"/>
                    <a:pt x="341970" y="371361"/>
                  </a:cubicBezTo>
                  <a:cubicBezTo>
                    <a:pt x="340812" y="373253"/>
                    <a:pt x="339287" y="374898"/>
                    <a:pt x="337482" y="376187"/>
                  </a:cubicBezTo>
                  <a:cubicBezTo>
                    <a:pt x="334423" y="378349"/>
                    <a:pt x="331961" y="381254"/>
                    <a:pt x="330340" y="384632"/>
                  </a:cubicBezTo>
                  <a:cubicBezTo>
                    <a:pt x="327666" y="390699"/>
                    <a:pt x="326990" y="397460"/>
                    <a:pt x="328409" y="403936"/>
                  </a:cubicBezTo>
                  <a:cubicBezTo>
                    <a:pt x="328935" y="406692"/>
                    <a:pt x="329809" y="409366"/>
                    <a:pt x="331015" y="411899"/>
                  </a:cubicBezTo>
                  <a:cubicBezTo>
                    <a:pt x="315041" y="420731"/>
                    <a:pt x="307464" y="429562"/>
                    <a:pt x="307851" y="438683"/>
                  </a:cubicBezTo>
                  <a:cubicBezTo>
                    <a:pt x="308415" y="443881"/>
                    <a:pt x="310891" y="448678"/>
                    <a:pt x="314800" y="452148"/>
                  </a:cubicBezTo>
                  <a:cubicBezTo>
                    <a:pt x="317276" y="454127"/>
                    <a:pt x="318984" y="456911"/>
                    <a:pt x="319626" y="460014"/>
                  </a:cubicBezTo>
                  <a:lnTo>
                    <a:pt x="317696" y="465661"/>
                  </a:lnTo>
                  <a:cubicBezTo>
                    <a:pt x="316209" y="467388"/>
                    <a:pt x="314597" y="469000"/>
                    <a:pt x="312870" y="470487"/>
                  </a:cubicBezTo>
                  <a:cubicBezTo>
                    <a:pt x="307450" y="474608"/>
                    <a:pt x="303440" y="480308"/>
                    <a:pt x="301384" y="486799"/>
                  </a:cubicBezTo>
                  <a:cubicBezTo>
                    <a:pt x="299260" y="494906"/>
                    <a:pt x="301384" y="504172"/>
                    <a:pt x="308140" y="514307"/>
                  </a:cubicBezTo>
                  <a:cubicBezTo>
                    <a:pt x="309448" y="517410"/>
                    <a:pt x="311567" y="520113"/>
                    <a:pt x="314269" y="522125"/>
                  </a:cubicBezTo>
                  <a:cubicBezTo>
                    <a:pt x="319414" y="525904"/>
                    <a:pt x="325900" y="527376"/>
                    <a:pt x="332174" y="526179"/>
                  </a:cubicBezTo>
                  <a:cubicBezTo>
                    <a:pt x="331392" y="540353"/>
                    <a:pt x="331681" y="554565"/>
                    <a:pt x="333042" y="568696"/>
                  </a:cubicBezTo>
                  <a:cubicBezTo>
                    <a:pt x="335938" y="597025"/>
                    <a:pt x="345300" y="645429"/>
                    <a:pt x="375801" y="656191"/>
                  </a:cubicBezTo>
                  <a:cubicBezTo>
                    <a:pt x="403695" y="714103"/>
                    <a:pt x="442592" y="757248"/>
                    <a:pt x="488439" y="781667"/>
                  </a:cubicBezTo>
                  <a:lnTo>
                    <a:pt x="488439" y="809417"/>
                  </a:lnTo>
                  <a:cubicBezTo>
                    <a:pt x="488439" y="825502"/>
                    <a:pt x="488439" y="841592"/>
                    <a:pt x="488439" y="857677"/>
                  </a:cubicBezTo>
                  <a:cubicBezTo>
                    <a:pt x="396745" y="866798"/>
                    <a:pt x="273248" y="891459"/>
                    <a:pt x="231358" y="996714"/>
                  </a:cubicBezTo>
                  <a:cubicBezTo>
                    <a:pt x="228706" y="1003393"/>
                    <a:pt x="226402" y="1010207"/>
                    <a:pt x="224457" y="1017128"/>
                  </a:cubicBezTo>
                  <a:cubicBezTo>
                    <a:pt x="94523" y="910256"/>
                    <a:pt x="19255" y="750834"/>
                    <a:pt x="19304" y="582595"/>
                  </a:cubicBezTo>
                  <a:lnTo>
                    <a:pt x="0" y="582595"/>
                  </a:lnTo>
                  <a:cubicBezTo>
                    <a:pt x="0" y="904354"/>
                    <a:pt x="260837" y="1165190"/>
                    <a:pt x="582595" y="1165190"/>
                  </a:cubicBezTo>
                  <a:cubicBezTo>
                    <a:pt x="904354" y="1165190"/>
                    <a:pt x="1165190" y="904354"/>
                    <a:pt x="1165190" y="582595"/>
                  </a:cubicBezTo>
                  <a:cubicBezTo>
                    <a:pt x="1165190" y="260837"/>
                    <a:pt x="904354" y="0"/>
                    <a:pt x="582595" y="0"/>
                  </a:cubicBezTo>
                  <a:cubicBezTo>
                    <a:pt x="582580" y="0"/>
                    <a:pt x="582561" y="0"/>
                    <a:pt x="582546" y="0"/>
                  </a:cubicBezTo>
                  <a:close/>
                  <a:moveTo>
                    <a:pt x="441917" y="711401"/>
                  </a:moveTo>
                  <a:lnTo>
                    <a:pt x="438297" y="714586"/>
                  </a:lnTo>
                  <a:lnTo>
                    <a:pt x="441917" y="711352"/>
                  </a:lnTo>
                  <a:cubicBezTo>
                    <a:pt x="423834" y="691151"/>
                    <a:pt x="409163" y="668131"/>
                    <a:pt x="398483" y="643209"/>
                  </a:cubicBezTo>
                  <a:lnTo>
                    <a:pt x="397566" y="641086"/>
                  </a:lnTo>
                  <a:lnTo>
                    <a:pt x="395394" y="640459"/>
                  </a:lnTo>
                  <a:cubicBezTo>
                    <a:pt x="369044" y="632785"/>
                    <a:pt x="361854" y="581002"/>
                    <a:pt x="360261" y="565269"/>
                  </a:cubicBezTo>
                  <a:cubicBezTo>
                    <a:pt x="360020" y="562905"/>
                    <a:pt x="359537" y="557403"/>
                    <a:pt x="359296" y="550116"/>
                  </a:cubicBezTo>
                  <a:cubicBezTo>
                    <a:pt x="364995" y="549431"/>
                    <a:pt x="370608" y="548152"/>
                    <a:pt x="376042" y="546303"/>
                  </a:cubicBezTo>
                  <a:cubicBezTo>
                    <a:pt x="381857" y="544725"/>
                    <a:pt x="387528" y="542640"/>
                    <a:pt x="392981" y="540078"/>
                  </a:cubicBezTo>
                  <a:cubicBezTo>
                    <a:pt x="394299" y="539325"/>
                    <a:pt x="395766" y="538866"/>
                    <a:pt x="397276" y="538726"/>
                  </a:cubicBezTo>
                  <a:cubicBezTo>
                    <a:pt x="399834" y="538726"/>
                    <a:pt x="400462" y="539450"/>
                    <a:pt x="402392" y="544711"/>
                  </a:cubicBezTo>
                  <a:cubicBezTo>
                    <a:pt x="403883" y="551998"/>
                    <a:pt x="409583" y="557697"/>
                    <a:pt x="416870" y="559189"/>
                  </a:cubicBezTo>
                  <a:cubicBezTo>
                    <a:pt x="424572" y="560332"/>
                    <a:pt x="432429" y="558778"/>
                    <a:pt x="439118" y="554797"/>
                  </a:cubicBezTo>
                  <a:cubicBezTo>
                    <a:pt x="443852" y="552075"/>
                    <a:pt x="448191" y="548716"/>
                    <a:pt x="452003" y="544807"/>
                  </a:cubicBezTo>
                  <a:cubicBezTo>
                    <a:pt x="455685" y="541111"/>
                    <a:pt x="459802" y="537867"/>
                    <a:pt x="464261" y="535155"/>
                  </a:cubicBezTo>
                  <a:cubicBezTo>
                    <a:pt x="469304" y="532361"/>
                    <a:pt x="474763" y="530392"/>
                    <a:pt x="480428" y="529316"/>
                  </a:cubicBezTo>
                  <a:cubicBezTo>
                    <a:pt x="487754" y="527260"/>
                    <a:pt x="495278" y="526000"/>
                    <a:pt x="502869" y="525551"/>
                  </a:cubicBezTo>
                  <a:cubicBezTo>
                    <a:pt x="507203" y="525465"/>
                    <a:pt x="511488" y="524601"/>
                    <a:pt x="515513" y="522994"/>
                  </a:cubicBezTo>
                  <a:cubicBezTo>
                    <a:pt x="528351" y="517685"/>
                    <a:pt x="542346" y="502821"/>
                    <a:pt x="558320" y="477581"/>
                  </a:cubicBezTo>
                  <a:lnTo>
                    <a:pt x="561795" y="466481"/>
                  </a:lnTo>
                  <a:lnTo>
                    <a:pt x="567345" y="449542"/>
                  </a:lnTo>
                  <a:lnTo>
                    <a:pt x="596783" y="449542"/>
                  </a:lnTo>
                  <a:lnTo>
                    <a:pt x="603347" y="467446"/>
                  </a:lnTo>
                  <a:lnTo>
                    <a:pt x="606725" y="477436"/>
                  </a:lnTo>
                  <a:lnTo>
                    <a:pt x="607256" y="478546"/>
                  </a:lnTo>
                  <a:cubicBezTo>
                    <a:pt x="624002" y="504172"/>
                    <a:pt x="638335" y="519471"/>
                    <a:pt x="651076" y="525262"/>
                  </a:cubicBezTo>
                  <a:cubicBezTo>
                    <a:pt x="655019" y="526999"/>
                    <a:pt x="659232" y="528047"/>
                    <a:pt x="663527" y="528351"/>
                  </a:cubicBezTo>
                  <a:cubicBezTo>
                    <a:pt x="671036" y="529234"/>
                    <a:pt x="678439" y="530850"/>
                    <a:pt x="685630" y="533177"/>
                  </a:cubicBezTo>
                  <a:cubicBezTo>
                    <a:pt x="691310" y="534566"/>
                    <a:pt x="696768" y="536743"/>
                    <a:pt x="701845" y="539643"/>
                  </a:cubicBezTo>
                  <a:cubicBezTo>
                    <a:pt x="706367" y="542636"/>
                    <a:pt x="710571" y="546076"/>
                    <a:pt x="714393" y="549923"/>
                  </a:cubicBezTo>
                  <a:cubicBezTo>
                    <a:pt x="718249" y="553928"/>
                    <a:pt x="722597" y="557427"/>
                    <a:pt x="727326" y="560347"/>
                  </a:cubicBezTo>
                  <a:cubicBezTo>
                    <a:pt x="733842" y="564536"/>
                    <a:pt x="741568" y="566437"/>
                    <a:pt x="749285" y="565752"/>
                  </a:cubicBezTo>
                  <a:cubicBezTo>
                    <a:pt x="759323" y="564401"/>
                    <a:pt x="761784" y="556776"/>
                    <a:pt x="763377" y="551708"/>
                  </a:cubicBezTo>
                  <a:cubicBezTo>
                    <a:pt x="764969" y="546641"/>
                    <a:pt x="765500" y="546400"/>
                    <a:pt x="767527" y="546496"/>
                  </a:cubicBezTo>
                  <a:cubicBezTo>
                    <a:pt x="769071" y="546656"/>
                    <a:pt x="770548" y="547201"/>
                    <a:pt x="771822" y="548089"/>
                  </a:cubicBezTo>
                  <a:cubicBezTo>
                    <a:pt x="777242" y="550835"/>
                    <a:pt x="782874" y="553142"/>
                    <a:pt x="788665" y="554990"/>
                  </a:cubicBezTo>
                  <a:cubicBezTo>
                    <a:pt x="794065" y="557114"/>
                    <a:pt x="799683" y="558653"/>
                    <a:pt x="805411" y="559575"/>
                  </a:cubicBezTo>
                  <a:cubicBezTo>
                    <a:pt x="805170" y="562084"/>
                    <a:pt x="804977" y="564063"/>
                    <a:pt x="804832" y="565318"/>
                  </a:cubicBezTo>
                  <a:cubicBezTo>
                    <a:pt x="803143" y="581002"/>
                    <a:pt x="795759" y="632882"/>
                    <a:pt x="771436" y="640459"/>
                  </a:cubicBezTo>
                  <a:lnTo>
                    <a:pt x="769120" y="641182"/>
                  </a:lnTo>
                  <a:lnTo>
                    <a:pt x="768347" y="643499"/>
                  </a:lnTo>
                  <a:cubicBezTo>
                    <a:pt x="761736" y="662562"/>
                    <a:pt x="734565" y="727423"/>
                    <a:pt x="664299" y="759999"/>
                  </a:cubicBezTo>
                  <a:cubicBezTo>
                    <a:pt x="660824" y="761591"/>
                    <a:pt x="578348" y="798848"/>
                    <a:pt x="502338" y="760240"/>
                  </a:cubicBezTo>
                  <a:cubicBezTo>
                    <a:pt x="479318" y="747885"/>
                    <a:pt x="458822" y="731318"/>
                    <a:pt x="441917" y="711401"/>
                  </a:cubicBezTo>
                  <a:close/>
                  <a:moveTo>
                    <a:pt x="505620" y="878573"/>
                  </a:moveTo>
                  <a:lnTo>
                    <a:pt x="510060" y="878187"/>
                  </a:lnTo>
                  <a:lnTo>
                    <a:pt x="510060" y="873699"/>
                  </a:lnTo>
                  <a:cubicBezTo>
                    <a:pt x="510060" y="867618"/>
                    <a:pt x="510060" y="842041"/>
                    <a:pt x="510060" y="816463"/>
                  </a:cubicBezTo>
                  <a:lnTo>
                    <a:pt x="510060" y="791947"/>
                  </a:lnTo>
                  <a:cubicBezTo>
                    <a:pt x="556095" y="809658"/>
                    <a:pt x="607067" y="809658"/>
                    <a:pt x="653103" y="791947"/>
                  </a:cubicBezTo>
                  <a:lnTo>
                    <a:pt x="653103" y="811926"/>
                  </a:lnTo>
                  <a:cubicBezTo>
                    <a:pt x="653103" y="838952"/>
                    <a:pt x="653103" y="867281"/>
                    <a:pt x="653103" y="873699"/>
                  </a:cubicBezTo>
                  <a:lnTo>
                    <a:pt x="653103" y="878187"/>
                  </a:lnTo>
                  <a:lnTo>
                    <a:pt x="657543" y="878573"/>
                  </a:lnTo>
                  <a:cubicBezTo>
                    <a:pt x="682223" y="880557"/>
                    <a:pt x="706782" y="883776"/>
                    <a:pt x="731139" y="888225"/>
                  </a:cubicBezTo>
                  <a:cubicBezTo>
                    <a:pt x="688670" y="932335"/>
                    <a:pt x="636067" y="956513"/>
                    <a:pt x="582112" y="956513"/>
                  </a:cubicBezTo>
                  <a:cubicBezTo>
                    <a:pt x="528157" y="956513"/>
                    <a:pt x="475458" y="932383"/>
                    <a:pt x="432940" y="888081"/>
                  </a:cubicBezTo>
                  <a:cubicBezTo>
                    <a:pt x="454851" y="883978"/>
                    <a:pt x="479318" y="880793"/>
                    <a:pt x="505620" y="878573"/>
                  </a:cubicBezTo>
                  <a:close/>
                  <a:moveTo>
                    <a:pt x="224602" y="1017176"/>
                  </a:moveTo>
                  <a:cubicBezTo>
                    <a:pt x="230683" y="1022195"/>
                    <a:pt x="236860" y="1027021"/>
                    <a:pt x="243134" y="1031654"/>
                  </a:cubicBezTo>
                  <a:cubicBezTo>
                    <a:pt x="258046" y="970026"/>
                    <a:pt x="298440" y="919112"/>
                    <a:pt x="407701" y="893196"/>
                  </a:cubicBezTo>
                  <a:cubicBezTo>
                    <a:pt x="455961" y="948261"/>
                    <a:pt x="517733" y="978520"/>
                    <a:pt x="581919" y="978520"/>
                  </a:cubicBezTo>
                  <a:cubicBezTo>
                    <a:pt x="646105" y="978520"/>
                    <a:pt x="707733" y="948309"/>
                    <a:pt x="755993" y="893389"/>
                  </a:cubicBezTo>
                  <a:cubicBezTo>
                    <a:pt x="865543" y="919546"/>
                    <a:pt x="905599" y="970943"/>
                    <a:pt x="920077" y="1033102"/>
                  </a:cubicBezTo>
                  <a:cubicBezTo>
                    <a:pt x="712371" y="1189088"/>
                    <a:pt x="424838" y="1182443"/>
                    <a:pt x="224554" y="1017031"/>
                  </a:cubicBezTo>
                  <a:close/>
                </a:path>
              </a:pathLst>
            </a:custGeom>
            <a:solidFill>
              <a:schemeClr val="accent2"/>
            </a:solidFill>
            <a:ln w="4796" cap="flat">
              <a:noFill/>
              <a:prstDash val="solid"/>
              <a:miter/>
            </a:ln>
          </p:spPr>
          <p:txBody>
            <a:bodyPr rtlCol="0" anchor="ctr"/>
            <a:lstStyle/>
            <a:p>
              <a:endParaRPr lang="en-US"/>
            </a:p>
          </p:txBody>
        </p:sp>
      </p:grpSp>
      <p:grpSp>
        <p:nvGrpSpPr>
          <p:cNvPr id="56" name="Group 55">
            <a:extLst>
              <a:ext uri="{FF2B5EF4-FFF2-40B4-BE49-F238E27FC236}">
                <a16:creationId xmlns:a16="http://schemas.microsoft.com/office/drawing/2014/main" id="{94FF63C5-18D1-164B-9AB1-17830110396C}"/>
              </a:ext>
            </a:extLst>
          </p:cNvPr>
          <p:cNvGrpSpPr/>
          <p:nvPr/>
        </p:nvGrpSpPr>
        <p:grpSpPr>
          <a:xfrm>
            <a:off x="5124061" y="3573456"/>
            <a:ext cx="1295543" cy="1185916"/>
            <a:chOff x="5124061" y="3573456"/>
            <a:chExt cx="1295543" cy="1185916"/>
          </a:xfrm>
        </p:grpSpPr>
        <p:sp>
          <p:nvSpPr>
            <p:cNvPr id="11" name="Oval 10">
              <a:extLst>
                <a:ext uri="{FF2B5EF4-FFF2-40B4-BE49-F238E27FC236}">
                  <a16:creationId xmlns:a16="http://schemas.microsoft.com/office/drawing/2014/main" id="{FB4B89AE-2D45-6E42-B20D-48D7A971342C}"/>
                </a:ext>
              </a:extLst>
            </p:cNvPr>
            <p:cNvSpPr/>
            <p:nvPr/>
          </p:nvSpPr>
          <p:spPr>
            <a:xfrm>
              <a:off x="5233687" y="3573456"/>
              <a:ext cx="1185917" cy="1185916"/>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a:latin typeface="+mj-lt"/>
              </a:endParaRPr>
            </a:p>
          </p:txBody>
        </p:sp>
        <p:sp>
          <p:nvSpPr>
            <p:cNvPr id="2" name="Graphic 26">
              <a:extLst>
                <a:ext uri="{FF2B5EF4-FFF2-40B4-BE49-F238E27FC236}">
                  <a16:creationId xmlns:a16="http://schemas.microsoft.com/office/drawing/2014/main" id="{63DF9A0A-AECE-E549-BD01-53237A701899}"/>
                </a:ext>
              </a:extLst>
            </p:cNvPr>
            <p:cNvSpPr/>
            <p:nvPr/>
          </p:nvSpPr>
          <p:spPr>
            <a:xfrm>
              <a:off x="5124061" y="3786456"/>
              <a:ext cx="251868" cy="356140"/>
            </a:xfrm>
            <a:custGeom>
              <a:avLst/>
              <a:gdLst>
                <a:gd name="connsiteX0" fmla="*/ 31079 w 251868"/>
                <a:gd name="connsiteY0" fmla="*/ 264007 h 356140"/>
                <a:gd name="connsiteX1" fmla="*/ 44641 w 251868"/>
                <a:gd name="connsiteY1" fmla="*/ 222890 h 356140"/>
                <a:gd name="connsiteX2" fmla="*/ 96423 w 251868"/>
                <a:gd name="connsiteY2" fmla="*/ 258409 h 356140"/>
                <a:gd name="connsiteX3" fmla="*/ 96423 w 251868"/>
                <a:gd name="connsiteY3" fmla="*/ 119276 h 356140"/>
                <a:gd name="connsiteX4" fmla="*/ 127226 w 251868"/>
                <a:gd name="connsiteY4" fmla="*/ 90863 h 356140"/>
                <a:gd name="connsiteX5" fmla="*/ 155639 w 251868"/>
                <a:gd name="connsiteY5" fmla="*/ 119276 h 356140"/>
                <a:gd name="connsiteX6" fmla="*/ 155639 w 251868"/>
                <a:gd name="connsiteY6" fmla="*/ 202814 h 356140"/>
                <a:gd name="connsiteX7" fmla="*/ 216012 w 251868"/>
                <a:gd name="connsiteY7" fmla="*/ 223276 h 356140"/>
                <a:gd name="connsiteX8" fmla="*/ 236860 w 251868"/>
                <a:gd name="connsiteY8" fmla="*/ 268978 h 356140"/>
                <a:gd name="connsiteX9" fmla="*/ 222382 w 251868"/>
                <a:gd name="connsiteY9" fmla="*/ 350055 h 356140"/>
                <a:gd name="connsiteX10" fmla="*/ 214805 w 251868"/>
                <a:gd name="connsiteY10" fmla="*/ 356136 h 356140"/>
                <a:gd name="connsiteX11" fmla="*/ 96423 w 251868"/>
                <a:gd name="connsiteY11" fmla="*/ 356136 h 356140"/>
                <a:gd name="connsiteX12" fmla="*/ 90246 w 251868"/>
                <a:gd name="connsiteY12" fmla="*/ 352806 h 356140"/>
                <a:gd name="connsiteX13" fmla="*/ 251869 w 251868"/>
                <a:gd name="connsiteY13" fmla="*/ 104460 h 356140"/>
                <a:gd name="connsiteX14" fmla="*/ 237053 w 251868"/>
                <a:gd name="connsiteY14" fmla="*/ 89692 h 356140"/>
                <a:gd name="connsiteX15" fmla="*/ 192654 w 251868"/>
                <a:gd name="connsiteY15" fmla="*/ 89692 h 356140"/>
                <a:gd name="connsiteX16" fmla="*/ 177017 w 251868"/>
                <a:gd name="connsiteY16" fmla="*/ 103639 h 356140"/>
                <a:gd name="connsiteX17" fmla="*/ 190963 w 251868"/>
                <a:gd name="connsiteY17" fmla="*/ 119276 h 356140"/>
                <a:gd name="connsiteX18" fmla="*/ 192654 w 251868"/>
                <a:gd name="connsiteY18" fmla="*/ 119276 h 356140"/>
                <a:gd name="connsiteX19" fmla="*/ 237053 w 251868"/>
                <a:gd name="connsiteY19" fmla="*/ 119276 h 356140"/>
                <a:gd name="connsiteX20" fmla="*/ 251869 w 251868"/>
                <a:gd name="connsiteY20" fmla="*/ 104460 h 356140"/>
                <a:gd name="connsiteX21" fmla="*/ 188311 w 251868"/>
                <a:gd name="connsiteY21" fmla="*/ 77917 h 356140"/>
                <a:gd name="connsiteX22" fmla="*/ 217894 w 251868"/>
                <a:gd name="connsiteY22" fmla="*/ 48333 h 356140"/>
                <a:gd name="connsiteX23" fmla="*/ 216760 w 251868"/>
                <a:gd name="connsiteY23" fmla="*/ 27411 h 356140"/>
                <a:gd name="connsiteX24" fmla="*/ 196997 w 251868"/>
                <a:gd name="connsiteY24" fmla="*/ 27388 h 356140"/>
                <a:gd name="connsiteX25" fmla="*/ 167366 w 251868"/>
                <a:gd name="connsiteY25" fmla="*/ 57020 h 356140"/>
                <a:gd name="connsiteX26" fmla="*/ 168548 w 251868"/>
                <a:gd name="connsiteY26" fmla="*/ 77939 h 356140"/>
                <a:gd name="connsiteX27" fmla="*/ 188311 w 251868"/>
                <a:gd name="connsiteY27" fmla="*/ 77917 h 356140"/>
                <a:gd name="connsiteX28" fmla="*/ 140823 w 251868"/>
                <a:gd name="connsiteY28" fmla="*/ 60060 h 356140"/>
                <a:gd name="connsiteX29" fmla="*/ 140823 w 251868"/>
                <a:gd name="connsiteY29" fmla="*/ 15661 h 356140"/>
                <a:gd name="connsiteX30" fmla="*/ 126876 w 251868"/>
                <a:gd name="connsiteY30" fmla="*/ 25 h 356140"/>
                <a:gd name="connsiteX31" fmla="*/ 111239 w 251868"/>
                <a:gd name="connsiteY31" fmla="*/ 13971 h 356140"/>
                <a:gd name="connsiteX32" fmla="*/ 111239 w 251868"/>
                <a:gd name="connsiteY32" fmla="*/ 15661 h 356140"/>
                <a:gd name="connsiteX33" fmla="*/ 111239 w 251868"/>
                <a:gd name="connsiteY33" fmla="*/ 60060 h 356140"/>
                <a:gd name="connsiteX34" fmla="*/ 125186 w 251868"/>
                <a:gd name="connsiteY34" fmla="*/ 75697 h 356140"/>
                <a:gd name="connsiteX35" fmla="*/ 140823 w 251868"/>
                <a:gd name="connsiteY35" fmla="*/ 61751 h 356140"/>
                <a:gd name="connsiteX36" fmla="*/ 140823 w 251868"/>
                <a:gd name="connsiteY36" fmla="*/ 60060 h 356140"/>
                <a:gd name="connsiteX37" fmla="*/ 84503 w 251868"/>
                <a:gd name="connsiteY37" fmla="*/ 77917 h 356140"/>
                <a:gd name="connsiteX38" fmla="*/ 84584 w 251868"/>
                <a:gd name="connsiteY38" fmla="*/ 57101 h 356140"/>
                <a:gd name="connsiteX39" fmla="*/ 84503 w 251868"/>
                <a:gd name="connsiteY39" fmla="*/ 57020 h 356140"/>
                <a:gd name="connsiteX40" fmla="*/ 55065 w 251868"/>
                <a:gd name="connsiteY40" fmla="*/ 27388 h 356140"/>
                <a:gd name="connsiteX41" fmla="*/ 34145 w 251868"/>
                <a:gd name="connsiteY41" fmla="*/ 28570 h 356140"/>
                <a:gd name="connsiteX42" fmla="*/ 34168 w 251868"/>
                <a:gd name="connsiteY42" fmla="*/ 48333 h 356140"/>
                <a:gd name="connsiteX43" fmla="*/ 63751 w 251868"/>
                <a:gd name="connsiteY43" fmla="*/ 77917 h 356140"/>
                <a:gd name="connsiteX44" fmla="*/ 84503 w 251868"/>
                <a:gd name="connsiteY44" fmla="*/ 77917 h 356140"/>
                <a:gd name="connsiteX45" fmla="*/ 0 w 251868"/>
                <a:gd name="connsiteY45" fmla="*/ 104460 h 356140"/>
                <a:gd name="connsiteX46" fmla="*/ 14816 w 251868"/>
                <a:gd name="connsiteY46" fmla="*/ 119276 h 356140"/>
                <a:gd name="connsiteX47" fmla="*/ 59215 w 251868"/>
                <a:gd name="connsiteY47" fmla="*/ 119276 h 356140"/>
                <a:gd name="connsiteX48" fmla="*/ 74852 w 251868"/>
                <a:gd name="connsiteY48" fmla="*/ 105329 h 356140"/>
                <a:gd name="connsiteX49" fmla="*/ 60906 w 251868"/>
                <a:gd name="connsiteY49" fmla="*/ 89692 h 356140"/>
                <a:gd name="connsiteX50" fmla="*/ 59215 w 251868"/>
                <a:gd name="connsiteY50" fmla="*/ 89692 h 356140"/>
                <a:gd name="connsiteX51" fmla="*/ 15009 w 251868"/>
                <a:gd name="connsiteY51" fmla="*/ 89692 h 356140"/>
                <a:gd name="connsiteX52" fmla="*/ 193 w 251868"/>
                <a:gd name="connsiteY52" fmla="*/ 104460 h 356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251868" h="356140">
                  <a:moveTo>
                    <a:pt x="31079" y="264007"/>
                  </a:moveTo>
                  <a:cubicBezTo>
                    <a:pt x="20366" y="247695"/>
                    <a:pt x="24033" y="222890"/>
                    <a:pt x="44641" y="222890"/>
                  </a:cubicBezTo>
                  <a:cubicBezTo>
                    <a:pt x="60325" y="222890"/>
                    <a:pt x="74610" y="229212"/>
                    <a:pt x="96423" y="258409"/>
                  </a:cubicBezTo>
                  <a:lnTo>
                    <a:pt x="96423" y="119276"/>
                  </a:lnTo>
                  <a:cubicBezTo>
                    <a:pt x="97084" y="102924"/>
                    <a:pt x="110875" y="90203"/>
                    <a:pt x="127226" y="90863"/>
                  </a:cubicBezTo>
                  <a:cubicBezTo>
                    <a:pt x="142653" y="91486"/>
                    <a:pt x="155015" y="103850"/>
                    <a:pt x="155639" y="119276"/>
                  </a:cubicBezTo>
                  <a:lnTo>
                    <a:pt x="155639" y="202814"/>
                  </a:lnTo>
                  <a:lnTo>
                    <a:pt x="216012" y="223276"/>
                  </a:lnTo>
                  <a:cubicBezTo>
                    <a:pt x="235316" y="229453"/>
                    <a:pt x="241010" y="250929"/>
                    <a:pt x="236860" y="268978"/>
                  </a:cubicBezTo>
                  <a:lnTo>
                    <a:pt x="222382" y="350055"/>
                  </a:lnTo>
                  <a:cubicBezTo>
                    <a:pt x="221714" y="353679"/>
                    <a:pt x="218489" y="356271"/>
                    <a:pt x="214805" y="356136"/>
                  </a:cubicBezTo>
                  <a:lnTo>
                    <a:pt x="96423" y="356136"/>
                  </a:lnTo>
                  <a:cubicBezTo>
                    <a:pt x="93939" y="356121"/>
                    <a:pt x="91625" y="354871"/>
                    <a:pt x="90246" y="352806"/>
                  </a:cubicBezTo>
                  <a:close/>
                  <a:moveTo>
                    <a:pt x="251869" y="104460"/>
                  </a:moveTo>
                  <a:cubicBezTo>
                    <a:pt x="251842" y="96296"/>
                    <a:pt x="245217" y="89692"/>
                    <a:pt x="237053" y="89692"/>
                  </a:cubicBezTo>
                  <a:lnTo>
                    <a:pt x="192654" y="89692"/>
                  </a:lnTo>
                  <a:cubicBezTo>
                    <a:pt x="184484" y="89225"/>
                    <a:pt x="177484" y="95469"/>
                    <a:pt x="177017" y="103639"/>
                  </a:cubicBezTo>
                  <a:cubicBezTo>
                    <a:pt x="176550" y="111808"/>
                    <a:pt x="182794" y="118809"/>
                    <a:pt x="190963" y="119276"/>
                  </a:cubicBezTo>
                  <a:cubicBezTo>
                    <a:pt x="191527" y="119308"/>
                    <a:pt x="192091" y="119308"/>
                    <a:pt x="192654" y="119276"/>
                  </a:cubicBezTo>
                  <a:lnTo>
                    <a:pt x="237053" y="119276"/>
                  </a:lnTo>
                  <a:cubicBezTo>
                    <a:pt x="245236" y="119276"/>
                    <a:pt x="251869" y="112642"/>
                    <a:pt x="251869" y="104460"/>
                  </a:cubicBezTo>
                  <a:close/>
                  <a:moveTo>
                    <a:pt x="188311" y="77917"/>
                  </a:moveTo>
                  <a:lnTo>
                    <a:pt x="217894" y="48333"/>
                  </a:lnTo>
                  <a:cubicBezTo>
                    <a:pt x="223358" y="42243"/>
                    <a:pt x="222851" y="32876"/>
                    <a:pt x="216760" y="27411"/>
                  </a:cubicBezTo>
                  <a:cubicBezTo>
                    <a:pt x="211141" y="22369"/>
                    <a:pt x="202629" y="22360"/>
                    <a:pt x="196997" y="27388"/>
                  </a:cubicBezTo>
                  <a:lnTo>
                    <a:pt x="167366" y="57020"/>
                  </a:lnTo>
                  <a:cubicBezTo>
                    <a:pt x="161915" y="63123"/>
                    <a:pt x="162445" y="72489"/>
                    <a:pt x="168548" y="77939"/>
                  </a:cubicBezTo>
                  <a:cubicBezTo>
                    <a:pt x="174179" y="82969"/>
                    <a:pt x="182691" y="82958"/>
                    <a:pt x="188311" y="77917"/>
                  </a:cubicBezTo>
                  <a:close/>
                  <a:moveTo>
                    <a:pt x="140823" y="60060"/>
                  </a:moveTo>
                  <a:lnTo>
                    <a:pt x="140823" y="15661"/>
                  </a:lnTo>
                  <a:cubicBezTo>
                    <a:pt x="141289" y="7492"/>
                    <a:pt x="135045" y="491"/>
                    <a:pt x="126876" y="25"/>
                  </a:cubicBezTo>
                  <a:cubicBezTo>
                    <a:pt x="118707" y="-443"/>
                    <a:pt x="111706" y="5802"/>
                    <a:pt x="111239" y="13971"/>
                  </a:cubicBezTo>
                  <a:cubicBezTo>
                    <a:pt x="111207" y="14534"/>
                    <a:pt x="111207" y="15098"/>
                    <a:pt x="111239" y="15661"/>
                  </a:cubicBezTo>
                  <a:lnTo>
                    <a:pt x="111239" y="60060"/>
                  </a:lnTo>
                  <a:cubicBezTo>
                    <a:pt x="110773" y="68229"/>
                    <a:pt x="117017" y="75231"/>
                    <a:pt x="125186" y="75697"/>
                  </a:cubicBezTo>
                  <a:cubicBezTo>
                    <a:pt x="133355" y="76164"/>
                    <a:pt x="140356" y="69920"/>
                    <a:pt x="140823" y="61751"/>
                  </a:cubicBezTo>
                  <a:cubicBezTo>
                    <a:pt x="140855" y="61188"/>
                    <a:pt x="140855" y="60624"/>
                    <a:pt x="140823" y="60060"/>
                  </a:cubicBezTo>
                  <a:close/>
                  <a:moveTo>
                    <a:pt x="84503" y="77917"/>
                  </a:moveTo>
                  <a:cubicBezTo>
                    <a:pt x="90274" y="72191"/>
                    <a:pt x="90310" y="62871"/>
                    <a:pt x="84584" y="57101"/>
                  </a:cubicBezTo>
                  <a:cubicBezTo>
                    <a:pt x="84557" y="57074"/>
                    <a:pt x="84530" y="57047"/>
                    <a:pt x="84503" y="57020"/>
                  </a:cubicBezTo>
                  <a:lnTo>
                    <a:pt x="55065" y="27388"/>
                  </a:lnTo>
                  <a:cubicBezTo>
                    <a:pt x="48962" y="21938"/>
                    <a:pt x="39596" y="22467"/>
                    <a:pt x="34145" y="28570"/>
                  </a:cubicBezTo>
                  <a:cubicBezTo>
                    <a:pt x="29116" y="34201"/>
                    <a:pt x="29126" y="42714"/>
                    <a:pt x="34168" y="48333"/>
                  </a:cubicBezTo>
                  <a:lnTo>
                    <a:pt x="63751" y="77917"/>
                  </a:lnTo>
                  <a:cubicBezTo>
                    <a:pt x="69514" y="83570"/>
                    <a:pt x="78741" y="83570"/>
                    <a:pt x="84503" y="77917"/>
                  </a:cubicBezTo>
                  <a:close/>
                  <a:moveTo>
                    <a:pt x="0" y="104460"/>
                  </a:moveTo>
                  <a:cubicBezTo>
                    <a:pt x="0" y="112642"/>
                    <a:pt x="6633" y="119276"/>
                    <a:pt x="14816" y="119276"/>
                  </a:cubicBezTo>
                  <a:lnTo>
                    <a:pt x="59215" y="119276"/>
                  </a:lnTo>
                  <a:cubicBezTo>
                    <a:pt x="67384" y="119742"/>
                    <a:pt x="74385" y="113498"/>
                    <a:pt x="74852" y="105329"/>
                  </a:cubicBezTo>
                  <a:cubicBezTo>
                    <a:pt x="75319" y="97160"/>
                    <a:pt x="69075" y="90159"/>
                    <a:pt x="60906" y="89692"/>
                  </a:cubicBezTo>
                  <a:cubicBezTo>
                    <a:pt x="60342" y="89660"/>
                    <a:pt x="59778" y="89660"/>
                    <a:pt x="59215" y="89692"/>
                  </a:cubicBezTo>
                  <a:lnTo>
                    <a:pt x="15009" y="89692"/>
                  </a:lnTo>
                  <a:cubicBezTo>
                    <a:pt x="6845" y="89692"/>
                    <a:pt x="220" y="96296"/>
                    <a:pt x="193" y="104460"/>
                  </a:cubicBezTo>
                  <a:close/>
                </a:path>
              </a:pathLst>
            </a:custGeom>
            <a:solidFill>
              <a:schemeClr val="accent1"/>
            </a:solidFill>
            <a:ln w="4796" cap="flat">
              <a:noFill/>
              <a:prstDash val="solid"/>
              <a:miter/>
            </a:ln>
          </p:spPr>
          <p:txBody>
            <a:bodyPr rtlCol="0" anchor="ctr"/>
            <a:lstStyle/>
            <a:p>
              <a:endParaRPr lang="en-US"/>
            </a:p>
          </p:txBody>
        </p:sp>
        <p:sp>
          <p:nvSpPr>
            <p:cNvPr id="5" name="Graphic 26">
              <a:extLst>
                <a:ext uri="{FF2B5EF4-FFF2-40B4-BE49-F238E27FC236}">
                  <a16:creationId xmlns:a16="http://schemas.microsoft.com/office/drawing/2014/main" id="{63DF9A0A-AECE-E549-BD01-53237A701899}"/>
                </a:ext>
              </a:extLst>
            </p:cNvPr>
            <p:cNvSpPr/>
            <p:nvPr/>
          </p:nvSpPr>
          <p:spPr>
            <a:xfrm>
              <a:off x="6132584" y="4304836"/>
              <a:ext cx="75819" cy="77091"/>
            </a:xfrm>
            <a:custGeom>
              <a:avLst/>
              <a:gdLst>
                <a:gd name="connsiteX0" fmla="*/ 12224 w 75819"/>
                <a:gd name="connsiteY0" fmla="*/ 46770 h 77091"/>
                <a:gd name="connsiteX1" fmla="*/ 31046 w 75819"/>
                <a:gd name="connsiteY1" fmla="*/ 45805 h 77091"/>
                <a:gd name="connsiteX2" fmla="*/ 32059 w 75819"/>
                <a:gd name="connsiteY2" fmla="*/ 65833 h 77091"/>
                <a:gd name="connsiteX3" fmla="*/ 39974 w 75819"/>
                <a:gd name="connsiteY3" fmla="*/ 76957 h 77091"/>
                <a:gd name="connsiteX4" fmla="*/ 51093 w 75819"/>
                <a:gd name="connsiteY4" fmla="*/ 69042 h 77091"/>
                <a:gd name="connsiteX5" fmla="*/ 50880 w 75819"/>
                <a:gd name="connsiteY5" fmla="*/ 64868 h 77091"/>
                <a:gd name="connsiteX6" fmla="*/ 49867 w 75819"/>
                <a:gd name="connsiteY6" fmla="*/ 44840 h 77091"/>
                <a:gd name="connsiteX7" fmla="*/ 68737 w 75819"/>
                <a:gd name="connsiteY7" fmla="*/ 43875 h 77091"/>
                <a:gd name="connsiteX8" fmla="*/ 75469 w 75819"/>
                <a:gd name="connsiteY8" fmla="*/ 32003 h 77091"/>
                <a:gd name="connsiteX9" fmla="*/ 67771 w 75819"/>
                <a:gd name="connsiteY9" fmla="*/ 25053 h 77091"/>
                <a:gd name="connsiteX10" fmla="*/ 48902 w 75819"/>
                <a:gd name="connsiteY10" fmla="*/ 26018 h 77091"/>
                <a:gd name="connsiteX11" fmla="*/ 47985 w 75819"/>
                <a:gd name="connsiteY11" fmla="*/ 7197 h 77091"/>
                <a:gd name="connsiteX12" fmla="*/ 36195 w 75819"/>
                <a:gd name="connsiteY12" fmla="*/ 320 h 77091"/>
                <a:gd name="connsiteX13" fmla="*/ 29115 w 75819"/>
                <a:gd name="connsiteY13" fmla="*/ 8162 h 77091"/>
                <a:gd name="connsiteX14" fmla="*/ 30080 w 75819"/>
                <a:gd name="connsiteY14" fmla="*/ 26984 h 77091"/>
                <a:gd name="connsiteX15" fmla="*/ 11259 w 75819"/>
                <a:gd name="connsiteY15" fmla="*/ 27949 h 77091"/>
                <a:gd name="connsiteX16" fmla="*/ 135 w 75819"/>
                <a:gd name="connsiteY16" fmla="*/ 35864 h 77091"/>
                <a:gd name="connsiteX17" fmla="*/ 8050 w 75819"/>
                <a:gd name="connsiteY17" fmla="*/ 46983 h 77091"/>
                <a:gd name="connsiteX18" fmla="*/ 12224 w 75819"/>
                <a:gd name="connsiteY18" fmla="*/ 46770 h 770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75819" h="77091">
                  <a:moveTo>
                    <a:pt x="12224" y="46770"/>
                  </a:moveTo>
                  <a:lnTo>
                    <a:pt x="31046" y="45805"/>
                  </a:lnTo>
                  <a:lnTo>
                    <a:pt x="32059" y="65833"/>
                  </a:lnTo>
                  <a:cubicBezTo>
                    <a:pt x="31171" y="71088"/>
                    <a:pt x="34718" y="76069"/>
                    <a:pt x="39974" y="76957"/>
                  </a:cubicBezTo>
                  <a:cubicBezTo>
                    <a:pt x="45229" y="77840"/>
                    <a:pt x="50210" y="74298"/>
                    <a:pt x="51093" y="69042"/>
                  </a:cubicBezTo>
                  <a:cubicBezTo>
                    <a:pt x="51329" y="67652"/>
                    <a:pt x="51257" y="66229"/>
                    <a:pt x="50880" y="64868"/>
                  </a:cubicBezTo>
                  <a:lnTo>
                    <a:pt x="49867" y="44840"/>
                  </a:lnTo>
                  <a:lnTo>
                    <a:pt x="68737" y="43875"/>
                  </a:lnTo>
                  <a:cubicBezTo>
                    <a:pt x="73876" y="42456"/>
                    <a:pt x="76888" y="37138"/>
                    <a:pt x="75469" y="32003"/>
                  </a:cubicBezTo>
                  <a:cubicBezTo>
                    <a:pt x="74470" y="28388"/>
                    <a:pt x="71468" y="25676"/>
                    <a:pt x="67771" y="25053"/>
                  </a:cubicBezTo>
                  <a:lnTo>
                    <a:pt x="48902" y="26018"/>
                  </a:lnTo>
                  <a:lnTo>
                    <a:pt x="47985" y="7197"/>
                  </a:lnTo>
                  <a:cubicBezTo>
                    <a:pt x="46629" y="2043"/>
                    <a:pt x="41349" y="-1036"/>
                    <a:pt x="36195" y="320"/>
                  </a:cubicBezTo>
                  <a:cubicBezTo>
                    <a:pt x="32484" y="1300"/>
                    <a:pt x="29709" y="4374"/>
                    <a:pt x="29115" y="8162"/>
                  </a:cubicBezTo>
                  <a:lnTo>
                    <a:pt x="30080" y="26984"/>
                  </a:lnTo>
                  <a:lnTo>
                    <a:pt x="11259" y="27949"/>
                  </a:lnTo>
                  <a:cubicBezTo>
                    <a:pt x="6003" y="27061"/>
                    <a:pt x="1023" y="30608"/>
                    <a:pt x="135" y="35864"/>
                  </a:cubicBezTo>
                  <a:cubicBezTo>
                    <a:pt x="-748" y="41119"/>
                    <a:pt x="2794" y="46099"/>
                    <a:pt x="8050" y="46983"/>
                  </a:cubicBezTo>
                  <a:cubicBezTo>
                    <a:pt x="9440" y="47219"/>
                    <a:pt x="10863" y="47147"/>
                    <a:pt x="12224" y="46770"/>
                  </a:cubicBezTo>
                  <a:close/>
                </a:path>
              </a:pathLst>
            </a:custGeom>
            <a:solidFill>
              <a:schemeClr val="accent1"/>
            </a:solidFill>
            <a:ln w="4796" cap="flat">
              <a:noFill/>
              <a:prstDash val="solid"/>
              <a:miter/>
            </a:ln>
          </p:spPr>
          <p:txBody>
            <a:bodyPr rtlCol="0" anchor="ctr"/>
            <a:lstStyle/>
            <a:p>
              <a:endParaRPr lang="en-US"/>
            </a:p>
          </p:txBody>
        </p:sp>
        <p:sp>
          <p:nvSpPr>
            <p:cNvPr id="7" name="Graphic 26">
              <a:extLst>
                <a:ext uri="{FF2B5EF4-FFF2-40B4-BE49-F238E27FC236}">
                  <a16:creationId xmlns:a16="http://schemas.microsoft.com/office/drawing/2014/main" id="{63DF9A0A-AECE-E549-BD01-53237A701899}"/>
                </a:ext>
              </a:extLst>
            </p:cNvPr>
            <p:cNvSpPr/>
            <p:nvPr/>
          </p:nvSpPr>
          <p:spPr>
            <a:xfrm>
              <a:off x="5336598" y="4034297"/>
              <a:ext cx="998933" cy="363349"/>
            </a:xfrm>
            <a:custGeom>
              <a:avLst/>
              <a:gdLst>
                <a:gd name="connsiteX0" fmla="*/ 966213 w 998933"/>
                <a:gd name="connsiteY0" fmla="*/ 159982 h 363349"/>
                <a:gd name="connsiteX1" fmla="*/ 835912 w 998933"/>
                <a:gd name="connsiteY1" fmla="*/ 159982 h 363349"/>
                <a:gd name="connsiteX2" fmla="*/ 826260 w 998933"/>
                <a:gd name="connsiteY2" fmla="*/ 150330 h 363349"/>
                <a:gd name="connsiteX3" fmla="*/ 835912 w 998933"/>
                <a:gd name="connsiteY3" fmla="*/ 140678 h 363349"/>
                <a:gd name="connsiteX4" fmla="*/ 966213 w 998933"/>
                <a:gd name="connsiteY4" fmla="*/ 140678 h 363349"/>
                <a:gd name="connsiteX5" fmla="*/ 975865 w 998933"/>
                <a:gd name="connsiteY5" fmla="*/ 150330 h 363349"/>
                <a:gd name="connsiteX6" fmla="*/ 966213 w 998933"/>
                <a:gd name="connsiteY6" fmla="*/ 159982 h 363349"/>
                <a:gd name="connsiteX7" fmla="*/ 927123 w 998933"/>
                <a:gd name="connsiteY7" fmla="*/ 79870 h 363349"/>
                <a:gd name="connsiteX8" fmla="*/ 917471 w 998933"/>
                <a:gd name="connsiteY8" fmla="*/ 70218 h 363349"/>
                <a:gd name="connsiteX9" fmla="*/ 798558 w 998933"/>
                <a:gd name="connsiteY9" fmla="*/ 70218 h 363349"/>
                <a:gd name="connsiteX10" fmla="*/ 788906 w 998933"/>
                <a:gd name="connsiteY10" fmla="*/ 79870 h 363349"/>
                <a:gd name="connsiteX11" fmla="*/ 798558 w 998933"/>
                <a:gd name="connsiteY11" fmla="*/ 89522 h 363349"/>
                <a:gd name="connsiteX12" fmla="*/ 917712 w 998933"/>
                <a:gd name="connsiteY12" fmla="*/ 89522 h 363349"/>
                <a:gd name="connsiteX13" fmla="*/ 927123 w 998933"/>
                <a:gd name="connsiteY13" fmla="*/ 79870 h 363349"/>
                <a:gd name="connsiteX14" fmla="*/ 196804 w 998933"/>
                <a:gd name="connsiteY14" fmla="*/ 353698 h 363349"/>
                <a:gd name="connsiteX15" fmla="*/ 187152 w 998933"/>
                <a:gd name="connsiteY15" fmla="*/ 344046 h 363349"/>
                <a:gd name="connsiteX16" fmla="*/ 58732 w 998933"/>
                <a:gd name="connsiteY16" fmla="*/ 344046 h 363349"/>
                <a:gd name="connsiteX17" fmla="*/ 49080 w 998933"/>
                <a:gd name="connsiteY17" fmla="*/ 353698 h 363349"/>
                <a:gd name="connsiteX18" fmla="*/ 58732 w 998933"/>
                <a:gd name="connsiteY18" fmla="*/ 363350 h 363349"/>
                <a:gd name="connsiteX19" fmla="*/ 187104 w 998933"/>
                <a:gd name="connsiteY19" fmla="*/ 363350 h 363349"/>
                <a:gd name="connsiteX20" fmla="*/ 196804 w 998933"/>
                <a:gd name="connsiteY20" fmla="*/ 353746 h 363349"/>
                <a:gd name="connsiteX21" fmla="*/ 196804 w 998933"/>
                <a:gd name="connsiteY21" fmla="*/ 353698 h 363349"/>
                <a:gd name="connsiteX22" fmla="*/ 226822 w 998933"/>
                <a:gd name="connsiteY22" fmla="*/ 283672 h 363349"/>
                <a:gd name="connsiteX23" fmla="*/ 217170 w 998933"/>
                <a:gd name="connsiteY23" fmla="*/ 274020 h 363349"/>
                <a:gd name="connsiteX24" fmla="*/ 9652 w 998933"/>
                <a:gd name="connsiteY24" fmla="*/ 274020 h 363349"/>
                <a:gd name="connsiteX25" fmla="*/ 0 w 998933"/>
                <a:gd name="connsiteY25" fmla="*/ 283672 h 363349"/>
                <a:gd name="connsiteX26" fmla="*/ 9652 w 998933"/>
                <a:gd name="connsiteY26" fmla="*/ 293324 h 363349"/>
                <a:gd name="connsiteX27" fmla="*/ 217170 w 998933"/>
                <a:gd name="connsiteY27" fmla="*/ 293324 h 363349"/>
                <a:gd name="connsiteX28" fmla="*/ 226822 w 998933"/>
                <a:gd name="connsiteY28" fmla="*/ 283672 h 363349"/>
                <a:gd name="connsiteX29" fmla="*/ 106751 w 998933"/>
                <a:gd name="connsiteY29" fmla="*/ 213647 h 363349"/>
                <a:gd name="connsiteX30" fmla="*/ 97099 w 998933"/>
                <a:gd name="connsiteY30" fmla="*/ 203995 h 363349"/>
                <a:gd name="connsiteX31" fmla="*/ 25578 w 998933"/>
                <a:gd name="connsiteY31" fmla="*/ 203995 h 363349"/>
                <a:gd name="connsiteX32" fmla="*/ 15926 w 998933"/>
                <a:gd name="connsiteY32" fmla="*/ 213647 h 363349"/>
                <a:gd name="connsiteX33" fmla="*/ 25578 w 998933"/>
                <a:gd name="connsiteY33" fmla="*/ 223299 h 363349"/>
                <a:gd name="connsiteX34" fmla="*/ 97051 w 998933"/>
                <a:gd name="connsiteY34" fmla="*/ 223299 h 363349"/>
                <a:gd name="connsiteX35" fmla="*/ 106751 w 998933"/>
                <a:gd name="connsiteY35" fmla="*/ 213695 h 363349"/>
                <a:gd name="connsiteX36" fmla="*/ 106751 w 998933"/>
                <a:gd name="connsiteY36" fmla="*/ 213647 h 363349"/>
                <a:gd name="connsiteX37" fmla="*/ 998934 w 998933"/>
                <a:gd name="connsiteY37" fmla="*/ 9652 h 363349"/>
                <a:gd name="connsiteX38" fmla="*/ 989282 w 998933"/>
                <a:gd name="connsiteY38" fmla="*/ 0 h 363349"/>
                <a:gd name="connsiteX39" fmla="*/ 857870 w 998933"/>
                <a:gd name="connsiteY39" fmla="*/ 0 h 363349"/>
                <a:gd name="connsiteX40" fmla="*/ 848218 w 998933"/>
                <a:gd name="connsiteY40" fmla="*/ 9652 h 363349"/>
                <a:gd name="connsiteX41" fmla="*/ 857870 w 998933"/>
                <a:gd name="connsiteY41" fmla="*/ 19304 h 363349"/>
                <a:gd name="connsiteX42" fmla="*/ 989282 w 998933"/>
                <a:gd name="connsiteY42" fmla="*/ 19304 h 363349"/>
                <a:gd name="connsiteX43" fmla="*/ 998934 w 998933"/>
                <a:gd name="connsiteY43" fmla="*/ 9652 h 3633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998933" h="363349">
                  <a:moveTo>
                    <a:pt x="966213" y="159982"/>
                  </a:moveTo>
                  <a:lnTo>
                    <a:pt x="835912" y="159982"/>
                  </a:lnTo>
                  <a:cubicBezTo>
                    <a:pt x="830579" y="159982"/>
                    <a:pt x="826260" y="155663"/>
                    <a:pt x="826260" y="150330"/>
                  </a:cubicBezTo>
                  <a:cubicBezTo>
                    <a:pt x="826260" y="144997"/>
                    <a:pt x="830579" y="140678"/>
                    <a:pt x="835912" y="140678"/>
                  </a:cubicBezTo>
                  <a:lnTo>
                    <a:pt x="966213" y="140678"/>
                  </a:lnTo>
                  <a:cubicBezTo>
                    <a:pt x="971546" y="140678"/>
                    <a:pt x="975865" y="144997"/>
                    <a:pt x="975865" y="150330"/>
                  </a:cubicBezTo>
                  <a:cubicBezTo>
                    <a:pt x="975865" y="155663"/>
                    <a:pt x="971546" y="159982"/>
                    <a:pt x="966213" y="159982"/>
                  </a:cubicBezTo>
                  <a:close/>
                  <a:moveTo>
                    <a:pt x="927123" y="79870"/>
                  </a:moveTo>
                  <a:cubicBezTo>
                    <a:pt x="927123" y="74538"/>
                    <a:pt x="922804" y="70218"/>
                    <a:pt x="917471" y="70218"/>
                  </a:cubicBezTo>
                  <a:lnTo>
                    <a:pt x="798558" y="70218"/>
                  </a:lnTo>
                  <a:cubicBezTo>
                    <a:pt x="793226" y="70218"/>
                    <a:pt x="788906" y="74538"/>
                    <a:pt x="788906" y="79870"/>
                  </a:cubicBezTo>
                  <a:cubicBezTo>
                    <a:pt x="788906" y="85203"/>
                    <a:pt x="793226" y="89522"/>
                    <a:pt x="798558" y="89522"/>
                  </a:cubicBezTo>
                  <a:lnTo>
                    <a:pt x="917712" y="89522"/>
                  </a:lnTo>
                  <a:cubicBezTo>
                    <a:pt x="922948" y="89392"/>
                    <a:pt x="927123" y="85106"/>
                    <a:pt x="927123" y="79870"/>
                  </a:cubicBezTo>
                  <a:close/>
                  <a:moveTo>
                    <a:pt x="196804" y="353698"/>
                  </a:moveTo>
                  <a:cubicBezTo>
                    <a:pt x="196804" y="348365"/>
                    <a:pt x="192483" y="344046"/>
                    <a:pt x="187152" y="344046"/>
                  </a:cubicBezTo>
                  <a:lnTo>
                    <a:pt x="58732" y="344046"/>
                  </a:lnTo>
                  <a:cubicBezTo>
                    <a:pt x="53402" y="344046"/>
                    <a:pt x="49080" y="348365"/>
                    <a:pt x="49080" y="353698"/>
                  </a:cubicBezTo>
                  <a:cubicBezTo>
                    <a:pt x="49080" y="359030"/>
                    <a:pt x="53402" y="363350"/>
                    <a:pt x="58732" y="363350"/>
                  </a:cubicBezTo>
                  <a:lnTo>
                    <a:pt x="187104" y="363350"/>
                  </a:lnTo>
                  <a:cubicBezTo>
                    <a:pt x="192435" y="363379"/>
                    <a:pt x="196778" y="359079"/>
                    <a:pt x="196804" y="353746"/>
                  </a:cubicBezTo>
                  <a:cubicBezTo>
                    <a:pt x="196804" y="353731"/>
                    <a:pt x="196804" y="353712"/>
                    <a:pt x="196804" y="353698"/>
                  </a:cubicBezTo>
                  <a:close/>
                  <a:moveTo>
                    <a:pt x="226822" y="283672"/>
                  </a:moveTo>
                  <a:cubicBezTo>
                    <a:pt x="226822" y="278340"/>
                    <a:pt x="222503" y="274020"/>
                    <a:pt x="217170" y="274020"/>
                  </a:cubicBezTo>
                  <a:lnTo>
                    <a:pt x="9652" y="274020"/>
                  </a:lnTo>
                  <a:cubicBezTo>
                    <a:pt x="4321" y="274020"/>
                    <a:pt x="0" y="278340"/>
                    <a:pt x="0" y="283672"/>
                  </a:cubicBezTo>
                  <a:cubicBezTo>
                    <a:pt x="0" y="289005"/>
                    <a:pt x="4321" y="293324"/>
                    <a:pt x="9652" y="293324"/>
                  </a:cubicBezTo>
                  <a:lnTo>
                    <a:pt x="217170" y="293324"/>
                  </a:lnTo>
                  <a:cubicBezTo>
                    <a:pt x="222503" y="293324"/>
                    <a:pt x="226822" y="289005"/>
                    <a:pt x="226822" y="283672"/>
                  </a:cubicBezTo>
                  <a:close/>
                  <a:moveTo>
                    <a:pt x="106751" y="213647"/>
                  </a:moveTo>
                  <a:cubicBezTo>
                    <a:pt x="106751" y="208314"/>
                    <a:pt x="102430" y="203995"/>
                    <a:pt x="97099" y="203995"/>
                  </a:cubicBezTo>
                  <a:lnTo>
                    <a:pt x="25578" y="203995"/>
                  </a:lnTo>
                  <a:cubicBezTo>
                    <a:pt x="20247" y="203995"/>
                    <a:pt x="15926" y="208314"/>
                    <a:pt x="15926" y="213647"/>
                  </a:cubicBezTo>
                  <a:cubicBezTo>
                    <a:pt x="15926" y="218980"/>
                    <a:pt x="20247" y="223299"/>
                    <a:pt x="25578" y="223299"/>
                  </a:cubicBezTo>
                  <a:lnTo>
                    <a:pt x="97051" y="223299"/>
                  </a:lnTo>
                  <a:cubicBezTo>
                    <a:pt x="102382" y="223328"/>
                    <a:pt x="106725" y="219028"/>
                    <a:pt x="106751" y="213695"/>
                  </a:cubicBezTo>
                  <a:cubicBezTo>
                    <a:pt x="106751" y="213681"/>
                    <a:pt x="106751" y="213661"/>
                    <a:pt x="106751" y="213647"/>
                  </a:cubicBezTo>
                  <a:close/>
                  <a:moveTo>
                    <a:pt x="998934" y="9652"/>
                  </a:moveTo>
                  <a:cubicBezTo>
                    <a:pt x="998934" y="4319"/>
                    <a:pt x="994615" y="0"/>
                    <a:pt x="989282" y="0"/>
                  </a:cubicBezTo>
                  <a:lnTo>
                    <a:pt x="857870" y="0"/>
                  </a:lnTo>
                  <a:cubicBezTo>
                    <a:pt x="852537" y="0"/>
                    <a:pt x="848218" y="4319"/>
                    <a:pt x="848218" y="9652"/>
                  </a:cubicBezTo>
                  <a:cubicBezTo>
                    <a:pt x="848218" y="14985"/>
                    <a:pt x="852537" y="19304"/>
                    <a:pt x="857870" y="19304"/>
                  </a:cubicBezTo>
                  <a:lnTo>
                    <a:pt x="989282" y="19304"/>
                  </a:lnTo>
                  <a:cubicBezTo>
                    <a:pt x="994615" y="19304"/>
                    <a:pt x="998934" y="14985"/>
                    <a:pt x="998934" y="9652"/>
                  </a:cubicBezTo>
                  <a:close/>
                </a:path>
              </a:pathLst>
            </a:custGeom>
            <a:solidFill>
              <a:schemeClr val="accent2"/>
            </a:solidFill>
            <a:ln w="4796" cap="flat">
              <a:noFill/>
              <a:prstDash val="solid"/>
              <a:miter/>
            </a:ln>
          </p:spPr>
          <p:txBody>
            <a:bodyPr rtlCol="0" anchor="ctr"/>
            <a:lstStyle/>
            <a:p>
              <a:endParaRPr lang="en-US"/>
            </a:p>
          </p:txBody>
        </p:sp>
        <p:sp>
          <p:nvSpPr>
            <p:cNvPr id="9" name="Graphic 26">
              <a:extLst>
                <a:ext uri="{FF2B5EF4-FFF2-40B4-BE49-F238E27FC236}">
                  <a16:creationId xmlns:a16="http://schemas.microsoft.com/office/drawing/2014/main" id="{63DF9A0A-AECE-E549-BD01-53237A701899}"/>
                </a:ext>
              </a:extLst>
            </p:cNvPr>
            <p:cNvSpPr/>
            <p:nvPr/>
          </p:nvSpPr>
          <p:spPr>
            <a:xfrm>
              <a:off x="5240175" y="3581036"/>
              <a:ext cx="1165020" cy="1167156"/>
            </a:xfrm>
            <a:custGeom>
              <a:avLst/>
              <a:gdLst>
                <a:gd name="connsiteX0" fmla="*/ 581292 w 1165020"/>
                <a:gd name="connsiteY0" fmla="*/ 2 h 1167156"/>
                <a:gd name="connsiteX1" fmla="*/ 167317 w 1165020"/>
                <a:gd name="connsiteY1" fmla="*/ 172290 h 1167156"/>
                <a:gd name="connsiteX2" fmla="*/ 181023 w 1165020"/>
                <a:gd name="connsiteY2" fmla="*/ 185900 h 1167156"/>
                <a:gd name="connsiteX3" fmla="*/ 978795 w 1165020"/>
                <a:gd name="connsiteY3" fmla="*/ 183615 h 1167156"/>
                <a:gd name="connsiteX4" fmla="*/ 981078 w 1165020"/>
                <a:gd name="connsiteY4" fmla="*/ 981384 h 1167156"/>
                <a:gd name="connsiteX5" fmla="*/ 955017 w 1165020"/>
                <a:gd name="connsiteY5" fmla="*/ 1005982 h 1167156"/>
                <a:gd name="connsiteX6" fmla="*/ 947151 w 1165020"/>
                <a:gd name="connsiteY6" fmla="*/ 982142 h 1167156"/>
                <a:gd name="connsiteX7" fmla="*/ 679935 w 1165020"/>
                <a:gd name="connsiteY7" fmla="*/ 837748 h 1167156"/>
                <a:gd name="connsiteX8" fmla="*/ 679935 w 1165020"/>
                <a:gd name="connsiteY8" fmla="*/ 793686 h 1167156"/>
                <a:gd name="connsiteX9" fmla="*/ 679935 w 1165020"/>
                <a:gd name="connsiteY9" fmla="*/ 779932 h 1167156"/>
                <a:gd name="connsiteX10" fmla="*/ 793974 w 1165020"/>
                <a:gd name="connsiteY10" fmla="*/ 634621 h 1167156"/>
                <a:gd name="connsiteX11" fmla="*/ 793974 w 1165020"/>
                <a:gd name="connsiteY11" fmla="*/ 634621 h 1167156"/>
                <a:gd name="connsiteX12" fmla="*/ 797448 w 1165020"/>
                <a:gd name="connsiteY12" fmla="*/ 627575 h 1167156"/>
                <a:gd name="connsiteX13" fmla="*/ 839772 w 1165020"/>
                <a:gd name="connsiteY13" fmla="*/ 536991 h 1167156"/>
                <a:gd name="connsiteX14" fmla="*/ 826646 w 1165020"/>
                <a:gd name="connsiteY14" fmla="*/ 442643 h 1167156"/>
                <a:gd name="connsiteX15" fmla="*/ 787651 w 1165020"/>
                <a:gd name="connsiteY15" fmla="*/ 204914 h 1167156"/>
                <a:gd name="connsiteX16" fmla="*/ 582498 w 1165020"/>
                <a:gd name="connsiteY16" fmla="*/ 142611 h 1167156"/>
                <a:gd name="connsiteX17" fmla="*/ 581437 w 1165020"/>
                <a:gd name="connsiteY17" fmla="*/ 142611 h 1167156"/>
                <a:gd name="connsiteX18" fmla="*/ 371216 w 1165020"/>
                <a:gd name="connsiteY18" fmla="*/ 207569 h 1167156"/>
                <a:gd name="connsiteX19" fmla="*/ 337434 w 1165020"/>
                <a:gd name="connsiteY19" fmla="*/ 432894 h 1167156"/>
                <a:gd name="connsiteX20" fmla="*/ 337965 w 1165020"/>
                <a:gd name="connsiteY20" fmla="*/ 441967 h 1167156"/>
                <a:gd name="connsiteX21" fmla="*/ 323487 w 1165020"/>
                <a:gd name="connsiteY21" fmla="*/ 536847 h 1167156"/>
                <a:gd name="connsiteX22" fmla="*/ 369286 w 1165020"/>
                <a:gd name="connsiteY22" fmla="*/ 628154 h 1167156"/>
                <a:gd name="connsiteX23" fmla="*/ 369816 w 1165020"/>
                <a:gd name="connsiteY23" fmla="*/ 628154 h 1167156"/>
                <a:gd name="connsiteX24" fmla="*/ 485013 w 1165020"/>
                <a:gd name="connsiteY24" fmla="*/ 778822 h 1167156"/>
                <a:gd name="connsiteX25" fmla="*/ 485013 w 1165020"/>
                <a:gd name="connsiteY25" fmla="*/ 792480 h 1167156"/>
                <a:gd name="connsiteX26" fmla="*/ 485013 w 1165020"/>
                <a:gd name="connsiteY26" fmla="*/ 837458 h 1167156"/>
                <a:gd name="connsiteX27" fmla="*/ 217749 w 1165020"/>
                <a:gd name="connsiteY27" fmla="*/ 981852 h 1167156"/>
                <a:gd name="connsiteX28" fmla="*/ 209448 w 1165020"/>
                <a:gd name="connsiteY28" fmla="*/ 1007478 h 1167156"/>
                <a:gd name="connsiteX29" fmla="*/ 198928 w 1165020"/>
                <a:gd name="connsiteY29" fmla="*/ 997826 h 1167156"/>
                <a:gd name="connsiteX30" fmla="*/ 19304 w 1165020"/>
                <a:gd name="connsiteY30" fmla="*/ 631774 h 1167156"/>
                <a:gd name="connsiteX31" fmla="*/ 0 w 1165020"/>
                <a:gd name="connsiteY31" fmla="*/ 633415 h 1167156"/>
                <a:gd name="connsiteX32" fmla="*/ 631279 w 1165020"/>
                <a:gd name="connsiteY32" fmla="*/ 1164989 h 1167156"/>
                <a:gd name="connsiteX33" fmla="*/ 1162854 w 1165020"/>
                <a:gd name="connsiteY33" fmla="*/ 533710 h 1167156"/>
                <a:gd name="connsiteX34" fmla="*/ 581292 w 1165020"/>
                <a:gd name="connsiteY34" fmla="*/ 2 h 1167156"/>
                <a:gd name="connsiteX35" fmla="*/ 680273 w 1165020"/>
                <a:gd name="connsiteY35" fmla="*/ 856955 h 1167156"/>
                <a:gd name="connsiteX36" fmla="*/ 582353 w 1165020"/>
                <a:gd name="connsiteY36" fmla="*/ 869696 h 1167156"/>
                <a:gd name="connsiteX37" fmla="*/ 485351 w 1165020"/>
                <a:gd name="connsiteY37" fmla="*/ 856714 h 1167156"/>
                <a:gd name="connsiteX38" fmla="*/ 504655 w 1165020"/>
                <a:gd name="connsiteY38" fmla="*/ 848799 h 1167156"/>
                <a:gd name="connsiteX39" fmla="*/ 507599 w 1165020"/>
                <a:gd name="connsiteY39" fmla="*/ 847544 h 1167156"/>
                <a:gd name="connsiteX40" fmla="*/ 507599 w 1165020"/>
                <a:gd name="connsiteY40" fmla="*/ 844166 h 1167156"/>
                <a:gd name="connsiteX41" fmla="*/ 507599 w 1165020"/>
                <a:gd name="connsiteY41" fmla="*/ 791080 h 1167156"/>
                <a:gd name="connsiteX42" fmla="*/ 582981 w 1165020"/>
                <a:gd name="connsiteY42" fmla="*/ 806716 h 1167156"/>
                <a:gd name="connsiteX43" fmla="*/ 657349 w 1165020"/>
                <a:gd name="connsiteY43" fmla="*/ 791659 h 1167156"/>
                <a:gd name="connsiteX44" fmla="*/ 657349 w 1165020"/>
                <a:gd name="connsiteY44" fmla="*/ 844118 h 1167156"/>
                <a:gd name="connsiteX45" fmla="*/ 657349 w 1165020"/>
                <a:gd name="connsiteY45" fmla="*/ 847400 h 1167156"/>
                <a:gd name="connsiteX46" fmla="*/ 785528 w 1165020"/>
                <a:gd name="connsiteY46" fmla="*/ 477390 h 1167156"/>
                <a:gd name="connsiteX47" fmla="*/ 809272 w 1165020"/>
                <a:gd name="connsiteY47" fmla="*/ 457797 h 1167156"/>
                <a:gd name="connsiteX48" fmla="*/ 816173 w 1165020"/>
                <a:gd name="connsiteY48" fmla="*/ 473095 h 1167156"/>
                <a:gd name="connsiteX49" fmla="*/ 796531 w 1165020"/>
                <a:gd name="connsiteY49" fmla="*/ 601225 h 1167156"/>
                <a:gd name="connsiteX50" fmla="*/ 785528 w 1165020"/>
                <a:gd name="connsiteY50" fmla="*/ 477390 h 1167156"/>
                <a:gd name="connsiteX51" fmla="*/ 368948 w 1165020"/>
                <a:gd name="connsiteY51" fmla="*/ 602432 h 1167156"/>
                <a:gd name="connsiteX52" fmla="*/ 344818 w 1165020"/>
                <a:gd name="connsiteY52" fmla="*/ 515564 h 1167156"/>
                <a:gd name="connsiteX53" fmla="*/ 353891 w 1165020"/>
                <a:gd name="connsiteY53" fmla="*/ 458907 h 1167156"/>
                <a:gd name="connsiteX54" fmla="*/ 378648 w 1165020"/>
                <a:gd name="connsiteY54" fmla="*/ 476859 h 1167156"/>
                <a:gd name="connsiteX55" fmla="*/ 368948 w 1165020"/>
                <a:gd name="connsiteY55" fmla="*/ 602432 h 1167156"/>
                <a:gd name="connsiteX56" fmla="*/ 450990 w 1165020"/>
                <a:gd name="connsiteY56" fmla="*/ 606775 h 1167156"/>
                <a:gd name="connsiteX57" fmla="*/ 413830 w 1165020"/>
                <a:gd name="connsiteY57" fmla="*/ 447517 h 1167156"/>
                <a:gd name="connsiteX58" fmla="*/ 432458 w 1165020"/>
                <a:gd name="connsiteY58" fmla="*/ 379567 h 1167156"/>
                <a:gd name="connsiteX59" fmla="*/ 460642 w 1165020"/>
                <a:gd name="connsiteY59" fmla="*/ 322524 h 1167156"/>
                <a:gd name="connsiteX60" fmla="*/ 602044 w 1165020"/>
                <a:gd name="connsiteY60" fmla="*/ 344917 h 1167156"/>
                <a:gd name="connsiteX61" fmla="*/ 750781 w 1165020"/>
                <a:gd name="connsiteY61" fmla="*/ 447903 h 1167156"/>
                <a:gd name="connsiteX62" fmla="*/ 750781 w 1165020"/>
                <a:gd name="connsiteY62" fmla="*/ 458086 h 1167156"/>
                <a:gd name="connsiteX63" fmla="*/ 714875 w 1165020"/>
                <a:gd name="connsiteY63" fmla="*/ 606920 h 1167156"/>
                <a:gd name="connsiteX64" fmla="*/ 635922 w 1165020"/>
                <a:gd name="connsiteY64" fmla="*/ 609381 h 1167156"/>
                <a:gd name="connsiteX65" fmla="*/ 582836 w 1165020"/>
                <a:gd name="connsiteY65" fmla="*/ 602432 h 1167156"/>
                <a:gd name="connsiteX66" fmla="*/ 582836 w 1165020"/>
                <a:gd name="connsiteY66" fmla="*/ 602432 h 1167156"/>
                <a:gd name="connsiteX67" fmla="*/ 529750 w 1165020"/>
                <a:gd name="connsiteY67" fmla="*/ 609381 h 1167156"/>
                <a:gd name="connsiteX68" fmla="*/ 450990 w 1165020"/>
                <a:gd name="connsiteY68" fmla="*/ 606775 h 1167156"/>
                <a:gd name="connsiteX69" fmla="*/ 581292 w 1165020"/>
                <a:gd name="connsiteY69" fmla="*/ 1147770 h 1167156"/>
                <a:gd name="connsiteX70" fmla="*/ 228994 w 1165020"/>
                <a:gd name="connsiteY70" fmla="*/ 1024176 h 1167156"/>
                <a:gd name="connsiteX71" fmla="*/ 443461 w 1165020"/>
                <a:gd name="connsiteY71" fmla="*/ 865980 h 1167156"/>
                <a:gd name="connsiteX72" fmla="*/ 582450 w 1165020"/>
                <a:gd name="connsiteY72" fmla="*/ 892426 h 1167156"/>
                <a:gd name="connsiteX73" fmla="*/ 721439 w 1165020"/>
                <a:gd name="connsiteY73" fmla="*/ 865980 h 1167156"/>
                <a:gd name="connsiteX74" fmla="*/ 935568 w 1165020"/>
                <a:gd name="connsiteY74" fmla="*/ 1022439 h 1167156"/>
                <a:gd name="connsiteX75" fmla="*/ 581292 w 1165020"/>
                <a:gd name="connsiteY75" fmla="*/ 1147770 h 11671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Lst>
              <a:rect l="l" t="t" r="r" b="b"/>
              <a:pathLst>
                <a:path w="1165020" h="1167156">
                  <a:moveTo>
                    <a:pt x="581292" y="2"/>
                  </a:moveTo>
                  <a:cubicBezTo>
                    <a:pt x="425774" y="-433"/>
                    <a:pt x="276607" y="61649"/>
                    <a:pt x="167317" y="172290"/>
                  </a:cubicBezTo>
                  <a:lnTo>
                    <a:pt x="181023" y="185900"/>
                  </a:lnTo>
                  <a:cubicBezTo>
                    <a:pt x="400688" y="-35029"/>
                    <a:pt x="757865" y="-36052"/>
                    <a:pt x="978795" y="183615"/>
                  </a:cubicBezTo>
                  <a:cubicBezTo>
                    <a:pt x="1199724" y="403282"/>
                    <a:pt x="1200747" y="760454"/>
                    <a:pt x="981078" y="981384"/>
                  </a:cubicBezTo>
                  <a:cubicBezTo>
                    <a:pt x="972656" y="989858"/>
                    <a:pt x="963965" y="998063"/>
                    <a:pt x="955017" y="1005982"/>
                  </a:cubicBezTo>
                  <a:cubicBezTo>
                    <a:pt x="952826" y="997898"/>
                    <a:pt x="950201" y="989940"/>
                    <a:pt x="947151" y="982142"/>
                  </a:cubicBezTo>
                  <a:cubicBezTo>
                    <a:pt x="903717" y="872929"/>
                    <a:pt x="774959" y="847014"/>
                    <a:pt x="679935" y="837748"/>
                  </a:cubicBezTo>
                  <a:cubicBezTo>
                    <a:pt x="679935" y="822111"/>
                    <a:pt x="679935" y="808164"/>
                    <a:pt x="679935" y="793686"/>
                  </a:cubicBezTo>
                  <a:lnTo>
                    <a:pt x="679935" y="779932"/>
                  </a:lnTo>
                  <a:cubicBezTo>
                    <a:pt x="726844" y="751217"/>
                    <a:pt x="766128" y="701124"/>
                    <a:pt x="793974" y="634621"/>
                  </a:cubicBezTo>
                  <a:lnTo>
                    <a:pt x="793974" y="634621"/>
                  </a:lnTo>
                  <a:lnTo>
                    <a:pt x="797448" y="627575"/>
                  </a:lnTo>
                  <a:cubicBezTo>
                    <a:pt x="826839" y="616282"/>
                    <a:pt x="836587" y="566237"/>
                    <a:pt x="839772" y="536991"/>
                  </a:cubicBezTo>
                  <a:cubicBezTo>
                    <a:pt x="841124" y="524782"/>
                    <a:pt x="846577" y="464263"/>
                    <a:pt x="826646" y="442643"/>
                  </a:cubicBezTo>
                  <a:cubicBezTo>
                    <a:pt x="839483" y="318904"/>
                    <a:pt x="828142" y="249941"/>
                    <a:pt x="787651" y="204914"/>
                  </a:cubicBezTo>
                  <a:cubicBezTo>
                    <a:pt x="749430" y="162397"/>
                    <a:pt x="684230" y="142611"/>
                    <a:pt x="582498" y="142611"/>
                  </a:cubicBezTo>
                  <a:lnTo>
                    <a:pt x="581437" y="142611"/>
                  </a:lnTo>
                  <a:cubicBezTo>
                    <a:pt x="476471" y="142611"/>
                    <a:pt x="409679" y="163266"/>
                    <a:pt x="371216" y="207569"/>
                  </a:cubicBezTo>
                  <a:cubicBezTo>
                    <a:pt x="332753" y="251871"/>
                    <a:pt x="322136" y="321703"/>
                    <a:pt x="337434" y="432894"/>
                  </a:cubicBezTo>
                  <a:lnTo>
                    <a:pt x="337965" y="441967"/>
                  </a:lnTo>
                  <a:cubicBezTo>
                    <a:pt x="316923" y="463250"/>
                    <a:pt x="321991" y="524492"/>
                    <a:pt x="323487" y="536847"/>
                  </a:cubicBezTo>
                  <a:cubicBezTo>
                    <a:pt x="326479" y="566623"/>
                    <a:pt x="336469" y="618020"/>
                    <a:pt x="369286" y="628154"/>
                  </a:cubicBezTo>
                  <a:lnTo>
                    <a:pt x="369816" y="628154"/>
                  </a:lnTo>
                  <a:cubicBezTo>
                    <a:pt x="397518" y="697118"/>
                    <a:pt x="437380" y="749094"/>
                    <a:pt x="485013" y="778822"/>
                  </a:cubicBezTo>
                  <a:lnTo>
                    <a:pt x="485013" y="792480"/>
                  </a:lnTo>
                  <a:cubicBezTo>
                    <a:pt x="485013" y="807296"/>
                    <a:pt x="485013" y="821436"/>
                    <a:pt x="485013" y="837458"/>
                  </a:cubicBezTo>
                  <a:cubicBezTo>
                    <a:pt x="389941" y="847110"/>
                    <a:pt x="261280" y="872688"/>
                    <a:pt x="217749" y="981852"/>
                  </a:cubicBezTo>
                  <a:cubicBezTo>
                    <a:pt x="214454" y="990215"/>
                    <a:pt x="211682" y="998772"/>
                    <a:pt x="209448" y="1007478"/>
                  </a:cubicBezTo>
                  <a:cubicBezTo>
                    <a:pt x="205877" y="1004389"/>
                    <a:pt x="202402" y="1001204"/>
                    <a:pt x="198928" y="997826"/>
                  </a:cubicBezTo>
                  <a:cubicBezTo>
                    <a:pt x="95354" y="902585"/>
                    <a:pt x="31260" y="771969"/>
                    <a:pt x="19304" y="631774"/>
                  </a:cubicBezTo>
                  <a:lnTo>
                    <a:pt x="0" y="633415"/>
                  </a:lnTo>
                  <a:cubicBezTo>
                    <a:pt x="27533" y="954527"/>
                    <a:pt x="310167" y="1192521"/>
                    <a:pt x="631279" y="1164989"/>
                  </a:cubicBezTo>
                  <a:cubicBezTo>
                    <a:pt x="952392" y="1137457"/>
                    <a:pt x="1190386" y="854822"/>
                    <a:pt x="1162854" y="533710"/>
                  </a:cubicBezTo>
                  <a:cubicBezTo>
                    <a:pt x="1136967" y="231798"/>
                    <a:pt x="884311" y="-68"/>
                    <a:pt x="581292" y="2"/>
                  </a:cubicBezTo>
                  <a:close/>
                  <a:moveTo>
                    <a:pt x="680273" y="856955"/>
                  </a:moveTo>
                  <a:cubicBezTo>
                    <a:pt x="652572" y="865835"/>
                    <a:pt x="622361" y="869696"/>
                    <a:pt x="582353" y="869696"/>
                  </a:cubicBezTo>
                  <a:cubicBezTo>
                    <a:pt x="549575" y="869831"/>
                    <a:pt x="516937" y="865463"/>
                    <a:pt x="485351" y="856714"/>
                  </a:cubicBezTo>
                  <a:cubicBezTo>
                    <a:pt x="494713" y="852950"/>
                    <a:pt x="504027" y="849040"/>
                    <a:pt x="504655" y="848799"/>
                  </a:cubicBezTo>
                  <a:lnTo>
                    <a:pt x="507599" y="847544"/>
                  </a:lnTo>
                  <a:lnTo>
                    <a:pt x="507599" y="844166"/>
                  </a:lnTo>
                  <a:cubicBezTo>
                    <a:pt x="507599" y="844166"/>
                    <a:pt x="507599" y="818733"/>
                    <a:pt x="507599" y="791080"/>
                  </a:cubicBezTo>
                  <a:cubicBezTo>
                    <a:pt x="531207" y="801968"/>
                    <a:pt x="556993" y="807315"/>
                    <a:pt x="582981" y="806716"/>
                  </a:cubicBezTo>
                  <a:cubicBezTo>
                    <a:pt x="608588" y="807334"/>
                    <a:pt x="634001" y="802190"/>
                    <a:pt x="657349" y="791659"/>
                  </a:cubicBezTo>
                  <a:cubicBezTo>
                    <a:pt x="657349" y="818878"/>
                    <a:pt x="657349" y="844118"/>
                    <a:pt x="657349" y="844118"/>
                  </a:cubicBezTo>
                  <a:lnTo>
                    <a:pt x="657349" y="847400"/>
                  </a:lnTo>
                  <a:close/>
                  <a:moveTo>
                    <a:pt x="785528" y="477390"/>
                  </a:moveTo>
                  <a:cubicBezTo>
                    <a:pt x="789746" y="467357"/>
                    <a:pt x="798621" y="460036"/>
                    <a:pt x="809272" y="457797"/>
                  </a:cubicBezTo>
                  <a:cubicBezTo>
                    <a:pt x="811009" y="458762"/>
                    <a:pt x="814098" y="462623"/>
                    <a:pt x="816173" y="473095"/>
                  </a:cubicBezTo>
                  <a:cubicBezTo>
                    <a:pt x="823605" y="507746"/>
                    <a:pt x="816173" y="579267"/>
                    <a:pt x="796531" y="601225"/>
                  </a:cubicBezTo>
                  <a:cubicBezTo>
                    <a:pt x="781523" y="568795"/>
                    <a:pt x="770374" y="508614"/>
                    <a:pt x="785528" y="477390"/>
                  </a:cubicBezTo>
                  <a:close/>
                  <a:moveTo>
                    <a:pt x="368948" y="602432"/>
                  </a:moveTo>
                  <a:cubicBezTo>
                    <a:pt x="353505" y="588630"/>
                    <a:pt x="345542" y="548912"/>
                    <a:pt x="344818" y="515564"/>
                  </a:cubicBezTo>
                  <a:cubicBezTo>
                    <a:pt x="343997" y="484967"/>
                    <a:pt x="348679" y="464312"/>
                    <a:pt x="353891" y="458907"/>
                  </a:cubicBezTo>
                  <a:cubicBezTo>
                    <a:pt x="364662" y="460287"/>
                    <a:pt x="373991" y="467053"/>
                    <a:pt x="378648" y="476859"/>
                  </a:cubicBezTo>
                  <a:cubicBezTo>
                    <a:pt x="395249" y="507842"/>
                    <a:pt x="384246" y="570291"/>
                    <a:pt x="368948" y="602432"/>
                  </a:cubicBezTo>
                  <a:close/>
                  <a:moveTo>
                    <a:pt x="450990" y="606775"/>
                  </a:moveTo>
                  <a:cubicBezTo>
                    <a:pt x="413830" y="573621"/>
                    <a:pt x="413830" y="494957"/>
                    <a:pt x="413830" y="447517"/>
                  </a:cubicBezTo>
                  <a:cubicBezTo>
                    <a:pt x="411754" y="405869"/>
                    <a:pt x="420875" y="394431"/>
                    <a:pt x="432458" y="379567"/>
                  </a:cubicBezTo>
                  <a:cubicBezTo>
                    <a:pt x="446419" y="363174"/>
                    <a:pt x="456105" y="343575"/>
                    <a:pt x="460642" y="322524"/>
                  </a:cubicBezTo>
                  <a:cubicBezTo>
                    <a:pt x="505910" y="341249"/>
                    <a:pt x="556872" y="343179"/>
                    <a:pt x="602044" y="344917"/>
                  </a:cubicBezTo>
                  <a:cubicBezTo>
                    <a:pt x="685147" y="348102"/>
                    <a:pt x="750781" y="350563"/>
                    <a:pt x="750781" y="447903"/>
                  </a:cubicBezTo>
                  <a:lnTo>
                    <a:pt x="750781" y="458086"/>
                  </a:lnTo>
                  <a:cubicBezTo>
                    <a:pt x="750781" y="504464"/>
                    <a:pt x="751119" y="574586"/>
                    <a:pt x="714875" y="606920"/>
                  </a:cubicBezTo>
                  <a:cubicBezTo>
                    <a:pt x="698708" y="621398"/>
                    <a:pt x="668208" y="615510"/>
                    <a:pt x="635922" y="609381"/>
                  </a:cubicBezTo>
                  <a:cubicBezTo>
                    <a:pt x="618476" y="605453"/>
                    <a:pt x="600707" y="603127"/>
                    <a:pt x="582836" y="602432"/>
                  </a:cubicBezTo>
                  <a:lnTo>
                    <a:pt x="582836" y="602432"/>
                  </a:lnTo>
                  <a:cubicBezTo>
                    <a:pt x="564970" y="603170"/>
                    <a:pt x="547206" y="605496"/>
                    <a:pt x="529750" y="609381"/>
                  </a:cubicBezTo>
                  <a:cubicBezTo>
                    <a:pt x="497850" y="615366"/>
                    <a:pt x="467302" y="621205"/>
                    <a:pt x="450990" y="606775"/>
                  </a:cubicBezTo>
                  <a:close/>
                  <a:moveTo>
                    <a:pt x="581292" y="1147770"/>
                  </a:moveTo>
                  <a:cubicBezTo>
                    <a:pt x="453210" y="1147900"/>
                    <a:pt x="328921" y="1104297"/>
                    <a:pt x="228994" y="1024176"/>
                  </a:cubicBezTo>
                  <a:cubicBezTo>
                    <a:pt x="244968" y="950049"/>
                    <a:pt x="293903" y="889868"/>
                    <a:pt x="443461" y="865980"/>
                  </a:cubicBezTo>
                  <a:cubicBezTo>
                    <a:pt x="494038" y="887600"/>
                    <a:pt x="546882" y="892426"/>
                    <a:pt x="582450" y="892426"/>
                  </a:cubicBezTo>
                  <a:cubicBezTo>
                    <a:pt x="618018" y="892426"/>
                    <a:pt x="670814" y="887600"/>
                    <a:pt x="721439" y="865980"/>
                  </a:cubicBezTo>
                  <a:cubicBezTo>
                    <a:pt x="869838" y="889675"/>
                    <a:pt x="919305" y="949132"/>
                    <a:pt x="935568" y="1022439"/>
                  </a:cubicBezTo>
                  <a:cubicBezTo>
                    <a:pt x="835366" y="1103651"/>
                    <a:pt x="710271" y="1147905"/>
                    <a:pt x="581292" y="1147770"/>
                  </a:cubicBezTo>
                  <a:close/>
                </a:path>
              </a:pathLst>
            </a:custGeom>
            <a:solidFill>
              <a:schemeClr val="accent2"/>
            </a:solidFill>
            <a:ln w="4796" cap="flat">
              <a:noFill/>
              <a:prstDash val="solid"/>
              <a:miter/>
            </a:ln>
          </p:spPr>
          <p:txBody>
            <a:bodyPr rtlCol="0" anchor="ctr"/>
            <a:lstStyle/>
            <a:p>
              <a:endParaRPr lang="en-US"/>
            </a:p>
          </p:txBody>
        </p:sp>
      </p:grpSp>
      <p:sp>
        <p:nvSpPr>
          <p:cNvPr id="3" name="Slide Number Placeholder 2">
            <a:extLst>
              <a:ext uri="{FF2B5EF4-FFF2-40B4-BE49-F238E27FC236}">
                <a16:creationId xmlns:a16="http://schemas.microsoft.com/office/drawing/2014/main" id="{7196AED2-5754-F64C-B881-333808B97B8B}"/>
              </a:ext>
            </a:extLst>
          </p:cNvPr>
          <p:cNvSpPr>
            <a:spLocks noGrp="1"/>
          </p:cNvSpPr>
          <p:nvPr>
            <p:ph type="sldNum" sz="quarter" idx="4"/>
          </p:nvPr>
        </p:nvSpPr>
        <p:spPr/>
        <p:txBody>
          <a:bodyPr/>
          <a:lstStyle/>
          <a:p>
            <a:fld id="{742ED878-647B-DB4D-84DF-0BCCAF9DD0BF}" type="slidenum">
              <a:rPr lang="en-US" smtClean="0"/>
              <a:pPr/>
              <a:t>19</a:t>
            </a:fld>
            <a:endParaRPr lang="en-US" dirty="0"/>
          </a:p>
        </p:txBody>
      </p:sp>
    </p:spTree>
    <p:custDataLst>
      <p:custData r:id="rId1"/>
      <p:custData r:id="rId2"/>
    </p:custDataLst>
    <p:extLst>
      <p:ext uri="{BB962C8B-B14F-4D97-AF65-F5344CB8AC3E}">
        <p14:creationId xmlns:p14="http://schemas.microsoft.com/office/powerpoint/2010/main" val="14652971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48" name="Picture 47">
            <a:extLst>
              <a:ext uri="{FF2B5EF4-FFF2-40B4-BE49-F238E27FC236}">
                <a16:creationId xmlns:a16="http://schemas.microsoft.com/office/drawing/2014/main" id="{83058D4F-289B-E94F-8BEF-828181172943}"/>
              </a:ext>
            </a:extLst>
          </p:cNvPr>
          <p:cNvPicPr>
            <a:picLocks noChangeAspect="1"/>
          </p:cNvPicPr>
          <p:nvPr/>
        </p:nvPicPr>
        <p:blipFill rotWithShape="1">
          <a:blip r:embed="rId3" cstate="screen">
            <a:graysc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50" name="Rectangle 49">
            <a:extLst>
              <a:ext uri="{FF2B5EF4-FFF2-40B4-BE49-F238E27FC236}">
                <a16:creationId xmlns:a16="http://schemas.microsoft.com/office/drawing/2014/main" id="{73DE7B66-B4C1-8B40-943D-7267496C744F}"/>
              </a:ext>
            </a:extLst>
          </p:cNvPr>
          <p:cNvSpPr/>
          <p:nvPr/>
        </p:nvSpPr>
        <p:spPr>
          <a:xfrm>
            <a:off x="9749" y="0"/>
            <a:ext cx="12192000" cy="6858000"/>
          </a:xfrm>
          <a:prstGeom prst="rect">
            <a:avLst/>
          </a:prstGeom>
          <a:solidFill>
            <a:schemeClr val="tx1">
              <a:alpha val="88000"/>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5" name="Rectangle 4">
            <a:extLst>
              <a:ext uri="{FF2B5EF4-FFF2-40B4-BE49-F238E27FC236}">
                <a16:creationId xmlns:a16="http://schemas.microsoft.com/office/drawing/2014/main" id="{E212A087-24C8-A244-B8AB-5A012D2ACE66}"/>
              </a:ext>
            </a:extLst>
          </p:cNvPr>
          <p:cNvSpPr/>
          <p:nvPr/>
        </p:nvSpPr>
        <p:spPr>
          <a:xfrm>
            <a:off x="129396" y="3407901"/>
            <a:ext cx="11933208" cy="3381087"/>
          </a:xfrm>
          <a:prstGeom prst="rect">
            <a:avLst/>
          </a:prstGeom>
          <a:solidFill>
            <a:schemeClr val="bg1"/>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21" name="Rounded Rectangle 20">
            <a:extLst>
              <a:ext uri="{FF2B5EF4-FFF2-40B4-BE49-F238E27FC236}">
                <a16:creationId xmlns:a16="http://schemas.microsoft.com/office/drawing/2014/main" id="{930C49F7-42ED-6644-8FA5-C2E825BC4F00}"/>
              </a:ext>
            </a:extLst>
          </p:cNvPr>
          <p:cNvSpPr/>
          <p:nvPr/>
        </p:nvSpPr>
        <p:spPr>
          <a:xfrm>
            <a:off x="7835732" y="5338306"/>
            <a:ext cx="3506745" cy="1199858"/>
          </a:xfrm>
          <a:prstGeom prst="roundRect">
            <a:avLst/>
          </a:prstGeom>
          <a:solidFill>
            <a:schemeClr val="bg1">
              <a:lumMod val="95000"/>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grpSp>
        <p:nvGrpSpPr>
          <p:cNvPr id="3" name="Group 2">
            <a:extLst>
              <a:ext uri="{FF2B5EF4-FFF2-40B4-BE49-F238E27FC236}">
                <a16:creationId xmlns:a16="http://schemas.microsoft.com/office/drawing/2014/main" id="{884CB7FA-64B7-6B40-8FC3-4FBC97BF29D2}"/>
              </a:ext>
            </a:extLst>
          </p:cNvPr>
          <p:cNvGrpSpPr/>
          <p:nvPr/>
        </p:nvGrpSpPr>
        <p:grpSpPr>
          <a:xfrm>
            <a:off x="893305" y="544372"/>
            <a:ext cx="2661428" cy="2661428"/>
            <a:chOff x="984470" y="978067"/>
            <a:chExt cx="2826636" cy="2826636"/>
          </a:xfrm>
        </p:grpSpPr>
        <p:sp>
          <p:nvSpPr>
            <p:cNvPr id="2" name="Oval 1">
              <a:extLst>
                <a:ext uri="{FF2B5EF4-FFF2-40B4-BE49-F238E27FC236}">
                  <a16:creationId xmlns:a16="http://schemas.microsoft.com/office/drawing/2014/main" id="{E22622A9-0BE2-7A4D-8979-8C8C1DC58AEC}"/>
                </a:ext>
              </a:extLst>
            </p:cNvPr>
            <p:cNvSpPr/>
            <p:nvPr/>
          </p:nvSpPr>
          <p:spPr>
            <a:xfrm>
              <a:off x="984470" y="978067"/>
              <a:ext cx="2826636" cy="2826636"/>
            </a:xfrm>
            <a:prstGeom prst="ellipse">
              <a:avLst/>
            </a:prstGeom>
            <a:noFill/>
            <a:ln w="9525">
              <a:solidFill>
                <a:schemeClr val="bg1"/>
              </a:solidFill>
              <a:prstDash val="lgDash"/>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pic>
          <p:nvPicPr>
            <p:cNvPr id="12" name="Picture 11"/>
            <p:cNvPicPr/>
            <p:nvPr/>
          </p:nvPicPr>
          <p:blipFill rotWithShape="1">
            <a:blip r:embed="rId4" cstate="screen">
              <a:extLst>
                <a:ext uri="{28A0092B-C50C-407E-A947-70E740481C1C}">
                  <a14:useLocalDpi xmlns:a14="http://schemas.microsoft.com/office/drawing/2010/main"/>
                </a:ext>
              </a:extLst>
            </a:blip>
            <a:srcRect/>
            <a:stretch/>
          </p:blipFill>
          <p:spPr>
            <a:xfrm>
              <a:off x="1181406" y="1192715"/>
              <a:ext cx="2432764" cy="2477730"/>
            </a:xfrm>
            <a:prstGeom prst="ellipse">
              <a:avLst/>
            </a:prstGeom>
            <a:ln w="9525">
              <a:noFill/>
            </a:ln>
          </p:spPr>
        </p:pic>
      </p:grpSp>
      <p:sp>
        <p:nvSpPr>
          <p:cNvPr id="4" name="Title 11"/>
          <p:cNvSpPr>
            <a:spLocks noGrp="1"/>
          </p:cNvSpPr>
          <p:nvPr>
            <p:ph type="title"/>
          </p:nvPr>
        </p:nvSpPr>
        <p:spPr>
          <a:xfrm>
            <a:off x="3956944" y="970397"/>
            <a:ext cx="6491726" cy="605699"/>
          </a:xfrm>
          <a:ln>
            <a:noFill/>
          </a:ln>
        </p:spPr>
        <p:txBody>
          <a:bodyPr>
            <a:noAutofit/>
          </a:bodyPr>
          <a:lstStyle/>
          <a:p>
            <a:pPr algn="l" eaLnBrk="1" hangingPunct="1"/>
            <a:r>
              <a:rPr lang="en-US" b="0" dirty="0">
                <a:solidFill>
                  <a:schemeClr val="bg1"/>
                </a:solidFill>
              </a:rPr>
              <a:t>Rick Austin</a:t>
            </a:r>
          </a:p>
        </p:txBody>
      </p:sp>
      <p:sp>
        <p:nvSpPr>
          <p:cNvPr id="6" name="TextBox 5"/>
          <p:cNvSpPr txBox="1">
            <a:spLocks noChangeArrowheads="1"/>
          </p:cNvSpPr>
          <p:nvPr/>
        </p:nvSpPr>
        <p:spPr bwMode="auto">
          <a:xfrm>
            <a:off x="3956943" y="2219608"/>
            <a:ext cx="6491727" cy="954107"/>
          </a:xfrm>
          <a:prstGeom prst="rect">
            <a:avLst/>
          </a:prstGeom>
          <a:noFill/>
          <a:ln w="9525">
            <a:noFill/>
            <a:miter lim="800000"/>
            <a:headEnd/>
            <a:tailEnd/>
          </a:ln>
        </p:spPr>
        <p:txBody>
          <a:bodyPr wrap="square">
            <a:spAutoFit/>
          </a:bodyPr>
          <a:lstStyle/>
          <a:p>
            <a:r>
              <a:rPr lang="en-US" sz="2000" spc="110" dirty="0">
                <a:solidFill>
                  <a:schemeClr val="bg1"/>
                </a:solidFill>
                <a:latin typeface="Brandon Grotesque Medium" panose="020B0503020203060202" pitchFamily="34" charset="77"/>
              </a:rPr>
              <a:t>ABOUT ME </a:t>
            </a:r>
          </a:p>
          <a:p>
            <a:r>
              <a:rPr lang="en-US" b="1" dirty="0">
                <a:solidFill>
                  <a:schemeClr val="bg1"/>
                </a:solidFill>
                <a:latin typeface="ALEO LIGHT" panose="020F0302020204030203" pitchFamily="34" charset="77"/>
              </a:rPr>
              <a:t>Experience applying agile to small teams, large distributed teams, &amp; change management</a:t>
            </a:r>
          </a:p>
        </p:txBody>
      </p:sp>
      <p:sp>
        <p:nvSpPr>
          <p:cNvPr id="10" name="TextBox 9"/>
          <p:cNvSpPr txBox="1"/>
          <p:nvPr/>
        </p:nvSpPr>
        <p:spPr>
          <a:xfrm>
            <a:off x="3956944" y="1576096"/>
            <a:ext cx="5399846" cy="338554"/>
          </a:xfrm>
          <a:prstGeom prst="rect">
            <a:avLst/>
          </a:prstGeom>
          <a:noFill/>
        </p:spPr>
        <p:txBody>
          <a:bodyPr wrap="square" rtlCol="0">
            <a:spAutoFit/>
          </a:bodyPr>
          <a:lstStyle/>
          <a:p>
            <a:r>
              <a:rPr lang="en-US" sz="1600" i="1" dirty="0">
                <a:solidFill>
                  <a:schemeClr val="bg1"/>
                </a:solidFill>
              </a:rPr>
              <a:t>Expert in Financial Services Industry  |  Georgia State Grad</a:t>
            </a:r>
          </a:p>
        </p:txBody>
      </p:sp>
      <p:sp>
        <p:nvSpPr>
          <p:cNvPr id="43" name="Rectangle 42">
            <a:extLst>
              <a:ext uri="{FF2B5EF4-FFF2-40B4-BE49-F238E27FC236}">
                <a16:creationId xmlns:a16="http://schemas.microsoft.com/office/drawing/2014/main" id="{12D05762-517F-E640-B07B-5A25BF97BCD8}"/>
              </a:ext>
            </a:extLst>
          </p:cNvPr>
          <p:cNvSpPr/>
          <p:nvPr/>
        </p:nvSpPr>
        <p:spPr>
          <a:xfrm>
            <a:off x="849523" y="6194142"/>
            <a:ext cx="4346946" cy="261610"/>
          </a:xfrm>
          <a:prstGeom prst="rect">
            <a:avLst/>
          </a:prstGeom>
        </p:spPr>
        <p:txBody>
          <a:bodyPr wrap="square">
            <a:spAutoFit/>
          </a:bodyPr>
          <a:lstStyle/>
          <a:p>
            <a:r>
              <a:rPr lang="en-US" sz="1100" dirty="0">
                <a:solidFill>
                  <a:schemeClr val="accent4">
                    <a:lumMod val="50000"/>
                  </a:schemeClr>
                </a:solidFill>
                <a:latin typeface="Brandon Grotesque Regular" panose="020B0503020203060202" pitchFamily="34" charset="77"/>
              </a:rPr>
              <a:t>RICK@LEADINGAGILE.COM   |   678.743.1616</a:t>
            </a:r>
          </a:p>
        </p:txBody>
      </p:sp>
      <p:grpSp>
        <p:nvGrpSpPr>
          <p:cNvPr id="18" name="Group 17">
            <a:extLst>
              <a:ext uri="{FF2B5EF4-FFF2-40B4-BE49-F238E27FC236}">
                <a16:creationId xmlns:a16="http://schemas.microsoft.com/office/drawing/2014/main" id="{7512DF6F-9B1E-5D48-A163-E5B3BB1DA1B8}"/>
              </a:ext>
            </a:extLst>
          </p:cNvPr>
          <p:cNvGrpSpPr/>
          <p:nvPr/>
        </p:nvGrpSpPr>
        <p:grpSpPr>
          <a:xfrm>
            <a:off x="570701" y="3734444"/>
            <a:ext cx="11243892" cy="1463407"/>
            <a:chOff x="576803" y="3992137"/>
            <a:chExt cx="11243892" cy="1463407"/>
          </a:xfrm>
        </p:grpSpPr>
        <p:sp>
          <p:nvSpPr>
            <p:cNvPr id="24" name="TextBox 23">
              <a:extLst>
                <a:ext uri="{FF2B5EF4-FFF2-40B4-BE49-F238E27FC236}">
                  <a16:creationId xmlns:a16="http://schemas.microsoft.com/office/drawing/2014/main" id="{863BFAAF-19E7-7B41-B6B0-E36019F272F3}"/>
                </a:ext>
              </a:extLst>
            </p:cNvPr>
            <p:cNvSpPr txBox="1"/>
            <p:nvPr/>
          </p:nvSpPr>
          <p:spPr>
            <a:xfrm>
              <a:off x="576803" y="4732172"/>
              <a:ext cx="1951817" cy="492443"/>
            </a:xfrm>
            <a:prstGeom prst="rect">
              <a:avLst/>
            </a:prstGeom>
            <a:noFill/>
          </p:spPr>
          <p:txBody>
            <a:bodyPr wrap="square" rtlCol="0">
              <a:spAutoFit/>
            </a:bodyPr>
            <a:lstStyle/>
            <a:p>
              <a:pPr algn="ctr"/>
              <a:r>
                <a:rPr lang="en-US" sz="1300" dirty="0">
                  <a:solidFill>
                    <a:schemeClr val="accent4">
                      <a:lumMod val="50000"/>
                    </a:schemeClr>
                  </a:solidFill>
                </a:rPr>
                <a:t>Information Technology  Director </a:t>
              </a:r>
            </a:p>
          </p:txBody>
        </p:sp>
        <p:sp>
          <p:nvSpPr>
            <p:cNvPr id="27" name="TextBox 26">
              <a:extLst>
                <a:ext uri="{FF2B5EF4-FFF2-40B4-BE49-F238E27FC236}">
                  <a16:creationId xmlns:a16="http://schemas.microsoft.com/office/drawing/2014/main" id="{677130C0-BC77-E84E-B335-6A0D874445C4}"/>
                </a:ext>
              </a:extLst>
            </p:cNvPr>
            <p:cNvSpPr txBox="1"/>
            <p:nvPr/>
          </p:nvSpPr>
          <p:spPr>
            <a:xfrm>
              <a:off x="2582862" y="4732172"/>
              <a:ext cx="2448625" cy="492443"/>
            </a:xfrm>
            <a:prstGeom prst="rect">
              <a:avLst/>
            </a:prstGeom>
            <a:noFill/>
          </p:spPr>
          <p:txBody>
            <a:bodyPr wrap="square" rtlCol="0">
              <a:spAutoFit/>
            </a:bodyPr>
            <a:lstStyle/>
            <a:p>
              <a:pPr algn="ctr"/>
              <a:r>
                <a:rPr lang="en-US" sz="1300" dirty="0">
                  <a:solidFill>
                    <a:schemeClr val="accent4">
                      <a:lumMod val="50000"/>
                    </a:schemeClr>
                  </a:solidFill>
                </a:rPr>
                <a:t>Agile Transition Director, Program Manager</a:t>
              </a:r>
            </a:p>
          </p:txBody>
        </p:sp>
        <p:sp>
          <p:nvSpPr>
            <p:cNvPr id="28" name="TextBox 27">
              <a:extLst>
                <a:ext uri="{FF2B5EF4-FFF2-40B4-BE49-F238E27FC236}">
                  <a16:creationId xmlns:a16="http://schemas.microsoft.com/office/drawing/2014/main" id="{A75BCBA7-A0D1-6443-8CF2-EC42D9B73457}"/>
                </a:ext>
              </a:extLst>
            </p:cNvPr>
            <p:cNvSpPr txBox="1">
              <a:spLocks noChangeArrowheads="1"/>
            </p:cNvSpPr>
            <p:nvPr/>
          </p:nvSpPr>
          <p:spPr bwMode="auto">
            <a:xfrm>
              <a:off x="4978645" y="4732172"/>
              <a:ext cx="2529620" cy="492443"/>
            </a:xfrm>
            <a:prstGeom prst="rect">
              <a:avLst/>
            </a:prstGeom>
            <a:noFill/>
            <a:ln w="9525">
              <a:noFill/>
              <a:miter lim="800000"/>
              <a:headEnd/>
              <a:tailEnd/>
            </a:ln>
          </p:spPr>
          <p:txBody>
            <a:bodyPr wrap="square">
              <a:spAutoFit/>
            </a:bodyPr>
            <a:lstStyle/>
            <a:p>
              <a:pPr algn="ctr"/>
              <a:r>
                <a:rPr lang="en-US" sz="1300" dirty="0">
                  <a:solidFill>
                    <a:schemeClr val="accent4">
                      <a:lumMod val="50000"/>
                    </a:schemeClr>
                  </a:solidFill>
                </a:rPr>
                <a:t>Agile Project Management</a:t>
              </a:r>
            </a:p>
            <a:p>
              <a:pPr algn="ctr"/>
              <a:r>
                <a:rPr lang="en-US" sz="1300" dirty="0">
                  <a:solidFill>
                    <a:schemeClr val="accent4">
                      <a:lumMod val="50000"/>
                    </a:schemeClr>
                  </a:solidFill>
                </a:rPr>
                <a:t>Volunteer and Leader</a:t>
              </a:r>
            </a:p>
          </p:txBody>
        </p:sp>
        <p:pic>
          <p:nvPicPr>
            <p:cNvPr id="30" name="Picture 29" descr="Logo, company name&#10;&#10;Description automatically generated">
              <a:extLst>
                <a:ext uri="{FF2B5EF4-FFF2-40B4-BE49-F238E27FC236}">
                  <a16:creationId xmlns:a16="http://schemas.microsoft.com/office/drawing/2014/main" id="{139B5AB2-EFA6-C242-92C4-C2ED1CCAAFF2}"/>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442554" y="4277323"/>
              <a:ext cx="729241" cy="365760"/>
            </a:xfrm>
            <a:prstGeom prst="rect">
              <a:avLst/>
            </a:prstGeom>
          </p:spPr>
        </p:pic>
        <p:pic>
          <p:nvPicPr>
            <p:cNvPr id="32" name="Picture 31" descr="A white background with black text&#10;&#10;Description automatically generated with medium confidence">
              <a:extLst>
                <a:ext uri="{FF2B5EF4-FFF2-40B4-BE49-F238E27FC236}">
                  <a16:creationId xmlns:a16="http://schemas.microsoft.com/office/drawing/2014/main" id="{D1B89F1C-9713-0146-9CC7-7F84F72EF709}"/>
                </a:ext>
              </a:extLst>
            </p:cNvPr>
            <p:cNvPicPr>
              <a:picLocks noChangeAspect="1"/>
            </p:cNvPicPr>
            <p:nvPr/>
          </p:nvPicPr>
          <p:blipFill rotWithShape="1">
            <a:blip r:embed="rId6" cstate="screen">
              <a:extLst>
                <a:ext uri="{28A0092B-C50C-407E-A947-70E740481C1C}">
                  <a14:useLocalDpi xmlns:a14="http://schemas.microsoft.com/office/drawing/2010/main"/>
                </a:ext>
              </a:extLst>
            </a:blip>
            <a:srcRect l="-1768"/>
            <a:stretch/>
          </p:blipFill>
          <p:spPr>
            <a:xfrm>
              <a:off x="10304753" y="4294525"/>
              <a:ext cx="882160" cy="331356"/>
            </a:xfrm>
            <a:prstGeom prst="rect">
              <a:avLst/>
            </a:prstGeom>
          </p:spPr>
        </p:pic>
        <p:pic>
          <p:nvPicPr>
            <p:cNvPr id="36" name="Graphic 35">
              <a:extLst>
                <a:ext uri="{FF2B5EF4-FFF2-40B4-BE49-F238E27FC236}">
                  <a16:creationId xmlns:a16="http://schemas.microsoft.com/office/drawing/2014/main" id="{5A18C68A-2C32-2044-9211-E3B119DB97C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50529" y="4277323"/>
              <a:ext cx="1235675" cy="365760"/>
            </a:xfrm>
            <a:prstGeom prst="rect">
              <a:avLst/>
            </a:prstGeom>
          </p:spPr>
        </p:pic>
        <p:pic>
          <p:nvPicPr>
            <p:cNvPr id="38" name="Picture 37" descr="Text&#10;&#10;Description automatically generated with low confidence">
              <a:extLst>
                <a:ext uri="{FF2B5EF4-FFF2-40B4-BE49-F238E27FC236}">
                  <a16:creationId xmlns:a16="http://schemas.microsoft.com/office/drawing/2014/main" id="{6128B77A-CB66-D148-937A-936C54F97A57}"/>
                </a:ext>
              </a:extLst>
            </p:cNvPr>
            <p:cNvPicPr>
              <a:picLocks noChangeAspect="1"/>
            </p:cNvPicPr>
            <p:nvPr/>
          </p:nvPicPr>
          <p:blipFill rotWithShape="1">
            <a:blip r:embed="rId9" cstate="screen">
              <a:extLst>
                <a:ext uri="{28A0092B-C50C-407E-A947-70E740481C1C}">
                  <a14:useLocalDpi xmlns:a14="http://schemas.microsoft.com/office/drawing/2010/main"/>
                </a:ext>
              </a:extLst>
            </a:blip>
            <a:srcRect/>
            <a:stretch/>
          </p:blipFill>
          <p:spPr>
            <a:xfrm>
              <a:off x="5478571" y="4213982"/>
              <a:ext cx="1529767" cy="492443"/>
            </a:xfrm>
            <a:prstGeom prst="rect">
              <a:avLst/>
            </a:prstGeom>
          </p:spPr>
        </p:pic>
        <p:cxnSp>
          <p:nvCxnSpPr>
            <p:cNvPr id="42" name="Straight Connector 41">
              <a:extLst>
                <a:ext uri="{FF2B5EF4-FFF2-40B4-BE49-F238E27FC236}">
                  <a16:creationId xmlns:a16="http://schemas.microsoft.com/office/drawing/2014/main" id="{B395C938-A79F-E240-B386-357B2AFACE49}"/>
                </a:ext>
              </a:extLst>
            </p:cNvPr>
            <p:cNvCxnSpPr>
              <a:cxnSpLocks/>
            </p:cNvCxnSpPr>
            <p:nvPr/>
          </p:nvCxnSpPr>
          <p:spPr>
            <a:xfrm>
              <a:off x="936289" y="3992137"/>
              <a:ext cx="10372390" cy="0"/>
            </a:xfrm>
            <a:prstGeom prst="line">
              <a:avLst/>
            </a:prstGeom>
            <a:ln w="9525">
              <a:solidFill>
                <a:schemeClr val="accent2"/>
              </a:solidFill>
              <a:prstDash val="dash"/>
              <a:tailEnd type="none"/>
            </a:ln>
            <a:effectLst/>
          </p:spPr>
          <p:style>
            <a:lnRef idx="2">
              <a:schemeClr val="accent1"/>
            </a:lnRef>
            <a:fillRef idx="0">
              <a:schemeClr val="accent1"/>
            </a:fillRef>
            <a:effectRef idx="1">
              <a:schemeClr val="accent1"/>
            </a:effectRef>
            <a:fontRef idx="minor">
              <a:schemeClr val="tx1"/>
            </a:fontRef>
          </p:style>
        </p:cxnSp>
        <p:sp>
          <p:nvSpPr>
            <p:cNvPr id="44" name="TextBox 43">
              <a:extLst>
                <a:ext uri="{FF2B5EF4-FFF2-40B4-BE49-F238E27FC236}">
                  <a16:creationId xmlns:a16="http://schemas.microsoft.com/office/drawing/2014/main" id="{FCE3E102-5C98-294E-B9F5-4D890DBBF5A5}"/>
                </a:ext>
              </a:extLst>
            </p:cNvPr>
            <p:cNvSpPr txBox="1">
              <a:spLocks noChangeArrowheads="1"/>
            </p:cNvSpPr>
            <p:nvPr/>
          </p:nvSpPr>
          <p:spPr bwMode="auto">
            <a:xfrm>
              <a:off x="9670971" y="4732172"/>
              <a:ext cx="2149724" cy="492443"/>
            </a:xfrm>
            <a:prstGeom prst="rect">
              <a:avLst/>
            </a:prstGeom>
            <a:noFill/>
            <a:ln w="9525">
              <a:noFill/>
              <a:miter lim="800000"/>
              <a:headEnd/>
              <a:tailEnd/>
            </a:ln>
          </p:spPr>
          <p:txBody>
            <a:bodyPr wrap="square">
              <a:spAutoFit/>
            </a:bodyPr>
            <a:lstStyle/>
            <a:p>
              <a:pPr algn="ctr"/>
              <a:r>
                <a:rPr lang="en-US" sz="1300" dirty="0">
                  <a:solidFill>
                    <a:schemeClr val="accent4">
                      <a:lumMod val="50000"/>
                    </a:schemeClr>
                  </a:solidFill>
                </a:rPr>
                <a:t>Applications Development</a:t>
              </a:r>
            </a:p>
            <a:p>
              <a:pPr algn="ctr"/>
              <a:r>
                <a:rPr lang="en-US" sz="1300" dirty="0">
                  <a:solidFill>
                    <a:schemeClr val="accent4">
                      <a:lumMod val="50000"/>
                    </a:schemeClr>
                  </a:solidFill>
                </a:rPr>
                <a:t>Manager</a:t>
              </a:r>
            </a:p>
          </p:txBody>
        </p:sp>
        <p:sp>
          <p:nvSpPr>
            <p:cNvPr id="45" name="TextBox 44">
              <a:extLst>
                <a:ext uri="{FF2B5EF4-FFF2-40B4-BE49-F238E27FC236}">
                  <a16:creationId xmlns:a16="http://schemas.microsoft.com/office/drawing/2014/main" id="{263A0159-AC0B-9F43-9DAA-C96D47889764}"/>
                </a:ext>
              </a:extLst>
            </p:cNvPr>
            <p:cNvSpPr txBox="1">
              <a:spLocks noChangeArrowheads="1"/>
            </p:cNvSpPr>
            <p:nvPr/>
          </p:nvSpPr>
          <p:spPr bwMode="auto">
            <a:xfrm>
              <a:off x="7559908" y="4732172"/>
              <a:ext cx="1930657" cy="492443"/>
            </a:xfrm>
            <a:prstGeom prst="rect">
              <a:avLst/>
            </a:prstGeom>
            <a:noFill/>
            <a:ln w="9525">
              <a:noFill/>
              <a:miter lim="800000"/>
              <a:headEnd/>
              <a:tailEnd/>
            </a:ln>
          </p:spPr>
          <p:txBody>
            <a:bodyPr wrap="square">
              <a:spAutoFit/>
            </a:bodyPr>
            <a:lstStyle/>
            <a:p>
              <a:pPr algn="ctr"/>
              <a:r>
                <a:rPr lang="en-US" sz="1300" dirty="0">
                  <a:solidFill>
                    <a:schemeClr val="accent4">
                      <a:lumMod val="50000"/>
                    </a:schemeClr>
                  </a:solidFill>
                </a:rPr>
                <a:t>Director of Development</a:t>
              </a:r>
            </a:p>
          </p:txBody>
        </p:sp>
        <p:pic>
          <p:nvPicPr>
            <p:cNvPr id="46" name="Picture 45">
              <a:extLst>
                <a:ext uri="{FF2B5EF4-FFF2-40B4-BE49-F238E27FC236}">
                  <a16:creationId xmlns:a16="http://schemas.microsoft.com/office/drawing/2014/main" id="{62EBB32C-29B4-494E-AD4F-632A81C72364}"/>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7603706" y="4368050"/>
              <a:ext cx="1843061" cy="184306"/>
            </a:xfrm>
            <a:prstGeom prst="rect">
              <a:avLst/>
            </a:prstGeom>
          </p:spPr>
        </p:pic>
        <p:cxnSp>
          <p:nvCxnSpPr>
            <p:cNvPr id="49" name="Straight Connector 48">
              <a:extLst>
                <a:ext uri="{FF2B5EF4-FFF2-40B4-BE49-F238E27FC236}">
                  <a16:creationId xmlns:a16="http://schemas.microsoft.com/office/drawing/2014/main" id="{44D28E79-253B-3C4B-8174-D67300FA4364}"/>
                </a:ext>
              </a:extLst>
            </p:cNvPr>
            <p:cNvCxnSpPr>
              <a:cxnSpLocks/>
            </p:cNvCxnSpPr>
            <p:nvPr/>
          </p:nvCxnSpPr>
          <p:spPr>
            <a:xfrm>
              <a:off x="2598795" y="4135563"/>
              <a:ext cx="0" cy="1141723"/>
            </a:xfrm>
            <a:prstGeom prst="line">
              <a:avLst/>
            </a:prstGeom>
            <a:ln w="6350">
              <a:solidFill>
                <a:schemeClr val="accent2"/>
              </a:solidFill>
              <a:prstDash val="lgDash"/>
              <a:tailEnd type="none"/>
            </a:ln>
            <a:effectLst/>
          </p:spPr>
          <p:style>
            <a:lnRef idx="2">
              <a:schemeClr val="accent1"/>
            </a:lnRef>
            <a:fillRef idx="0">
              <a:schemeClr val="accent1"/>
            </a:fillRef>
            <a:effectRef idx="1">
              <a:schemeClr val="accent1"/>
            </a:effectRef>
            <a:fontRef idx="minor">
              <a:schemeClr val="tx1"/>
            </a:fontRef>
          </p:style>
        </p:cxnSp>
        <p:cxnSp>
          <p:nvCxnSpPr>
            <p:cNvPr id="51" name="Straight Connector 50">
              <a:extLst>
                <a:ext uri="{FF2B5EF4-FFF2-40B4-BE49-F238E27FC236}">
                  <a16:creationId xmlns:a16="http://schemas.microsoft.com/office/drawing/2014/main" id="{EE7449C0-ACEB-1544-9E3F-05E36E6E2BD7}"/>
                </a:ext>
              </a:extLst>
            </p:cNvPr>
            <p:cNvCxnSpPr>
              <a:cxnSpLocks/>
            </p:cNvCxnSpPr>
            <p:nvPr/>
          </p:nvCxnSpPr>
          <p:spPr>
            <a:xfrm>
              <a:off x="5088815" y="4135563"/>
              <a:ext cx="0" cy="1141723"/>
            </a:xfrm>
            <a:prstGeom prst="line">
              <a:avLst/>
            </a:prstGeom>
            <a:ln w="6350">
              <a:solidFill>
                <a:schemeClr val="accent2"/>
              </a:solidFill>
              <a:prstDash val="lgDash"/>
              <a:tailEnd type="none"/>
            </a:ln>
            <a:effectLst/>
          </p:spPr>
          <p:style>
            <a:lnRef idx="2">
              <a:schemeClr val="accent1"/>
            </a:lnRef>
            <a:fillRef idx="0">
              <a:schemeClr val="accent1"/>
            </a:fillRef>
            <a:effectRef idx="1">
              <a:schemeClr val="accent1"/>
            </a:effectRef>
            <a:fontRef idx="minor">
              <a:schemeClr val="tx1"/>
            </a:fontRef>
          </p:style>
        </p:cxnSp>
        <p:cxnSp>
          <p:nvCxnSpPr>
            <p:cNvPr id="52" name="Straight Connector 51">
              <a:extLst>
                <a:ext uri="{FF2B5EF4-FFF2-40B4-BE49-F238E27FC236}">
                  <a16:creationId xmlns:a16="http://schemas.microsoft.com/office/drawing/2014/main" id="{D6D59A17-8435-3646-89E0-D3D25F7AEB8E}"/>
                </a:ext>
              </a:extLst>
            </p:cNvPr>
            <p:cNvCxnSpPr>
              <a:cxnSpLocks/>
            </p:cNvCxnSpPr>
            <p:nvPr/>
          </p:nvCxnSpPr>
          <p:spPr>
            <a:xfrm>
              <a:off x="7378280" y="4165546"/>
              <a:ext cx="0" cy="1141723"/>
            </a:xfrm>
            <a:prstGeom prst="line">
              <a:avLst/>
            </a:prstGeom>
            <a:ln w="6350">
              <a:solidFill>
                <a:schemeClr val="accent2"/>
              </a:solidFill>
              <a:prstDash val="lgDash"/>
              <a:tailEnd type="none"/>
            </a:ln>
            <a:effectLst/>
          </p:spPr>
          <p:style>
            <a:lnRef idx="2">
              <a:schemeClr val="accent1"/>
            </a:lnRef>
            <a:fillRef idx="0">
              <a:schemeClr val="accent1"/>
            </a:fillRef>
            <a:effectRef idx="1">
              <a:schemeClr val="accent1"/>
            </a:effectRef>
            <a:fontRef idx="minor">
              <a:schemeClr val="tx1"/>
            </a:fontRef>
          </p:style>
        </p:cxnSp>
        <p:cxnSp>
          <p:nvCxnSpPr>
            <p:cNvPr id="53" name="Straight Connector 52">
              <a:extLst>
                <a:ext uri="{FF2B5EF4-FFF2-40B4-BE49-F238E27FC236}">
                  <a16:creationId xmlns:a16="http://schemas.microsoft.com/office/drawing/2014/main" id="{F2723D79-4B6D-8341-BD1A-3E4C10D390C7}"/>
                </a:ext>
              </a:extLst>
            </p:cNvPr>
            <p:cNvCxnSpPr>
              <a:cxnSpLocks/>
            </p:cNvCxnSpPr>
            <p:nvPr/>
          </p:nvCxnSpPr>
          <p:spPr>
            <a:xfrm>
              <a:off x="9591039" y="4159511"/>
              <a:ext cx="0" cy="1141723"/>
            </a:xfrm>
            <a:prstGeom prst="line">
              <a:avLst/>
            </a:prstGeom>
            <a:ln w="6350">
              <a:solidFill>
                <a:schemeClr val="accent2"/>
              </a:solidFill>
              <a:prstDash val="lgDash"/>
              <a:tailEnd type="none"/>
            </a:ln>
            <a:effectLst/>
          </p:spPr>
          <p:style>
            <a:lnRef idx="2">
              <a:schemeClr val="accent1"/>
            </a:lnRef>
            <a:fillRef idx="0">
              <a:schemeClr val="accent1"/>
            </a:fillRef>
            <a:effectRef idx="1">
              <a:schemeClr val="accent1"/>
            </a:effectRef>
            <a:fontRef idx="minor">
              <a:schemeClr val="tx1"/>
            </a:fontRef>
          </p:style>
        </p:cxnSp>
        <p:cxnSp>
          <p:nvCxnSpPr>
            <p:cNvPr id="54" name="Straight Connector 53">
              <a:extLst>
                <a:ext uri="{FF2B5EF4-FFF2-40B4-BE49-F238E27FC236}">
                  <a16:creationId xmlns:a16="http://schemas.microsoft.com/office/drawing/2014/main" id="{D68FF27B-D2B2-FF46-8DD0-01A094B6839B}"/>
                </a:ext>
              </a:extLst>
            </p:cNvPr>
            <p:cNvCxnSpPr>
              <a:cxnSpLocks/>
            </p:cNvCxnSpPr>
            <p:nvPr/>
          </p:nvCxnSpPr>
          <p:spPr>
            <a:xfrm>
              <a:off x="936289" y="5455544"/>
              <a:ext cx="10372390" cy="0"/>
            </a:xfrm>
            <a:prstGeom prst="line">
              <a:avLst/>
            </a:prstGeom>
            <a:ln w="9525">
              <a:solidFill>
                <a:schemeClr val="accent2"/>
              </a:solidFill>
              <a:prstDash val="dash"/>
              <a:tailEnd type="none"/>
            </a:ln>
            <a:effectLst/>
          </p:spPr>
          <p:style>
            <a:lnRef idx="2">
              <a:schemeClr val="accent1"/>
            </a:lnRef>
            <a:fillRef idx="0">
              <a:schemeClr val="accent1"/>
            </a:fillRef>
            <a:effectRef idx="1">
              <a:schemeClr val="accent1"/>
            </a:effectRef>
            <a:fontRef idx="minor">
              <a:schemeClr val="tx1"/>
            </a:fontRef>
          </p:style>
        </p:cxnSp>
      </p:grpSp>
      <p:grpSp>
        <p:nvGrpSpPr>
          <p:cNvPr id="20" name="Group 19">
            <a:extLst>
              <a:ext uri="{FF2B5EF4-FFF2-40B4-BE49-F238E27FC236}">
                <a16:creationId xmlns:a16="http://schemas.microsoft.com/office/drawing/2014/main" id="{8FE26EFA-DC03-AB47-9607-B1F980D3FAFF}"/>
              </a:ext>
            </a:extLst>
          </p:cNvPr>
          <p:cNvGrpSpPr/>
          <p:nvPr/>
        </p:nvGrpSpPr>
        <p:grpSpPr>
          <a:xfrm>
            <a:off x="8078626" y="5425710"/>
            <a:ext cx="3263851" cy="1049918"/>
            <a:chOff x="8078626" y="5589756"/>
            <a:chExt cx="3263851" cy="1049918"/>
          </a:xfrm>
        </p:grpSpPr>
        <p:sp>
          <p:nvSpPr>
            <p:cNvPr id="47" name="Title 1">
              <a:extLst>
                <a:ext uri="{FF2B5EF4-FFF2-40B4-BE49-F238E27FC236}">
                  <a16:creationId xmlns:a16="http://schemas.microsoft.com/office/drawing/2014/main" id="{B5AF23E6-715B-B549-B70E-C1378CB783D0}"/>
                </a:ext>
              </a:extLst>
            </p:cNvPr>
            <p:cNvSpPr txBox="1">
              <a:spLocks/>
            </p:cNvSpPr>
            <p:nvPr/>
          </p:nvSpPr>
          <p:spPr>
            <a:xfrm>
              <a:off x="8402072" y="5589756"/>
              <a:ext cx="2940405" cy="1049918"/>
            </a:xfrm>
            <a:prstGeom prst="rect">
              <a:avLst/>
            </a:prstGeom>
          </p:spPr>
          <p:txBody>
            <a:bodyPr vert="horz" lIns="91440" tIns="45720" rIns="91440" bIns="45720" rtlCol="0" anchor="t">
              <a:noAutofit/>
            </a:bodyPr>
            <a:lstStyle>
              <a:lvl1pPr algn="l" defTabSz="457200" rtl="0" eaLnBrk="1" latinLnBrk="0" hangingPunct="1">
                <a:spcBef>
                  <a:spcPct val="0"/>
                </a:spcBef>
                <a:buNone/>
                <a:defRPr sz="4000" kern="1200" baseline="0">
                  <a:solidFill>
                    <a:srgbClr val="376092"/>
                  </a:solidFill>
                  <a:latin typeface="Gill Sans MT"/>
                  <a:ea typeface="+mj-ea"/>
                  <a:cs typeface="Gill Sans MT"/>
                </a:defRPr>
              </a:lvl1pPr>
            </a:lstStyle>
            <a:p>
              <a:pPr>
                <a:lnSpc>
                  <a:spcPct val="200000"/>
                </a:lnSpc>
              </a:pPr>
              <a:r>
                <a:rPr lang="en-US" sz="1000" spc="130" dirty="0">
                  <a:solidFill>
                    <a:schemeClr val="accent4">
                      <a:lumMod val="50000"/>
                    </a:schemeClr>
                  </a:solidFill>
                  <a:latin typeface="Brandon Grotesque Regular" panose="020B0503020203060202" pitchFamily="34" charset="77"/>
                </a:rPr>
                <a:t>WWW.LEADINGAGILE.COM</a:t>
              </a:r>
              <a:br>
                <a:rPr lang="en-US" sz="1000" spc="130" dirty="0">
                  <a:solidFill>
                    <a:schemeClr val="accent4">
                      <a:lumMod val="50000"/>
                    </a:schemeClr>
                  </a:solidFill>
                  <a:latin typeface="Brandon Grotesque Regular" panose="020B0503020203060202" pitchFamily="34" charset="77"/>
                </a:rPr>
              </a:br>
              <a:r>
                <a:rPr lang="en-US" sz="1000" spc="130" dirty="0">
                  <a:solidFill>
                    <a:schemeClr val="accent4">
                      <a:lumMod val="50000"/>
                    </a:schemeClr>
                  </a:solidFill>
                  <a:latin typeface="Brandon Grotesque Regular" panose="020B0503020203060202" pitchFamily="34" charset="77"/>
                </a:rPr>
                <a:t>FACEBOOK.COM/LEADINGAGILE</a:t>
              </a:r>
              <a:br>
                <a:rPr lang="en-US" sz="1000" spc="130" dirty="0">
                  <a:solidFill>
                    <a:schemeClr val="accent4">
                      <a:lumMod val="50000"/>
                    </a:schemeClr>
                  </a:solidFill>
                  <a:latin typeface="Brandon Grotesque Regular" panose="020B0503020203060202" pitchFamily="34" charset="77"/>
                </a:rPr>
              </a:br>
              <a:r>
                <a:rPr lang="en-US" sz="1000" spc="130" dirty="0">
                  <a:solidFill>
                    <a:schemeClr val="accent4">
                      <a:lumMod val="50000"/>
                    </a:schemeClr>
                  </a:solidFill>
                  <a:latin typeface="Brandon Grotesque Regular" panose="020B0503020203060202" pitchFamily="34" charset="77"/>
                </a:rPr>
                <a:t>LINKEDIN.COM/IN/RICKDAUSTIN</a:t>
              </a:r>
              <a:endParaRPr lang="en-US" sz="1200" spc="130" dirty="0">
                <a:solidFill>
                  <a:schemeClr val="accent4">
                    <a:lumMod val="50000"/>
                  </a:schemeClr>
                </a:solidFill>
                <a:latin typeface="Brandon Grotesque Regular" panose="020B0503020203060202" pitchFamily="34" charset="77"/>
              </a:endParaRPr>
            </a:p>
          </p:txBody>
        </p:sp>
        <p:grpSp>
          <p:nvGrpSpPr>
            <p:cNvPr id="15" name="Group 14">
              <a:extLst>
                <a:ext uri="{FF2B5EF4-FFF2-40B4-BE49-F238E27FC236}">
                  <a16:creationId xmlns:a16="http://schemas.microsoft.com/office/drawing/2014/main" id="{EDD9849F-ACBC-1B41-BB0C-1BD3BD5F7C83}"/>
                </a:ext>
              </a:extLst>
            </p:cNvPr>
            <p:cNvGrpSpPr>
              <a:grpSpLocks noChangeAspect="1"/>
            </p:cNvGrpSpPr>
            <p:nvPr/>
          </p:nvGrpSpPr>
          <p:grpSpPr>
            <a:xfrm>
              <a:off x="8092342" y="6293437"/>
              <a:ext cx="274320" cy="274320"/>
              <a:chOff x="6170097" y="5866969"/>
              <a:chExt cx="301752" cy="301752"/>
            </a:xfrm>
          </p:grpSpPr>
          <p:sp>
            <p:nvSpPr>
              <p:cNvPr id="14" name="Oval 13">
                <a:extLst>
                  <a:ext uri="{FF2B5EF4-FFF2-40B4-BE49-F238E27FC236}">
                    <a16:creationId xmlns:a16="http://schemas.microsoft.com/office/drawing/2014/main" id="{2AEB0F55-8990-8844-9136-E480BB277A37}"/>
                  </a:ext>
                </a:extLst>
              </p:cNvPr>
              <p:cNvSpPr>
                <a:spLocks noChangeAspect="1"/>
              </p:cNvSpPr>
              <p:nvPr/>
            </p:nvSpPr>
            <p:spPr>
              <a:xfrm>
                <a:off x="6170097" y="5866969"/>
                <a:ext cx="301752" cy="301752"/>
              </a:xfrm>
              <a:prstGeom prst="ellipse">
                <a:avLst/>
              </a:prstGeom>
              <a:solidFill>
                <a:schemeClr val="tx1"/>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pic>
            <p:nvPicPr>
              <p:cNvPr id="7" name="Graphic 6">
                <a:extLst>
                  <a:ext uri="{FF2B5EF4-FFF2-40B4-BE49-F238E27FC236}">
                    <a16:creationId xmlns:a16="http://schemas.microsoft.com/office/drawing/2014/main" id="{1C6C9575-8538-9248-8118-579E8C100316}"/>
                  </a:ext>
                </a:extLst>
              </p:cNvPr>
              <p:cNvPicPr>
                <a:picLocks noChangeAspect="1"/>
              </p:cNvPicPr>
              <p:nvPr/>
            </p:nvPicPr>
            <p:blipFill>
              <a:blip r:embed="rId11" cstate="screen">
                <a:extLst>
                  <a:ext uri="{28A0092B-C50C-407E-A947-70E740481C1C}">
                    <a14:useLocalDpi xmlns:a14="http://schemas.microsoft.com/office/drawing/2010/main"/>
                  </a:ext>
                  <a:ext uri="{96DAC541-7B7A-43D3-8B79-37D633B846F1}">
                    <asvg:svgBlip xmlns:asvg="http://schemas.microsoft.com/office/drawing/2016/SVG/main" r:embed="rId12"/>
                  </a:ext>
                </a:extLst>
              </a:blip>
              <a:stretch>
                <a:fillRect/>
              </a:stretch>
            </p:blipFill>
            <p:spPr>
              <a:xfrm>
                <a:off x="6229533" y="5926405"/>
                <a:ext cx="182880" cy="182880"/>
              </a:xfrm>
              <a:prstGeom prst="rect">
                <a:avLst/>
              </a:prstGeom>
            </p:spPr>
          </p:pic>
        </p:grpSp>
        <p:pic>
          <p:nvPicPr>
            <p:cNvPr id="13" name="Graphic 12">
              <a:extLst>
                <a:ext uri="{FF2B5EF4-FFF2-40B4-BE49-F238E27FC236}">
                  <a16:creationId xmlns:a16="http://schemas.microsoft.com/office/drawing/2014/main" id="{70DA42E6-8267-0747-8774-009C227501AF}"/>
                </a:ext>
              </a:extLst>
            </p:cNvPr>
            <p:cNvPicPr>
              <a:picLocks noChangeAspect="1"/>
            </p:cNvPicPr>
            <p:nvPr/>
          </p:nvPicPr>
          <p:blipFill>
            <a:blip r:embed="rId13" cstate="screen">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blipFill>
          <p:spPr>
            <a:xfrm>
              <a:off x="8078626" y="5654740"/>
              <a:ext cx="301752" cy="301752"/>
            </a:xfrm>
            <a:prstGeom prst="rect">
              <a:avLst/>
            </a:prstGeom>
          </p:spPr>
        </p:pic>
        <p:grpSp>
          <p:nvGrpSpPr>
            <p:cNvPr id="16" name="Group 15">
              <a:extLst>
                <a:ext uri="{FF2B5EF4-FFF2-40B4-BE49-F238E27FC236}">
                  <a16:creationId xmlns:a16="http://schemas.microsoft.com/office/drawing/2014/main" id="{911152DD-8DF5-D54B-B94B-8622B0471158}"/>
                </a:ext>
              </a:extLst>
            </p:cNvPr>
            <p:cNvGrpSpPr>
              <a:grpSpLocks noChangeAspect="1"/>
            </p:cNvGrpSpPr>
            <p:nvPr/>
          </p:nvGrpSpPr>
          <p:grpSpPr>
            <a:xfrm>
              <a:off x="8092342" y="5986157"/>
              <a:ext cx="274320" cy="274320"/>
              <a:chOff x="5289567" y="5698391"/>
              <a:chExt cx="301752" cy="301752"/>
            </a:xfrm>
          </p:grpSpPr>
          <p:sp>
            <p:nvSpPr>
              <p:cNvPr id="34" name="Oval 33">
                <a:extLst>
                  <a:ext uri="{FF2B5EF4-FFF2-40B4-BE49-F238E27FC236}">
                    <a16:creationId xmlns:a16="http://schemas.microsoft.com/office/drawing/2014/main" id="{D138EA8E-A277-114A-91DF-2584A71DF691}"/>
                  </a:ext>
                </a:extLst>
              </p:cNvPr>
              <p:cNvSpPr>
                <a:spLocks noChangeAspect="1"/>
              </p:cNvSpPr>
              <p:nvPr/>
            </p:nvSpPr>
            <p:spPr>
              <a:xfrm>
                <a:off x="5289567" y="5698391"/>
                <a:ext cx="301752" cy="301752"/>
              </a:xfrm>
              <a:prstGeom prst="ellipse">
                <a:avLst/>
              </a:prstGeom>
              <a:solidFill>
                <a:schemeClr val="tx1"/>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pic>
            <p:nvPicPr>
              <p:cNvPr id="9" name="Graphic 8">
                <a:extLst>
                  <a:ext uri="{FF2B5EF4-FFF2-40B4-BE49-F238E27FC236}">
                    <a16:creationId xmlns:a16="http://schemas.microsoft.com/office/drawing/2014/main" id="{82B683E5-AE08-4B4B-810D-E7CE856A6758}"/>
                  </a:ext>
                </a:extLst>
              </p:cNvPr>
              <p:cNvPicPr>
                <a:picLocks noChangeAspect="1"/>
              </p:cNvPicPr>
              <p:nvPr/>
            </p:nvPicPr>
            <p:blipFill>
              <a:blip r:embed="rId15" cstate="screen">
                <a:extLst>
                  <a:ext uri="{28A0092B-C50C-407E-A947-70E740481C1C}">
                    <a14:useLocalDpi xmlns:a14="http://schemas.microsoft.com/office/drawing/2010/main"/>
                  </a:ext>
                  <a:ext uri="{96DAC541-7B7A-43D3-8B79-37D633B846F1}">
                    <asvg:svgBlip xmlns:asvg="http://schemas.microsoft.com/office/drawing/2016/SVG/main" r:embed="rId16"/>
                  </a:ext>
                </a:extLst>
              </a:blip>
              <a:stretch>
                <a:fillRect/>
              </a:stretch>
            </p:blipFill>
            <p:spPr>
              <a:xfrm>
                <a:off x="5349003" y="5757827"/>
                <a:ext cx="182880" cy="182880"/>
              </a:xfrm>
              <a:prstGeom prst="rect">
                <a:avLst/>
              </a:prstGeom>
            </p:spPr>
          </p:pic>
        </p:grpSp>
      </p:grpSp>
      <p:sp>
        <p:nvSpPr>
          <p:cNvPr id="41" name="Rounded Rectangle 40">
            <a:extLst>
              <a:ext uri="{FF2B5EF4-FFF2-40B4-BE49-F238E27FC236}">
                <a16:creationId xmlns:a16="http://schemas.microsoft.com/office/drawing/2014/main" id="{59F4FCA9-983D-0C44-AEAE-81E1C2A9582B}"/>
              </a:ext>
            </a:extLst>
          </p:cNvPr>
          <p:cNvSpPr/>
          <p:nvPr/>
        </p:nvSpPr>
        <p:spPr>
          <a:xfrm>
            <a:off x="7895296" y="5414925"/>
            <a:ext cx="3506745" cy="1199858"/>
          </a:xfrm>
          <a:prstGeom prst="roundRect">
            <a:avLst/>
          </a:prstGeom>
          <a:noFill/>
          <a:ln w="9525">
            <a:solidFill>
              <a:schemeClr val="accent2"/>
            </a:solidFill>
            <a:prstDash val="lgDash"/>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8" name="Slide Number Placeholder 7">
            <a:extLst>
              <a:ext uri="{FF2B5EF4-FFF2-40B4-BE49-F238E27FC236}">
                <a16:creationId xmlns:a16="http://schemas.microsoft.com/office/drawing/2014/main" id="{00BADE65-8D14-6740-A950-1C4E3FB178B4}"/>
              </a:ext>
            </a:extLst>
          </p:cNvPr>
          <p:cNvSpPr>
            <a:spLocks noGrp="1"/>
          </p:cNvSpPr>
          <p:nvPr>
            <p:ph type="sldNum" sz="quarter" idx="4"/>
          </p:nvPr>
        </p:nvSpPr>
        <p:spPr/>
        <p:txBody>
          <a:bodyPr/>
          <a:lstStyle/>
          <a:p>
            <a:fld id="{742ED878-647B-DB4D-84DF-0BCCAF9DD0BF}" type="slidenum">
              <a:rPr lang="en-US" smtClean="0"/>
              <a:pPr/>
              <a:t>2</a:t>
            </a:fld>
            <a:endParaRPr lang="en-US" dirty="0"/>
          </a:p>
        </p:txBody>
      </p:sp>
    </p:spTree>
    <p:extLst>
      <p:ext uri="{BB962C8B-B14F-4D97-AF65-F5344CB8AC3E}">
        <p14:creationId xmlns:p14="http://schemas.microsoft.com/office/powerpoint/2010/main" val="22151163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able 5">
            <a:extLst>
              <a:ext uri="{FF2B5EF4-FFF2-40B4-BE49-F238E27FC236}">
                <a16:creationId xmlns:a16="http://schemas.microsoft.com/office/drawing/2014/main" id="{9F8204FB-9E52-4544-AB63-05977944139C}"/>
              </a:ext>
            </a:extLst>
          </p:cNvPr>
          <p:cNvGraphicFramePr>
            <a:graphicFrameLocks noGrp="1"/>
          </p:cNvGraphicFramePr>
          <p:nvPr>
            <p:ph idx="1"/>
            <p:extLst>
              <p:ext uri="{D42A27DB-BD31-4B8C-83A1-F6EECF244321}">
                <p14:modId xmlns:p14="http://schemas.microsoft.com/office/powerpoint/2010/main" val="3160428413"/>
              </p:ext>
            </p:extLst>
          </p:nvPr>
        </p:nvGraphicFramePr>
        <p:xfrm>
          <a:off x="1703388" y="1836737"/>
          <a:ext cx="9468196" cy="4509100"/>
        </p:xfrm>
        <a:graphic>
          <a:graphicData uri="http://schemas.openxmlformats.org/drawingml/2006/table">
            <a:tbl>
              <a:tblPr firstRow="1" bandRow="1">
                <a:tableStyleId>{5C22544A-7EE6-4342-B048-85BDC9FD1C3A}</a:tableStyleId>
              </a:tblPr>
              <a:tblGrid>
                <a:gridCol w="1756821">
                  <a:extLst>
                    <a:ext uri="{9D8B030D-6E8A-4147-A177-3AD203B41FA5}">
                      <a16:colId xmlns:a16="http://schemas.microsoft.com/office/drawing/2014/main" val="2827715778"/>
                    </a:ext>
                  </a:extLst>
                </a:gridCol>
                <a:gridCol w="1290294">
                  <a:extLst>
                    <a:ext uri="{9D8B030D-6E8A-4147-A177-3AD203B41FA5}">
                      <a16:colId xmlns:a16="http://schemas.microsoft.com/office/drawing/2014/main" val="1107186199"/>
                    </a:ext>
                  </a:extLst>
                </a:gridCol>
                <a:gridCol w="6421081">
                  <a:extLst>
                    <a:ext uri="{9D8B030D-6E8A-4147-A177-3AD203B41FA5}">
                      <a16:colId xmlns:a16="http://schemas.microsoft.com/office/drawing/2014/main" val="1107531072"/>
                    </a:ext>
                  </a:extLst>
                </a:gridCol>
              </a:tblGrid>
              <a:tr h="736864">
                <a:tc>
                  <a:txBody>
                    <a:bodyPr/>
                    <a:lstStyle/>
                    <a:p>
                      <a:r>
                        <a:rPr lang="en-US" sz="1600" spc="140" baseline="0" dirty="0"/>
                        <a:t>ROLE</a:t>
                      </a:r>
                    </a:p>
                  </a:txBody>
                  <a:tcPr anchor="ctr">
                    <a:solidFill>
                      <a:schemeClr val="accent1"/>
                    </a:solidFill>
                  </a:tcPr>
                </a:tc>
                <a:tc>
                  <a:txBody>
                    <a:bodyPr/>
                    <a:lstStyle/>
                    <a:p>
                      <a:endParaRPr lang="en-US" sz="1600" spc="140" baseline="0" dirty="0"/>
                    </a:p>
                  </a:txBody>
                  <a:tcPr anchor="ctr">
                    <a:solidFill>
                      <a:schemeClr val="accent1"/>
                    </a:solidFill>
                  </a:tcPr>
                </a:tc>
                <a:tc>
                  <a:txBody>
                    <a:bodyPr/>
                    <a:lstStyle/>
                    <a:p>
                      <a:r>
                        <a:rPr lang="en-US" sz="1600" spc="140" baseline="0" dirty="0"/>
                        <a:t>DESCRIPTION</a:t>
                      </a:r>
                    </a:p>
                  </a:txBody>
                  <a:tcPr anchor="ctr">
                    <a:solidFill>
                      <a:schemeClr val="accent1"/>
                    </a:solidFill>
                  </a:tcPr>
                </a:tc>
                <a:extLst>
                  <a:ext uri="{0D108BD9-81ED-4DB2-BD59-A6C34878D82A}">
                    <a16:rowId xmlns:a16="http://schemas.microsoft.com/office/drawing/2014/main" val="1983076109"/>
                  </a:ext>
                </a:extLst>
              </a:tr>
              <a:tr h="943059">
                <a:tc>
                  <a:txBody>
                    <a:bodyPr/>
                    <a:lstStyle/>
                    <a:p>
                      <a:r>
                        <a:rPr lang="en-US" sz="1100" b="1" cap="all" spc="80" baseline="0" dirty="0">
                          <a:solidFill>
                            <a:schemeClr val="accent4">
                              <a:lumMod val="50000"/>
                            </a:schemeClr>
                          </a:solidFill>
                        </a:rPr>
                        <a:t>PRODUCT MANAGER</a:t>
                      </a:r>
                    </a:p>
                  </a:txBody>
                  <a:tcPr anchor="ctr">
                    <a:lnR w="9525" cap="flat" cmpd="sng" algn="ctr">
                      <a:solidFill>
                        <a:schemeClr val="accent4">
                          <a:lumMod val="50000"/>
                        </a:schemeClr>
                      </a:solidFill>
                      <a:prstDash val="dot"/>
                      <a:round/>
                      <a:headEnd type="none" w="med" len="med"/>
                      <a:tailEnd type="none" w="med" len="med"/>
                    </a:lnR>
                    <a:lnB w="9525" cap="flat" cmpd="sng" algn="ctr">
                      <a:solidFill>
                        <a:schemeClr val="accent4">
                          <a:lumMod val="50000"/>
                        </a:schemeClr>
                      </a:solidFill>
                      <a:prstDash val="dot"/>
                      <a:round/>
                      <a:headEnd type="none" w="med" len="med"/>
                      <a:tailEnd type="none" w="med" len="med"/>
                    </a:lnB>
                    <a:noFill/>
                  </a:tcPr>
                </a:tc>
                <a:tc>
                  <a:txBody>
                    <a:bodyPr/>
                    <a:lstStyle/>
                    <a:p>
                      <a:endParaRPr lang="en-US" sz="1300" b="1" spc="80" baseline="0" dirty="0">
                        <a:solidFill>
                          <a:schemeClr val="accent4">
                            <a:lumMod val="50000"/>
                          </a:schemeClr>
                        </a:solidFill>
                      </a:endParaRPr>
                    </a:p>
                  </a:txBody>
                  <a:tcPr anchor="ctr">
                    <a:lnL w="9525" cap="flat" cmpd="sng" algn="ctr">
                      <a:solidFill>
                        <a:schemeClr val="accent4">
                          <a:lumMod val="50000"/>
                        </a:schemeClr>
                      </a:solidFill>
                      <a:prstDash val="dot"/>
                      <a:round/>
                      <a:headEnd type="none" w="med" len="med"/>
                      <a:tailEnd type="none" w="med" len="med"/>
                    </a:lnL>
                    <a:lnR w="9525" cap="flat" cmpd="sng" algn="ctr">
                      <a:solidFill>
                        <a:schemeClr val="accent4">
                          <a:lumMod val="50000"/>
                        </a:schemeClr>
                      </a:solidFill>
                      <a:prstDash val="dot"/>
                      <a:round/>
                      <a:headEnd type="none" w="med" len="med"/>
                      <a:tailEnd type="none" w="med" len="med"/>
                    </a:lnR>
                    <a:lnB w="9525" cap="flat" cmpd="sng" algn="ctr">
                      <a:solidFill>
                        <a:schemeClr val="accent4">
                          <a:lumMod val="50000"/>
                        </a:schemeClr>
                      </a:solidFill>
                      <a:prstDash val="dot"/>
                      <a:round/>
                      <a:headEnd type="none" w="med" len="med"/>
                      <a:tailEnd type="none" w="med" len="med"/>
                    </a:lnB>
                    <a:noFill/>
                  </a:tcPr>
                </a:tc>
                <a:tc>
                  <a:txBody>
                    <a:bodyPr/>
                    <a:lstStyle/>
                    <a:p>
                      <a:r>
                        <a:rPr lang="en-US" sz="1100" b="0" i="0" kern="1200" dirty="0">
                          <a:solidFill>
                            <a:schemeClr val="accent4">
                              <a:lumMod val="50000"/>
                            </a:schemeClr>
                          </a:solidFill>
                          <a:effectLst/>
                          <a:latin typeface="+mn-lt"/>
                          <a:ea typeface="+mn-ea"/>
                          <a:cs typeface="+mn-cs"/>
                        </a:rPr>
                        <a:t>Collaborates to establish product vision and identify new customer opportunity; ensures the solutions are valuable and successful; facilitates communication and relationships between Product Owners and technology; prioritizes and manages work intake​.​</a:t>
                      </a:r>
                      <a:endParaRPr lang="en-US" sz="1100" dirty="0">
                        <a:solidFill>
                          <a:schemeClr val="accent4">
                            <a:lumMod val="50000"/>
                          </a:schemeClr>
                        </a:solidFill>
                      </a:endParaRPr>
                    </a:p>
                  </a:txBody>
                  <a:tcPr anchor="ctr">
                    <a:lnL w="9525" cap="flat" cmpd="sng" algn="ctr">
                      <a:solidFill>
                        <a:schemeClr val="accent4">
                          <a:lumMod val="50000"/>
                        </a:schemeClr>
                      </a:solidFill>
                      <a:prstDash val="dot"/>
                      <a:round/>
                      <a:headEnd type="none" w="med" len="med"/>
                      <a:tailEnd type="none" w="med" len="med"/>
                    </a:lnL>
                    <a:lnB w="9525" cap="flat" cmpd="sng" algn="ctr">
                      <a:solidFill>
                        <a:schemeClr val="accent4">
                          <a:lumMod val="50000"/>
                        </a:schemeClr>
                      </a:solidFill>
                      <a:prstDash val="dot"/>
                      <a:round/>
                      <a:headEnd type="none" w="med" len="med"/>
                      <a:tailEnd type="none" w="med" len="med"/>
                    </a:lnB>
                    <a:noFill/>
                  </a:tcPr>
                </a:tc>
                <a:extLst>
                  <a:ext uri="{0D108BD9-81ED-4DB2-BD59-A6C34878D82A}">
                    <a16:rowId xmlns:a16="http://schemas.microsoft.com/office/drawing/2014/main" val="2987180964"/>
                  </a:ext>
                </a:extLst>
              </a:tr>
              <a:tr h="943059">
                <a:tc>
                  <a:txBody>
                    <a:bodyPr/>
                    <a:lstStyle/>
                    <a:p>
                      <a:r>
                        <a:rPr lang="en-US" sz="1100" b="1" cap="all" spc="80" baseline="0" dirty="0">
                          <a:solidFill>
                            <a:schemeClr val="accent4">
                              <a:lumMod val="50000"/>
                            </a:schemeClr>
                          </a:solidFill>
                        </a:rPr>
                        <a:t>PORTFOLIO ORCHESTRATOR</a:t>
                      </a:r>
                    </a:p>
                  </a:txBody>
                  <a:tcPr anchor="ctr">
                    <a:lnR w="9525" cap="flat" cmpd="sng" algn="ctr">
                      <a:solidFill>
                        <a:schemeClr val="accent4">
                          <a:lumMod val="50000"/>
                        </a:schemeClr>
                      </a:solidFill>
                      <a:prstDash val="dot"/>
                      <a:round/>
                      <a:headEnd type="none" w="med" len="med"/>
                      <a:tailEnd type="none" w="med" len="med"/>
                    </a:lnR>
                    <a:lnT w="9525" cap="flat" cmpd="sng" algn="ctr">
                      <a:solidFill>
                        <a:schemeClr val="accent4">
                          <a:lumMod val="50000"/>
                        </a:schemeClr>
                      </a:solidFill>
                      <a:prstDash val="dot"/>
                      <a:round/>
                      <a:headEnd type="none" w="med" len="med"/>
                      <a:tailEnd type="none" w="med" len="med"/>
                    </a:lnT>
                    <a:lnB w="9525" cap="flat" cmpd="sng" algn="ctr">
                      <a:solidFill>
                        <a:schemeClr val="accent4">
                          <a:lumMod val="50000"/>
                        </a:schemeClr>
                      </a:solidFill>
                      <a:prstDash val="dot"/>
                      <a:round/>
                      <a:headEnd type="none" w="med" len="med"/>
                      <a:tailEnd type="none" w="med" len="med"/>
                    </a:lnB>
                    <a:noFill/>
                  </a:tcPr>
                </a:tc>
                <a:tc>
                  <a:txBody>
                    <a:bodyPr/>
                    <a:lstStyle/>
                    <a:p>
                      <a:endParaRPr lang="en-US" sz="1300" b="1" spc="80" baseline="0">
                        <a:solidFill>
                          <a:schemeClr val="accent4">
                            <a:lumMod val="50000"/>
                          </a:schemeClr>
                        </a:solidFill>
                      </a:endParaRPr>
                    </a:p>
                  </a:txBody>
                  <a:tcPr anchor="ctr">
                    <a:lnL w="9525" cap="flat" cmpd="sng" algn="ctr">
                      <a:solidFill>
                        <a:schemeClr val="accent4">
                          <a:lumMod val="50000"/>
                        </a:schemeClr>
                      </a:solidFill>
                      <a:prstDash val="dot"/>
                      <a:round/>
                      <a:headEnd type="none" w="med" len="med"/>
                      <a:tailEnd type="none" w="med" len="med"/>
                    </a:lnL>
                    <a:lnR w="9525" cap="flat" cmpd="sng" algn="ctr">
                      <a:solidFill>
                        <a:schemeClr val="accent4">
                          <a:lumMod val="50000"/>
                        </a:schemeClr>
                      </a:solidFill>
                      <a:prstDash val="dot"/>
                      <a:round/>
                      <a:headEnd type="none" w="med" len="med"/>
                      <a:tailEnd type="none" w="med" len="med"/>
                    </a:lnR>
                    <a:lnT w="9525" cap="flat" cmpd="sng" algn="ctr">
                      <a:solidFill>
                        <a:schemeClr val="accent4">
                          <a:lumMod val="50000"/>
                        </a:schemeClr>
                      </a:solidFill>
                      <a:prstDash val="dot"/>
                      <a:round/>
                      <a:headEnd type="none" w="med" len="med"/>
                      <a:tailEnd type="none" w="med" len="med"/>
                    </a:lnT>
                    <a:lnB w="9525" cap="flat" cmpd="sng" algn="ctr">
                      <a:solidFill>
                        <a:schemeClr val="accent4">
                          <a:lumMod val="50000"/>
                        </a:schemeClr>
                      </a:solidFill>
                      <a:prstDash val="dot"/>
                      <a:round/>
                      <a:headEnd type="none" w="med" len="med"/>
                      <a:tailEnd type="none" w="med" len="med"/>
                    </a:lnB>
                    <a:noFill/>
                  </a:tcPr>
                </a:tc>
                <a:tc>
                  <a:txBody>
                    <a:bodyPr/>
                    <a:lstStyle/>
                    <a:p>
                      <a:r>
                        <a:rPr lang="en-US" sz="1100" b="0" i="0" kern="1200" dirty="0">
                          <a:solidFill>
                            <a:schemeClr val="accent4">
                              <a:lumMod val="50000"/>
                            </a:schemeClr>
                          </a:solidFill>
                          <a:effectLst/>
                          <a:latin typeface="+mn-lt"/>
                          <a:ea typeface="+mn-ea"/>
                          <a:cs typeface="+mn-cs"/>
                        </a:rPr>
                        <a:t>Ensures the Portfolio Team has clarity of capacity and demand; provides oversight to maximize governing the flow of value; ensures portfolio decisions are in alignment with the strategy, budgets and financial guidelines; acts as the escalation point for delivery issues or de-conflicting dependencies that affect multiple teams that need resolution by the Portfolio Team.</a:t>
                      </a:r>
                      <a:endParaRPr lang="en-US" sz="1100" dirty="0">
                        <a:solidFill>
                          <a:schemeClr val="accent4">
                            <a:lumMod val="50000"/>
                          </a:schemeClr>
                        </a:solidFill>
                      </a:endParaRPr>
                    </a:p>
                  </a:txBody>
                  <a:tcPr anchor="ctr">
                    <a:lnL w="9525" cap="flat" cmpd="sng" algn="ctr">
                      <a:solidFill>
                        <a:schemeClr val="accent4">
                          <a:lumMod val="50000"/>
                        </a:schemeClr>
                      </a:solidFill>
                      <a:prstDash val="dot"/>
                      <a:round/>
                      <a:headEnd type="none" w="med" len="med"/>
                      <a:tailEnd type="none" w="med" len="med"/>
                    </a:lnL>
                    <a:lnT w="9525" cap="flat" cmpd="sng" algn="ctr">
                      <a:solidFill>
                        <a:schemeClr val="accent4">
                          <a:lumMod val="50000"/>
                        </a:schemeClr>
                      </a:solidFill>
                      <a:prstDash val="dot"/>
                      <a:round/>
                      <a:headEnd type="none" w="med" len="med"/>
                      <a:tailEnd type="none" w="med" len="med"/>
                    </a:lnT>
                    <a:lnB w="9525" cap="flat" cmpd="sng" algn="ctr">
                      <a:solidFill>
                        <a:schemeClr val="accent4">
                          <a:lumMod val="50000"/>
                        </a:schemeClr>
                      </a:solidFill>
                      <a:prstDash val="dot"/>
                      <a:round/>
                      <a:headEnd type="none" w="med" len="med"/>
                      <a:tailEnd type="none" w="med" len="med"/>
                    </a:lnB>
                    <a:noFill/>
                  </a:tcPr>
                </a:tc>
                <a:extLst>
                  <a:ext uri="{0D108BD9-81ED-4DB2-BD59-A6C34878D82A}">
                    <a16:rowId xmlns:a16="http://schemas.microsoft.com/office/drawing/2014/main" val="1908441671"/>
                  </a:ext>
                </a:extLst>
              </a:tr>
              <a:tr h="943059">
                <a:tc>
                  <a:txBody>
                    <a:bodyPr/>
                    <a:lstStyle/>
                    <a:p>
                      <a:r>
                        <a:rPr lang="en-US" sz="1100" b="1" cap="all" spc="80" baseline="0" dirty="0">
                          <a:solidFill>
                            <a:schemeClr val="accent4">
                              <a:lumMod val="50000"/>
                            </a:schemeClr>
                          </a:solidFill>
                        </a:rPr>
                        <a:t>Solution ARCHITECT</a:t>
                      </a:r>
                    </a:p>
                  </a:txBody>
                  <a:tcPr anchor="ctr">
                    <a:lnR w="9525" cap="flat" cmpd="sng" algn="ctr">
                      <a:solidFill>
                        <a:schemeClr val="accent4">
                          <a:lumMod val="50000"/>
                        </a:schemeClr>
                      </a:solidFill>
                      <a:prstDash val="dot"/>
                      <a:round/>
                      <a:headEnd type="none" w="med" len="med"/>
                      <a:tailEnd type="none" w="med" len="med"/>
                    </a:lnR>
                    <a:lnT w="9525" cap="flat" cmpd="sng" algn="ctr">
                      <a:solidFill>
                        <a:schemeClr val="accent4">
                          <a:lumMod val="50000"/>
                        </a:schemeClr>
                      </a:solidFill>
                      <a:prstDash val="dot"/>
                      <a:round/>
                      <a:headEnd type="none" w="med" len="med"/>
                      <a:tailEnd type="none" w="med" len="med"/>
                    </a:lnT>
                    <a:lnB w="9525" cap="flat" cmpd="sng" algn="ctr">
                      <a:solidFill>
                        <a:schemeClr val="accent4">
                          <a:lumMod val="50000"/>
                        </a:schemeClr>
                      </a:solidFill>
                      <a:prstDash val="dot"/>
                      <a:round/>
                      <a:headEnd type="none" w="med" len="med"/>
                      <a:tailEnd type="none" w="med" len="med"/>
                    </a:lnB>
                    <a:noFill/>
                  </a:tcPr>
                </a:tc>
                <a:tc>
                  <a:txBody>
                    <a:bodyPr/>
                    <a:lstStyle/>
                    <a:p>
                      <a:endParaRPr lang="en-US" sz="1300" b="1" spc="80" baseline="0" dirty="0">
                        <a:solidFill>
                          <a:schemeClr val="accent4">
                            <a:lumMod val="50000"/>
                          </a:schemeClr>
                        </a:solidFill>
                      </a:endParaRPr>
                    </a:p>
                  </a:txBody>
                  <a:tcPr anchor="ctr">
                    <a:lnL w="9525" cap="flat" cmpd="sng" algn="ctr">
                      <a:solidFill>
                        <a:schemeClr val="accent4">
                          <a:lumMod val="50000"/>
                        </a:schemeClr>
                      </a:solidFill>
                      <a:prstDash val="dot"/>
                      <a:round/>
                      <a:headEnd type="none" w="med" len="med"/>
                      <a:tailEnd type="none" w="med" len="med"/>
                    </a:lnL>
                    <a:lnR w="9525" cap="flat" cmpd="sng" algn="ctr">
                      <a:solidFill>
                        <a:schemeClr val="accent4">
                          <a:lumMod val="50000"/>
                        </a:schemeClr>
                      </a:solidFill>
                      <a:prstDash val="dot"/>
                      <a:round/>
                      <a:headEnd type="none" w="med" len="med"/>
                      <a:tailEnd type="none" w="med" len="med"/>
                    </a:lnR>
                    <a:lnT w="9525" cap="flat" cmpd="sng" algn="ctr">
                      <a:solidFill>
                        <a:schemeClr val="accent4">
                          <a:lumMod val="50000"/>
                        </a:schemeClr>
                      </a:solidFill>
                      <a:prstDash val="dot"/>
                      <a:round/>
                      <a:headEnd type="none" w="med" len="med"/>
                      <a:tailEnd type="none" w="med" len="med"/>
                    </a:lnT>
                    <a:lnB w="9525" cap="flat" cmpd="sng" algn="ctr">
                      <a:solidFill>
                        <a:schemeClr val="accent4">
                          <a:lumMod val="50000"/>
                        </a:schemeClr>
                      </a:solidFill>
                      <a:prstDash val="dot"/>
                      <a:round/>
                      <a:headEnd type="none" w="med" len="med"/>
                      <a:tailEnd type="none" w="med" len="med"/>
                    </a:lnB>
                    <a:noFill/>
                  </a:tcPr>
                </a:tc>
                <a:tc>
                  <a:txBody>
                    <a:bodyPr/>
                    <a:lstStyle/>
                    <a:p>
                      <a:r>
                        <a:rPr lang="en-US" sz="1100" b="0" i="0" kern="1200" dirty="0">
                          <a:solidFill>
                            <a:schemeClr val="accent4">
                              <a:lumMod val="50000"/>
                            </a:schemeClr>
                          </a:solidFill>
                          <a:effectLst/>
                          <a:latin typeface="+mn-lt"/>
                          <a:ea typeface="+mn-ea"/>
                          <a:cs typeface="+mn-cs"/>
                        </a:rPr>
                        <a:t>Designs the way products are used together in solving business problems and applies proven enterprise integration patterns and domain solutions to preserve digital threads; ensures that architecture is consistent across the portfolio; ensures standards exist for infrastructure, development, and testing</a:t>
                      </a:r>
                      <a:endParaRPr lang="en-US" sz="1100" dirty="0">
                        <a:solidFill>
                          <a:schemeClr val="accent4">
                            <a:lumMod val="50000"/>
                          </a:schemeClr>
                        </a:solidFill>
                      </a:endParaRPr>
                    </a:p>
                  </a:txBody>
                  <a:tcPr anchor="ctr">
                    <a:lnL w="9525" cap="flat" cmpd="sng" algn="ctr">
                      <a:solidFill>
                        <a:schemeClr val="accent4">
                          <a:lumMod val="50000"/>
                        </a:schemeClr>
                      </a:solidFill>
                      <a:prstDash val="dot"/>
                      <a:round/>
                      <a:headEnd type="none" w="med" len="med"/>
                      <a:tailEnd type="none" w="med" len="med"/>
                    </a:lnL>
                    <a:lnT w="9525" cap="flat" cmpd="sng" algn="ctr">
                      <a:solidFill>
                        <a:schemeClr val="accent4">
                          <a:lumMod val="50000"/>
                        </a:schemeClr>
                      </a:solidFill>
                      <a:prstDash val="dot"/>
                      <a:round/>
                      <a:headEnd type="none" w="med" len="med"/>
                      <a:tailEnd type="none" w="med" len="med"/>
                    </a:lnT>
                    <a:lnB w="9525" cap="flat" cmpd="sng" algn="ctr">
                      <a:solidFill>
                        <a:schemeClr val="accent4">
                          <a:lumMod val="50000"/>
                        </a:schemeClr>
                      </a:solidFill>
                      <a:prstDash val="dot"/>
                      <a:round/>
                      <a:headEnd type="none" w="med" len="med"/>
                      <a:tailEnd type="none" w="med" len="med"/>
                    </a:lnB>
                    <a:noFill/>
                  </a:tcPr>
                </a:tc>
                <a:extLst>
                  <a:ext uri="{0D108BD9-81ED-4DB2-BD59-A6C34878D82A}">
                    <a16:rowId xmlns:a16="http://schemas.microsoft.com/office/drawing/2014/main" val="3970386855"/>
                  </a:ext>
                </a:extLst>
              </a:tr>
              <a:tr h="943059">
                <a:tc>
                  <a:txBody>
                    <a:bodyPr/>
                    <a:lstStyle/>
                    <a:p>
                      <a:r>
                        <a:rPr lang="en-US" sz="1100" b="1" cap="all" spc="80" baseline="0" dirty="0">
                          <a:solidFill>
                            <a:schemeClr val="accent4">
                              <a:lumMod val="50000"/>
                            </a:schemeClr>
                          </a:solidFill>
                        </a:rPr>
                        <a:t>STRATEGIC PRODUCT DESIGNER</a:t>
                      </a:r>
                    </a:p>
                  </a:txBody>
                  <a:tcPr anchor="ctr">
                    <a:lnR w="9525" cap="flat" cmpd="sng" algn="ctr">
                      <a:solidFill>
                        <a:schemeClr val="accent4">
                          <a:lumMod val="50000"/>
                        </a:schemeClr>
                      </a:solidFill>
                      <a:prstDash val="dot"/>
                      <a:round/>
                      <a:headEnd type="none" w="med" len="med"/>
                      <a:tailEnd type="none" w="med" len="med"/>
                    </a:lnR>
                    <a:lnT w="9525" cap="flat" cmpd="sng" algn="ctr">
                      <a:solidFill>
                        <a:schemeClr val="accent4">
                          <a:lumMod val="50000"/>
                        </a:schemeClr>
                      </a:solidFill>
                      <a:prstDash val="dot"/>
                      <a:round/>
                      <a:headEnd type="none" w="med" len="med"/>
                      <a:tailEnd type="none" w="med" len="med"/>
                    </a:lnT>
                    <a:lnB w="9525" cap="flat" cmpd="sng" algn="ctr">
                      <a:solidFill>
                        <a:schemeClr val="accent4">
                          <a:lumMod val="50000"/>
                        </a:schemeClr>
                      </a:solidFill>
                      <a:prstDash val="dot"/>
                      <a:round/>
                      <a:headEnd type="none" w="med" len="med"/>
                      <a:tailEnd type="none" w="med" len="med"/>
                    </a:lnB>
                    <a:noFill/>
                  </a:tcPr>
                </a:tc>
                <a:tc>
                  <a:txBody>
                    <a:bodyPr/>
                    <a:lstStyle/>
                    <a:p>
                      <a:endParaRPr lang="en-US" sz="1300" b="1" spc="80" baseline="0" dirty="0">
                        <a:solidFill>
                          <a:schemeClr val="accent4">
                            <a:lumMod val="50000"/>
                          </a:schemeClr>
                        </a:solidFill>
                      </a:endParaRPr>
                    </a:p>
                  </a:txBody>
                  <a:tcPr anchor="ctr">
                    <a:lnL w="9525" cap="flat" cmpd="sng" algn="ctr">
                      <a:solidFill>
                        <a:schemeClr val="accent4">
                          <a:lumMod val="50000"/>
                        </a:schemeClr>
                      </a:solidFill>
                      <a:prstDash val="dot"/>
                      <a:round/>
                      <a:headEnd type="none" w="med" len="med"/>
                      <a:tailEnd type="none" w="med" len="med"/>
                    </a:lnL>
                    <a:lnR w="9525" cap="flat" cmpd="sng" algn="ctr">
                      <a:solidFill>
                        <a:schemeClr val="accent4">
                          <a:lumMod val="50000"/>
                        </a:schemeClr>
                      </a:solidFill>
                      <a:prstDash val="dot"/>
                      <a:round/>
                      <a:headEnd type="none" w="med" len="med"/>
                      <a:tailEnd type="none" w="med" len="med"/>
                    </a:lnR>
                    <a:lnT w="9525" cap="flat" cmpd="sng" algn="ctr">
                      <a:solidFill>
                        <a:schemeClr val="accent4">
                          <a:lumMod val="50000"/>
                        </a:schemeClr>
                      </a:solidFill>
                      <a:prstDash val="dot"/>
                      <a:round/>
                      <a:headEnd type="none" w="med" len="med"/>
                      <a:tailEnd type="none" w="med" len="med"/>
                    </a:lnT>
                    <a:lnB w="9525" cap="flat" cmpd="sng" algn="ctr">
                      <a:solidFill>
                        <a:schemeClr val="accent4">
                          <a:lumMod val="50000"/>
                        </a:schemeClr>
                      </a:solidFill>
                      <a:prstDash val="dot"/>
                      <a:round/>
                      <a:headEnd type="none" w="med" len="med"/>
                      <a:tailEnd type="none" w="med" len="med"/>
                    </a:lnB>
                    <a:noFill/>
                  </a:tcPr>
                </a:tc>
                <a:tc>
                  <a:txBody>
                    <a:bodyPr/>
                    <a:lstStyle/>
                    <a:p>
                      <a:r>
                        <a:rPr lang="en-US" sz="1100" b="0" i="0" kern="1200" dirty="0">
                          <a:solidFill>
                            <a:schemeClr val="accent4">
                              <a:lumMod val="50000"/>
                            </a:schemeClr>
                          </a:solidFill>
                          <a:effectLst/>
                          <a:latin typeface="+mn-lt"/>
                          <a:ea typeface="+mn-ea"/>
                          <a:cs typeface="+mn-cs"/>
                        </a:rPr>
                        <a:t>Optional as needed. Creates the strategy to align the product vision for the user experience; ensures the solutions are usable​.​</a:t>
                      </a:r>
                      <a:endParaRPr lang="en-US" sz="1100" dirty="0">
                        <a:solidFill>
                          <a:schemeClr val="accent4">
                            <a:lumMod val="50000"/>
                          </a:schemeClr>
                        </a:solidFill>
                      </a:endParaRPr>
                    </a:p>
                  </a:txBody>
                  <a:tcPr anchor="ctr">
                    <a:lnL w="9525" cap="flat" cmpd="sng" algn="ctr">
                      <a:solidFill>
                        <a:schemeClr val="accent4">
                          <a:lumMod val="50000"/>
                        </a:schemeClr>
                      </a:solidFill>
                      <a:prstDash val="dot"/>
                      <a:round/>
                      <a:headEnd type="none" w="med" len="med"/>
                      <a:tailEnd type="none" w="med" len="med"/>
                    </a:lnL>
                    <a:lnT w="9525" cap="flat" cmpd="sng" algn="ctr">
                      <a:solidFill>
                        <a:schemeClr val="accent4">
                          <a:lumMod val="50000"/>
                        </a:schemeClr>
                      </a:solidFill>
                      <a:prstDash val="dot"/>
                      <a:round/>
                      <a:headEnd type="none" w="med" len="med"/>
                      <a:tailEnd type="none" w="med" len="med"/>
                    </a:lnT>
                    <a:lnB w="9525" cap="flat" cmpd="sng" algn="ctr">
                      <a:solidFill>
                        <a:schemeClr val="accent4">
                          <a:lumMod val="50000"/>
                        </a:schemeClr>
                      </a:solidFill>
                      <a:prstDash val="dot"/>
                      <a:round/>
                      <a:headEnd type="none" w="med" len="med"/>
                      <a:tailEnd type="none" w="med" len="med"/>
                    </a:lnB>
                    <a:noFill/>
                  </a:tcPr>
                </a:tc>
                <a:extLst>
                  <a:ext uri="{0D108BD9-81ED-4DB2-BD59-A6C34878D82A}">
                    <a16:rowId xmlns:a16="http://schemas.microsoft.com/office/drawing/2014/main" val="1383282147"/>
                  </a:ext>
                </a:extLst>
              </a:tr>
            </a:tbl>
          </a:graphicData>
        </a:graphic>
      </p:graphicFrame>
      <p:sp>
        <p:nvSpPr>
          <p:cNvPr id="3" name="Title 2">
            <a:extLst>
              <a:ext uri="{FF2B5EF4-FFF2-40B4-BE49-F238E27FC236}">
                <a16:creationId xmlns:a16="http://schemas.microsoft.com/office/drawing/2014/main" id="{C7A02B7B-6033-F84B-90CC-D33134FBA54B}"/>
              </a:ext>
            </a:extLst>
          </p:cNvPr>
          <p:cNvSpPr>
            <a:spLocks noGrp="1"/>
          </p:cNvSpPr>
          <p:nvPr>
            <p:ph type="title"/>
          </p:nvPr>
        </p:nvSpPr>
        <p:spPr/>
        <p:txBody>
          <a:bodyPr/>
          <a:lstStyle/>
          <a:p>
            <a:r>
              <a:rPr lang="en-US"/>
              <a:t>Portfolio Team Role Descriptions</a:t>
            </a:r>
          </a:p>
        </p:txBody>
      </p:sp>
      <p:sp>
        <p:nvSpPr>
          <p:cNvPr id="4" name="Slide Number Placeholder 3">
            <a:extLst>
              <a:ext uri="{FF2B5EF4-FFF2-40B4-BE49-F238E27FC236}">
                <a16:creationId xmlns:a16="http://schemas.microsoft.com/office/drawing/2014/main" id="{21B4A84F-F07C-9B40-97F1-325BC848923D}"/>
              </a:ext>
            </a:extLst>
          </p:cNvPr>
          <p:cNvSpPr>
            <a:spLocks noGrp="1"/>
          </p:cNvSpPr>
          <p:nvPr>
            <p:ph type="sldNum" sz="quarter" idx="4"/>
          </p:nvPr>
        </p:nvSpPr>
        <p:spPr/>
        <p:txBody>
          <a:bodyPr/>
          <a:lstStyle/>
          <a:p>
            <a:fld id="{742ED878-647B-DB4D-84DF-0BCCAF9DD0BF}" type="slidenum">
              <a:rPr lang="en-US"/>
              <a:pPr/>
              <a:t>20</a:t>
            </a:fld>
            <a:endParaRPr lang="en-US"/>
          </a:p>
        </p:txBody>
      </p:sp>
      <p:grpSp>
        <p:nvGrpSpPr>
          <p:cNvPr id="10" name="Group 9">
            <a:extLst>
              <a:ext uri="{FF2B5EF4-FFF2-40B4-BE49-F238E27FC236}">
                <a16:creationId xmlns:a16="http://schemas.microsoft.com/office/drawing/2014/main" id="{60BE848F-4043-0D48-BF46-D871D2F8AFDA}"/>
              </a:ext>
            </a:extLst>
          </p:cNvPr>
          <p:cNvGrpSpPr/>
          <p:nvPr/>
        </p:nvGrpSpPr>
        <p:grpSpPr>
          <a:xfrm>
            <a:off x="3847192" y="4566960"/>
            <a:ext cx="698485" cy="627671"/>
            <a:chOff x="7171640" y="2074650"/>
            <a:chExt cx="1214766" cy="1091609"/>
          </a:xfrm>
        </p:grpSpPr>
        <p:sp>
          <p:nvSpPr>
            <p:cNvPr id="11" name="Graphic 31">
              <a:extLst>
                <a:ext uri="{FF2B5EF4-FFF2-40B4-BE49-F238E27FC236}">
                  <a16:creationId xmlns:a16="http://schemas.microsoft.com/office/drawing/2014/main" id="{911EB585-D2CE-E144-8976-106C4AC35885}"/>
                </a:ext>
              </a:extLst>
            </p:cNvPr>
            <p:cNvSpPr/>
            <p:nvPr/>
          </p:nvSpPr>
          <p:spPr>
            <a:xfrm>
              <a:off x="7171640" y="2309342"/>
              <a:ext cx="293917" cy="269232"/>
            </a:xfrm>
            <a:custGeom>
              <a:avLst/>
              <a:gdLst>
                <a:gd name="connsiteX0" fmla="*/ 293736 w 293917"/>
                <a:gd name="connsiteY0" fmla="*/ 6104 h 269232"/>
                <a:gd name="connsiteX1" fmla="*/ 293736 w 293917"/>
                <a:gd name="connsiteY1" fmla="*/ 67319 h 269232"/>
                <a:gd name="connsiteX2" fmla="*/ 287588 w 293917"/>
                <a:gd name="connsiteY2" fmla="*/ 73423 h 269232"/>
                <a:gd name="connsiteX3" fmla="*/ 104031 w 293917"/>
                <a:gd name="connsiteY3" fmla="*/ 73423 h 269232"/>
                <a:gd name="connsiteX4" fmla="*/ 98063 w 293917"/>
                <a:gd name="connsiteY4" fmla="*/ 67319 h 269232"/>
                <a:gd name="connsiteX5" fmla="*/ 98063 w 293917"/>
                <a:gd name="connsiteY5" fmla="*/ 6104 h 269232"/>
                <a:gd name="connsiteX6" fmla="*/ 104167 w 293917"/>
                <a:gd name="connsiteY6" fmla="*/ 0 h 269232"/>
                <a:gd name="connsiteX7" fmla="*/ 104212 w 293917"/>
                <a:gd name="connsiteY7" fmla="*/ 0 h 269232"/>
                <a:gd name="connsiteX8" fmla="*/ 287769 w 293917"/>
                <a:gd name="connsiteY8" fmla="*/ 0 h 269232"/>
                <a:gd name="connsiteX9" fmla="*/ 293736 w 293917"/>
                <a:gd name="connsiteY9" fmla="*/ 6104 h 269232"/>
                <a:gd name="connsiteX10" fmla="*/ 287588 w 293917"/>
                <a:gd name="connsiteY10" fmla="*/ 97882 h 269232"/>
                <a:gd name="connsiteX11" fmla="*/ 104031 w 293917"/>
                <a:gd name="connsiteY11" fmla="*/ 97882 h 269232"/>
                <a:gd name="connsiteX12" fmla="*/ 98063 w 293917"/>
                <a:gd name="connsiteY12" fmla="*/ 104031 h 269232"/>
                <a:gd name="connsiteX13" fmla="*/ 98063 w 293917"/>
                <a:gd name="connsiteY13" fmla="*/ 165201 h 269232"/>
                <a:gd name="connsiteX14" fmla="*/ 104212 w 293917"/>
                <a:gd name="connsiteY14" fmla="*/ 171350 h 269232"/>
                <a:gd name="connsiteX15" fmla="*/ 287769 w 293917"/>
                <a:gd name="connsiteY15" fmla="*/ 171350 h 269232"/>
                <a:gd name="connsiteX16" fmla="*/ 293917 w 293917"/>
                <a:gd name="connsiteY16" fmla="*/ 165201 h 269232"/>
                <a:gd name="connsiteX17" fmla="*/ 293917 w 293917"/>
                <a:gd name="connsiteY17" fmla="*/ 104031 h 269232"/>
                <a:gd name="connsiteX18" fmla="*/ 287771 w 293917"/>
                <a:gd name="connsiteY18" fmla="*/ 97879 h 269232"/>
                <a:gd name="connsiteX19" fmla="*/ 287588 w 293917"/>
                <a:gd name="connsiteY19" fmla="*/ 97882 h 269232"/>
                <a:gd name="connsiteX20" fmla="*/ 287588 w 293917"/>
                <a:gd name="connsiteY20" fmla="*/ 195809 h 269232"/>
                <a:gd name="connsiteX21" fmla="*/ 104031 w 293917"/>
                <a:gd name="connsiteY21" fmla="*/ 195809 h 269232"/>
                <a:gd name="connsiteX22" fmla="*/ 98063 w 293917"/>
                <a:gd name="connsiteY22" fmla="*/ 201913 h 269232"/>
                <a:gd name="connsiteX23" fmla="*/ 98063 w 293917"/>
                <a:gd name="connsiteY23" fmla="*/ 263129 h 269232"/>
                <a:gd name="connsiteX24" fmla="*/ 104167 w 293917"/>
                <a:gd name="connsiteY24" fmla="*/ 269232 h 269232"/>
                <a:gd name="connsiteX25" fmla="*/ 104212 w 293917"/>
                <a:gd name="connsiteY25" fmla="*/ 269232 h 269232"/>
                <a:gd name="connsiteX26" fmla="*/ 287769 w 293917"/>
                <a:gd name="connsiteY26" fmla="*/ 269232 h 269232"/>
                <a:gd name="connsiteX27" fmla="*/ 293917 w 293917"/>
                <a:gd name="connsiteY27" fmla="*/ 263174 h 269232"/>
                <a:gd name="connsiteX28" fmla="*/ 293917 w 293917"/>
                <a:gd name="connsiteY28" fmla="*/ 263129 h 269232"/>
                <a:gd name="connsiteX29" fmla="*/ 293917 w 293917"/>
                <a:gd name="connsiteY29" fmla="*/ 201913 h 269232"/>
                <a:gd name="connsiteX30" fmla="*/ 287726 w 293917"/>
                <a:gd name="connsiteY30" fmla="*/ 195805 h 269232"/>
                <a:gd name="connsiteX31" fmla="*/ 287588 w 293917"/>
                <a:gd name="connsiteY31" fmla="*/ 195809 h 269232"/>
                <a:gd name="connsiteX32" fmla="*/ 67320 w 293917"/>
                <a:gd name="connsiteY32" fmla="*/ 0 h 269232"/>
                <a:gd name="connsiteX33" fmla="*/ 6104 w 293917"/>
                <a:gd name="connsiteY33" fmla="*/ 0 h 269232"/>
                <a:gd name="connsiteX34" fmla="*/ 0 w 293917"/>
                <a:gd name="connsiteY34" fmla="*/ 6013 h 269232"/>
                <a:gd name="connsiteX35" fmla="*/ 0 w 293917"/>
                <a:gd name="connsiteY35" fmla="*/ 6104 h 269232"/>
                <a:gd name="connsiteX36" fmla="*/ 0 w 293917"/>
                <a:gd name="connsiteY36" fmla="*/ 67319 h 269232"/>
                <a:gd name="connsiteX37" fmla="*/ 6104 w 293917"/>
                <a:gd name="connsiteY37" fmla="*/ 73423 h 269232"/>
                <a:gd name="connsiteX38" fmla="*/ 67320 w 293917"/>
                <a:gd name="connsiteY38" fmla="*/ 73423 h 269232"/>
                <a:gd name="connsiteX39" fmla="*/ 73423 w 293917"/>
                <a:gd name="connsiteY39" fmla="*/ 67319 h 269232"/>
                <a:gd name="connsiteX40" fmla="*/ 73423 w 293917"/>
                <a:gd name="connsiteY40" fmla="*/ 6104 h 269232"/>
                <a:gd name="connsiteX41" fmla="*/ 67320 w 293917"/>
                <a:gd name="connsiteY41" fmla="*/ 0 h 269232"/>
                <a:gd name="connsiteX42" fmla="*/ 67320 w 293917"/>
                <a:gd name="connsiteY42" fmla="*/ 97882 h 269232"/>
                <a:gd name="connsiteX43" fmla="*/ 6104 w 293917"/>
                <a:gd name="connsiteY43" fmla="*/ 97882 h 269232"/>
                <a:gd name="connsiteX44" fmla="*/ 0 w 293917"/>
                <a:gd name="connsiteY44" fmla="*/ 103986 h 269232"/>
                <a:gd name="connsiteX45" fmla="*/ 0 w 293917"/>
                <a:gd name="connsiteY45" fmla="*/ 104031 h 269232"/>
                <a:gd name="connsiteX46" fmla="*/ 0 w 293917"/>
                <a:gd name="connsiteY46" fmla="*/ 165201 h 269232"/>
                <a:gd name="connsiteX47" fmla="*/ 6059 w 293917"/>
                <a:gd name="connsiteY47" fmla="*/ 171350 h 269232"/>
                <a:gd name="connsiteX48" fmla="*/ 6104 w 293917"/>
                <a:gd name="connsiteY48" fmla="*/ 171350 h 269232"/>
                <a:gd name="connsiteX49" fmla="*/ 67320 w 293917"/>
                <a:gd name="connsiteY49" fmla="*/ 171350 h 269232"/>
                <a:gd name="connsiteX50" fmla="*/ 73423 w 293917"/>
                <a:gd name="connsiteY50" fmla="*/ 165201 h 269232"/>
                <a:gd name="connsiteX51" fmla="*/ 73423 w 293917"/>
                <a:gd name="connsiteY51" fmla="*/ 104031 h 269232"/>
                <a:gd name="connsiteX52" fmla="*/ 67320 w 293917"/>
                <a:gd name="connsiteY52" fmla="*/ 97882 h 269232"/>
                <a:gd name="connsiteX53" fmla="*/ 67320 w 293917"/>
                <a:gd name="connsiteY53" fmla="*/ 195809 h 269232"/>
                <a:gd name="connsiteX54" fmla="*/ 6104 w 293917"/>
                <a:gd name="connsiteY54" fmla="*/ 195809 h 269232"/>
                <a:gd name="connsiteX55" fmla="*/ 0 w 293917"/>
                <a:gd name="connsiteY55" fmla="*/ 201913 h 269232"/>
                <a:gd name="connsiteX56" fmla="*/ 0 w 293917"/>
                <a:gd name="connsiteY56" fmla="*/ 263129 h 269232"/>
                <a:gd name="connsiteX57" fmla="*/ 6013 w 293917"/>
                <a:gd name="connsiteY57" fmla="*/ 269232 h 269232"/>
                <a:gd name="connsiteX58" fmla="*/ 6104 w 293917"/>
                <a:gd name="connsiteY58" fmla="*/ 269232 h 269232"/>
                <a:gd name="connsiteX59" fmla="*/ 67320 w 293917"/>
                <a:gd name="connsiteY59" fmla="*/ 269232 h 269232"/>
                <a:gd name="connsiteX60" fmla="*/ 73423 w 293917"/>
                <a:gd name="connsiteY60" fmla="*/ 263129 h 269232"/>
                <a:gd name="connsiteX61" fmla="*/ 73423 w 293917"/>
                <a:gd name="connsiteY61" fmla="*/ 201913 h 269232"/>
                <a:gd name="connsiteX62" fmla="*/ 67320 w 293917"/>
                <a:gd name="connsiteY62" fmla="*/ 195809 h 2692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93917" h="269232">
                  <a:moveTo>
                    <a:pt x="293736" y="6104"/>
                  </a:moveTo>
                  <a:lnTo>
                    <a:pt x="293736" y="67319"/>
                  </a:lnTo>
                  <a:cubicBezTo>
                    <a:pt x="293712" y="70698"/>
                    <a:pt x="290966" y="73423"/>
                    <a:pt x="287588" y="73423"/>
                  </a:cubicBezTo>
                  <a:lnTo>
                    <a:pt x="104031" y="73423"/>
                  </a:lnTo>
                  <a:cubicBezTo>
                    <a:pt x="100723" y="73326"/>
                    <a:pt x="98086" y="70628"/>
                    <a:pt x="98063" y="67319"/>
                  </a:cubicBezTo>
                  <a:lnTo>
                    <a:pt x="98063" y="6104"/>
                  </a:lnTo>
                  <a:cubicBezTo>
                    <a:pt x="98063" y="2733"/>
                    <a:pt x="100796" y="0"/>
                    <a:pt x="104167" y="0"/>
                  </a:cubicBezTo>
                  <a:cubicBezTo>
                    <a:pt x="104181" y="0"/>
                    <a:pt x="104197" y="0"/>
                    <a:pt x="104212" y="0"/>
                  </a:cubicBezTo>
                  <a:lnTo>
                    <a:pt x="287769" y="0"/>
                  </a:lnTo>
                  <a:cubicBezTo>
                    <a:pt x="291086" y="74"/>
                    <a:pt x="293737" y="2785"/>
                    <a:pt x="293736" y="6104"/>
                  </a:cubicBezTo>
                  <a:close/>
                  <a:moveTo>
                    <a:pt x="287588" y="97882"/>
                  </a:moveTo>
                  <a:lnTo>
                    <a:pt x="104031" y="97882"/>
                  </a:lnTo>
                  <a:cubicBezTo>
                    <a:pt x="100706" y="97980"/>
                    <a:pt x="98062" y="100704"/>
                    <a:pt x="98063" y="104031"/>
                  </a:cubicBezTo>
                  <a:lnTo>
                    <a:pt x="98063" y="165201"/>
                  </a:lnTo>
                  <a:cubicBezTo>
                    <a:pt x="98063" y="168597"/>
                    <a:pt x="100816" y="171350"/>
                    <a:pt x="104212" y="171350"/>
                  </a:cubicBezTo>
                  <a:lnTo>
                    <a:pt x="287769" y="171350"/>
                  </a:lnTo>
                  <a:cubicBezTo>
                    <a:pt x="291164" y="171350"/>
                    <a:pt x="293917" y="168597"/>
                    <a:pt x="293917" y="165201"/>
                  </a:cubicBezTo>
                  <a:lnTo>
                    <a:pt x="293917" y="104031"/>
                  </a:lnTo>
                  <a:cubicBezTo>
                    <a:pt x="293919" y="100635"/>
                    <a:pt x="291167" y="97881"/>
                    <a:pt x="287771" y="97879"/>
                  </a:cubicBezTo>
                  <a:cubicBezTo>
                    <a:pt x="287710" y="97879"/>
                    <a:pt x="287649" y="97880"/>
                    <a:pt x="287588" y="97882"/>
                  </a:cubicBezTo>
                  <a:close/>
                  <a:moveTo>
                    <a:pt x="287588" y="195809"/>
                  </a:moveTo>
                  <a:lnTo>
                    <a:pt x="104031" y="195809"/>
                  </a:lnTo>
                  <a:cubicBezTo>
                    <a:pt x="100723" y="195909"/>
                    <a:pt x="98086" y="198603"/>
                    <a:pt x="98063" y="201913"/>
                  </a:cubicBezTo>
                  <a:lnTo>
                    <a:pt x="98063" y="263129"/>
                  </a:lnTo>
                  <a:cubicBezTo>
                    <a:pt x="98063" y="266501"/>
                    <a:pt x="100796" y="269232"/>
                    <a:pt x="104167" y="269232"/>
                  </a:cubicBezTo>
                  <a:cubicBezTo>
                    <a:pt x="104181" y="269232"/>
                    <a:pt x="104197" y="269232"/>
                    <a:pt x="104212" y="269232"/>
                  </a:cubicBezTo>
                  <a:lnTo>
                    <a:pt x="287769" y="269232"/>
                  </a:lnTo>
                  <a:cubicBezTo>
                    <a:pt x="291140" y="269259"/>
                    <a:pt x="293892" y="266547"/>
                    <a:pt x="293917" y="263174"/>
                  </a:cubicBezTo>
                  <a:cubicBezTo>
                    <a:pt x="293917" y="263160"/>
                    <a:pt x="293917" y="263142"/>
                    <a:pt x="293917" y="263129"/>
                  </a:cubicBezTo>
                  <a:lnTo>
                    <a:pt x="293917" y="201913"/>
                  </a:lnTo>
                  <a:cubicBezTo>
                    <a:pt x="293894" y="198517"/>
                    <a:pt x="291122" y="195782"/>
                    <a:pt x="287726" y="195805"/>
                  </a:cubicBezTo>
                  <a:cubicBezTo>
                    <a:pt x="287680" y="195809"/>
                    <a:pt x="287634" y="195809"/>
                    <a:pt x="287588" y="195809"/>
                  </a:cubicBezTo>
                  <a:close/>
                  <a:moveTo>
                    <a:pt x="67320" y="0"/>
                  </a:moveTo>
                  <a:lnTo>
                    <a:pt x="6104" y="0"/>
                  </a:lnTo>
                  <a:cubicBezTo>
                    <a:pt x="2758" y="-25"/>
                    <a:pt x="25" y="2667"/>
                    <a:pt x="0" y="6013"/>
                  </a:cubicBezTo>
                  <a:cubicBezTo>
                    <a:pt x="0" y="6043"/>
                    <a:pt x="0" y="6073"/>
                    <a:pt x="0" y="6104"/>
                  </a:cubicBezTo>
                  <a:lnTo>
                    <a:pt x="0" y="67319"/>
                  </a:lnTo>
                  <a:cubicBezTo>
                    <a:pt x="0" y="70690"/>
                    <a:pt x="2733" y="73423"/>
                    <a:pt x="6104" y="73423"/>
                  </a:cubicBezTo>
                  <a:lnTo>
                    <a:pt x="67320" y="73423"/>
                  </a:lnTo>
                  <a:cubicBezTo>
                    <a:pt x="70680" y="73399"/>
                    <a:pt x="73399" y="70680"/>
                    <a:pt x="73423" y="67319"/>
                  </a:cubicBezTo>
                  <a:lnTo>
                    <a:pt x="73423" y="6104"/>
                  </a:lnTo>
                  <a:cubicBezTo>
                    <a:pt x="73423" y="2733"/>
                    <a:pt x="70691" y="0"/>
                    <a:pt x="67320" y="0"/>
                  </a:cubicBezTo>
                  <a:close/>
                  <a:moveTo>
                    <a:pt x="67320" y="97882"/>
                  </a:moveTo>
                  <a:lnTo>
                    <a:pt x="6104" y="97882"/>
                  </a:lnTo>
                  <a:cubicBezTo>
                    <a:pt x="2733" y="97882"/>
                    <a:pt x="0" y="100615"/>
                    <a:pt x="0" y="103986"/>
                  </a:cubicBezTo>
                  <a:cubicBezTo>
                    <a:pt x="0" y="104001"/>
                    <a:pt x="0" y="104015"/>
                    <a:pt x="0" y="104031"/>
                  </a:cubicBezTo>
                  <a:lnTo>
                    <a:pt x="0" y="165201"/>
                  </a:lnTo>
                  <a:cubicBezTo>
                    <a:pt x="-25" y="168574"/>
                    <a:pt x="2688" y="171323"/>
                    <a:pt x="6059" y="171350"/>
                  </a:cubicBezTo>
                  <a:cubicBezTo>
                    <a:pt x="6074" y="171350"/>
                    <a:pt x="6089" y="171350"/>
                    <a:pt x="6104" y="171350"/>
                  </a:cubicBezTo>
                  <a:lnTo>
                    <a:pt x="67320" y="171350"/>
                  </a:lnTo>
                  <a:cubicBezTo>
                    <a:pt x="70698" y="171328"/>
                    <a:pt x="73423" y="168579"/>
                    <a:pt x="73423" y="165201"/>
                  </a:cubicBezTo>
                  <a:lnTo>
                    <a:pt x="73423" y="104031"/>
                  </a:lnTo>
                  <a:cubicBezTo>
                    <a:pt x="73423" y="100653"/>
                    <a:pt x="70698" y="97907"/>
                    <a:pt x="67320" y="97882"/>
                  </a:cubicBezTo>
                  <a:close/>
                  <a:moveTo>
                    <a:pt x="67320" y="195809"/>
                  </a:moveTo>
                  <a:lnTo>
                    <a:pt x="6104" y="195809"/>
                  </a:lnTo>
                  <a:cubicBezTo>
                    <a:pt x="2733" y="195809"/>
                    <a:pt x="0" y="198540"/>
                    <a:pt x="0" y="201913"/>
                  </a:cubicBezTo>
                  <a:lnTo>
                    <a:pt x="0" y="263129"/>
                  </a:lnTo>
                  <a:cubicBezTo>
                    <a:pt x="-25" y="266474"/>
                    <a:pt x="2667" y="269205"/>
                    <a:pt x="6013" y="269232"/>
                  </a:cubicBezTo>
                  <a:cubicBezTo>
                    <a:pt x="6043" y="269232"/>
                    <a:pt x="6074" y="269232"/>
                    <a:pt x="6104" y="269232"/>
                  </a:cubicBezTo>
                  <a:lnTo>
                    <a:pt x="67320" y="269232"/>
                  </a:lnTo>
                  <a:cubicBezTo>
                    <a:pt x="70691" y="269232"/>
                    <a:pt x="73423" y="266501"/>
                    <a:pt x="73423" y="263129"/>
                  </a:cubicBezTo>
                  <a:lnTo>
                    <a:pt x="73423" y="201913"/>
                  </a:lnTo>
                  <a:cubicBezTo>
                    <a:pt x="73399" y="198554"/>
                    <a:pt x="70680" y="195832"/>
                    <a:pt x="67320" y="195809"/>
                  </a:cubicBezTo>
                  <a:close/>
                </a:path>
              </a:pathLst>
            </a:custGeom>
            <a:solidFill>
              <a:schemeClr val="accent1"/>
            </a:solidFill>
            <a:ln w="4498" cap="flat">
              <a:noFill/>
              <a:prstDash val="solid"/>
              <a:miter/>
            </a:ln>
          </p:spPr>
          <p:txBody>
            <a:bodyPr rtlCol="0" anchor="ctr"/>
            <a:lstStyle/>
            <a:p>
              <a:endParaRPr lang="en-US"/>
            </a:p>
          </p:txBody>
        </p:sp>
        <p:sp>
          <p:nvSpPr>
            <p:cNvPr id="12" name="Graphic 31">
              <a:extLst>
                <a:ext uri="{FF2B5EF4-FFF2-40B4-BE49-F238E27FC236}">
                  <a16:creationId xmlns:a16="http://schemas.microsoft.com/office/drawing/2014/main" id="{AC7DFC87-3130-9846-BFA3-EE5DC056D8A5}"/>
                </a:ext>
              </a:extLst>
            </p:cNvPr>
            <p:cNvSpPr/>
            <p:nvPr/>
          </p:nvSpPr>
          <p:spPr>
            <a:xfrm>
              <a:off x="7424828" y="2738436"/>
              <a:ext cx="105828" cy="104709"/>
            </a:xfrm>
            <a:custGeom>
              <a:avLst/>
              <a:gdLst>
                <a:gd name="connsiteX0" fmla="*/ 97741 w 105828"/>
                <a:gd name="connsiteY0" fmla="*/ 44312 h 104709"/>
                <a:gd name="connsiteX1" fmla="*/ 60396 w 105828"/>
                <a:gd name="connsiteY1" fmla="*/ 6922 h 104709"/>
                <a:gd name="connsiteX2" fmla="*/ 52332 w 105828"/>
                <a:gd name="connsiteY2" fmla="*/ 23 h 104709"/>
                <a:gd name="connsiteX3" fmla="*/ 45432 w 105828"/>
                <a:gd name="connsiteY3" fmla="*/ 6922 h 104709"/>
                <a:gd name="connsiteX4" fmla="*/ 8087 w 105828"/>
                <a:gd name="connsiteY4" fmla="*/ 44312 h 104709"/>
                <a:gd name="connsiteX5" fmla="*/ 23 w 105828"/>
                <a:gd name="connsiteY5" fmla="*/ 51211 h 104709"/>
                <a:gd name="connsiteX6" fmla="*/ 6923 w 105828"/>
                <a:gd name="connsiteY6" fmla="*/ 59277 h 104709"/>
                <a:gd name="connsiteX7" fmla="*/ 8087 w 105828"/>
                <a:gd name="connsiteY7" fmla="*/ 59277 h 104709"/>
                <a:gd name="connsiteX8" fmla="*/ 45432 w 105828"/>
                <a:gd name="connsiteY8" fmla="*/ 96621 h 104709"/>
                <a:gd name="connsiteX9" fmla="*/ 52332 w 105828"/>
                <a:gd name="connsiteY9" fmla="*/ 104687 h 104709"/>
                <a:gd name="connsiteX10" fmla="*/ 60396 w 105828"/>
                <a:gd name="connsiteY10" fmla="*/ 97783 h 104709"/>
                <a:gd name="connsiteX11" fmla="*/ 60396 w 105828"/>
                <a:gd name="connsiteY11" fmla="*/ 96621 h 104709"/>
                <a:gd name="connsiteX12" fmla="*/ 97741 w 105828"/>
                <a:gd name="connsiteY12" fmla="*/ 59277 h 104709"/>
                <a:gd name="connsiteX13" fmla="*/ 105805 w 105828"/>
                <a:gd name="connsiteY13" fmla="*/ 52377 h 104709"/>
                <a:gd name="connsiteX14" fmla="*/ 98905 w 105828"/>
                <a:gd name="connsiteY14" fmla="*/ 44312 h 104709"/>
                <a:gd name="connsiteX15" fmla="*/ 97741 w 105828"/>
                <a:gd name="connsiteY15" fmla="*/ 44312 h 1047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05828" h="104709">
                  <a:moveTo>
                    <a:pt x="97741" y="44312"/>
                  </a:moveTo>
                  <a:cubicBezTo>
                    <a:pt x="77119" y="44262"/>
                    <a:pt x="60421" y="27543"/>
                    <a:pt x="60396" y="6922"/>
                  </a:cubicBezTo>
                  <a:cubicBezTo>
                    <a:pt x="60075" y="2790"/>
                    <a:pt x="56465" y="-298"/>
                    <a:pt x="52332" y="23"/>
                  </a:cubicBezTo>
                  <a:cubicBezTo>
                    <a:pt x="48646" y="308"/>
                    <a:pt x="45718" y="3237"/>
                    <a:pt x="45432" y="6922"/>
                  </a:cubicBezTo>
                  <a:cubicBezTo>
                    <a:pt x="45407" y="27543"/>
                    <a:pt x="28709" y="44262"/>
                    <a:pt x="8087" y="44312"/>
                  </a:cubicBezTo>
                  <a:cubicBezTo>
                    <a:pt x="3955" y="43991"/>
                    <a:pt x="344" y="47079"/>
                    <a:pt x="23" y="51211"/>
                  </a:cubicBezTo>
                  <a:cubicBezTo>
                    <a:pt x="-299" y="55343"/>
                    <a:pt x="2791" y="58956"/>
                    <a:pt x="6923" y="59277"/>
                  </a:cubicBezTo>
                  <a:cubicBezTo>
                    <a:pt x="7311" y="59308"/>
                    <a:pt x="7700" y="59308"/>
                    <a:pt x="8087" y="59277"/>
                  </a:cubicBezTo>
                  <a:cubicBezTo>
                    <a:pt x="28702" y="59299"/>
                    <a:pt x="45407" y="76005"/>
                    <a:pt x="45432" y="96621"/>
                  </a:cubicBezTo>
                  <a:cubicBezTo>
                    <a:pt x="45110" y="100753"/>
                    <a:pt x="48199" y="104366"/>
                    <a:pt x="52332" y="104687"/>
                  </a:cubicBezTo>
                  <a:cubicBezTo>
                    <a:pt x="56465" y="105008"/>
                    <a:pt x="60075" y="101915"/>
                    <a:pt x="60396" y="97783"/>
                  </a:cubicBezTo>
                  <a:cubicBezTo>
                    <a:pt x="60427" y="97399"/>
                    <a:pt x="60427" y="97010"/>
                    <a:pt x="60396" y="96621"/>
                  </a:cubicBezTo>
                  <a:cubicBezTo>
                    <a:pt x="60421" y="76005"/>
                    <a:pt x="77126" y="59299"/>
                    <a:pt x="97741" y="59277"/>
                  </a:cubicBezTo>
                  <a:cubicBezTo>
                    <a:pt x="101873" y="59598"/>
                    <a:pt x="105484" y="56510"/>
                    <a:pt x="105805" y="52377"/>
                  </a:cubicBezTo>
                  <a:cubicBezTo>
                    <a:pt x="106127" y="48245"/>
                    <a:pt x="103037" y="44633"/>
                    <a:pt x="98905" y="44312"/>
                  </a:cubicBezTo>
                  <a:cubicBezTo>
                    <a:pt x="98518" y="44280"/>
                    <a:pt x="98128" y="44280"/>
                    <a:pt x="97741" y="44312"/>
                  </a:cubicBezTo>
                  <a:close/>
                </a:path>
              </a:pathLst>
            </a:custGeom>
            <a:solidFill>
              <a:schemeClr val="accent1"/>
            </a:solidFill>
            <a:ln w="4498" cap="flat">
              <a:noFill/>
              <a:prstDash val="solid"/>
              <a:miter/>
            </a:ln>
          </p:spPr>
          <p:txBody>
            <a:bodyPr rtlCol="0" anchor="ctr"/>
            <a:lstStyle/>
            <a:p>
              <a:endParaRPr lang="en-US"/>
            </a:p>
          </p:txBody>
        </p:sp>
        <p:sp>
          <p:nvSpPr>
            <p:cNvPr id="13" name="Graphic 31">
              <a:extLst>
                <a:ext uri="{FF2B5EF4-FFF2-40B4-BE49-F238E27FC236}">
                  <a16:creationId xmlns:a16="http://schemas.microsoft.com/office/drawing/2014/main" id="{183C0922-BD39-7C46-8185-CE6EE8ACD4F2}"/>
                </a:ext>
              </a:extLst>
            </p:cNvPr>
            <p:cNvSpPr/>
            <p:nvPr/>
          </p:nvSpPr>
          <p:spPr>
            <a:xfrm>
              <a:off x="8062388" y="2717146"/>
              <a:ext cx="226642" cy="124782"/>
            </a:xfrm>
            <a:custGeom>
              <a:avLst/>
              <a:gdLst>
                <a:gd name="connsiteX0" fmla="*/ 217420 w 226642"/>
                <a:gd name="connsiteY0" fmla="*/ 18084 h 124782"/>
                <a:gd name="connsiteX1" fmla="*/ 66325 w 226642"/>
                <a:gd name="connsiteY1" fmla="*/ 18084 h 124782"/>
                <a:gd name="connsiteX2" fmla="*/ 57282 w 226642"/>
                <a:gd name="connsiteY2" fmla="*/ 9042 h 124782"/>
                <a:gd name="connsiteX3" fmla="*/ 66325 w 226642"/>
                <a:gd name="connsiteY3" fmla="*/ 0 h 124782"/>
                <a:gd name="connsiteX4" fmla="*/ 217601 w 226642"/>
                <a:gd name="connsiteY4" fmla="*/ 0 h 124782"/>
                <a:gd name="connsiteX5" fmla="*/ 226643 w 226642"/>
                <a:gd name="connsiteY5" fmla="*/ 9042 h 124782"/>
                <a:gd name="connsiteX6" fmla="*/ 217601 w 226642"/>
                <a:gd name="connsiteY6" fmla="*/ 18084 h 124782"/>
                <a:gd name="connsiteX7" fmla="*/ 126591 w 226642"/>
                <a:gd name="connsiteY7" fmla="*/ 62391 h 124782"/>
                <a:gd name="connsiteX8" fmla="*/ 117549 w 226642"/>
                <a:gd name="connsiteY8" fmla="*/ 53349 h 124782"/>
                <a:gd name="connsiteX9" fmla="*/ 9042 w 226642"/>
                <a:gd name="connsiteY9" fmla="*/ 53349 h 124782"/>
                <a:gd name="connsiteX10" fmla="*/ 0 w 226642"/>
                <a:gd name="connsiteY10" fmla="*/ 62391 h 124782"/>
                <a:gd name="connsiteX11" fmla="*/ 9042 w 226642"/>
                <a:gd name="connsiteY11" fmla="*/ 71434 h 124782"/>
                <a:gd name="connsiteX12" fmla="*/ 117549 w 226642"/>
                <a:gd name="connsiteY12" fmla="*/ 71434 h 124782"/>
                <a:gd name="connsiteX13" fmla="*/ 126591 w 226642"/>
                <a:gd name="connsiteY13" fmla="*/ 62391 h 124782"/>
                <a:gd name="connsiteX14" fmla="*/ 190791 w 226642"/>
                <a:gd name="connsiteY14" fmla="*/ 115740 h 124782"/>
                <a:gd name="connsiteX15" fmla="*/ 181748 w 226642"/>
                <a:gd name="connsiteY15" fmla="*/ 106698 h 124782"/>
                <a:gd name="connsiteX16" fmla="*/ 81742 w 226642"/>
                <a:gd name="connsiteY16" fmla="*/ 106698 h 124782"/>
                <a:gd name="connsiteX17" fmla="*/ 72699 w 226642"/>
                <a:gd name="connsiteY17" fmla="*/ 115740 h 124782"/>
                <a:gd name="connsiteX18" fmla="*/ 81742 w 226642"/>
                <a:gd name="connsiteY18" fmla="*/ 124783 h 124782"/>
                <a:gd name="connsiteX19" fmla="*/ 181748 w 226642"/>
                <a:gd name="connsiteY19" fmla="*/ 124783 h 124782"/>
                <a:gd name="connsiteX20" fmla="*/ 190791 w 226642"/>
                <a:gd name="connsiteY20" fmla="*/ 115786 h 1247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26642" h="124782">
                  <a:moveTo>
                    <a:pt x="217420" y="18084"/>
                  </a:moveTo>
                  <a:lnTo>
                    <a:pt x="66325" y="18084"/>
                  </a:lnTo>
                  <a:cubicBezTo>
                    <a:pt x="61329" y="18084"/>
                    <a:pt x="57282" y="14038"/>
                    <a:pt x="57282" y="9042"/>
                  </a:cubicBezTo>
                  <a:cubicBezTo>
                    <a:pt x="57282" y="4046"/>
                    <a:pt x="61329" y="0"/>
                    <a:pt x="66325" y="0"/>
                  </a:cubicBezTo>
                  <a:lnTo>
                    <a:pt x="217601" y="0"/>
                  </a:lnTo>
                  <a:cubicBezTo>
                    <a:pt x="222597" y="0"/>
                    <a:pt x="226643" y="4046"/>
                    <a:pt x="226643" y="9042"/>
                  </a:cubicBezTo>
                  <a:cubicBezTo>
                    <a:pt x="226643" y="14038"/>
                    <a:pt x="222597" y="18084"/>
                    <a:pt x="217601" y="18084"/>
                  </a:cubicBezTo>
                  <a:close/>
                  <a:moveTo>
                    <a:pt x="126591" y="62391"/>
                  </a:moveTo>
                  <a:cubicBezTo>
                    <a:pt x="126591" y="57395"/>
                    <a:pt x="122545" y="53349"/>
                    <a:pt x="117549" y="53349"/>
                  </a:cubicBezTo>
                  <a:lnTo>
                    <a:pt x="9042" y="53349"/>
                  </a:lnTo>
                  <a:cubicBezTo>
                    <a:pt x="4046" y="53349"/>
                    <a:pt x="0" y="57395"/>
                    <a:pt x="0" y="62391"/>
                  </a:cubicBezTo>
                  <a:cubicBezTo>
                    <a:pt x="0" y="67387"/>
                    <a:pt x="4046" y="71434"/>
                    <a:pt x="9042" y="71434"/>
                  </a:cubicBezTo>
                  <a:lnTo>
                    <a:pt x="117549" y="71434"/>
                  </a:lnTo>
                  <a:cubicBezTo>
                    <a:pt x="122545" y="71434"/>
                    <a:pt x="126591" y="67387"/>
                    <a:pt x="126591" y="62391"/>
                  </a:cubicBezTo>
                  <a:close/>
                  <a:moveTo>
                    <a:pt x="190791" y="115740"/>
                  </a:moveTo>
                  <a:cubicBezTo>
                    <a:pt x="190791" y="110745"/>
                    <a:pt x="186744" y="106698"/>
                    <a:pt x="181748" y="106698"/>
                  </a:cubicBezTo>
                  <a:lnTo>
                    <a:pt x="81742" y="106698"/>
                  </a:lnTo>
                  <a:cubicBezTo>
                    <a:pt x="76746" y="106698"/>
                    <a:pt x="72699" y="110745"/>
                    <a:pt x="72699" y="115740"/>
                  </a:cubicBezTo>
                  <a:cubicBezTo>
                    <a:pt x="72699" y="120736"/>
                    <a:pt x="76746" y="124783"/>
                    <a:pt x="81742" y="124783"/>
                  </a:cubicBezTo>
                  <a:lnTo>
                    <a:pt x="181748" y="124783"/>
                  </a:lnTo>
                  <a:cubicBezTo>
                    <a:pt x="186726" y="124783"/>
                    <a:pt x="190763" y="120763"/>
                    <a:pt x="190791" y="115786"/>
                  </a:cubicBezTo>
                  <a:close/>
                </a:path>
              </a:pathLst>
            </a:custGeom>
            <a:solidFill>
              <a:schemeClr val="accent2"/>
            </a:solidFill>
            <a:ln w="4498" cap="flat">
              <a:noFill/>
              <a:prstDash val="solid"/>
              <a:miter/>
            </a:ln>
          </p:spPr>
          <p:txBody>
            <a:bodyPr rtlCol="0" anchor="ctr"/>
            <a:lstStyle/>
            <a:p>
              <a:endParaRPr lang="en-US"/>
            </a:p>
          </p:txBody>
        </p:sp>
        <p:sp>
          <p:nvSpPr>
            <p:cNvPr id="14" name="Graphic 31">
              <a:extLst>
                <a:ext uri="{FF2B5EF4-FFF2-40B4-BE49-F238E27FC236}">
                  <a16:creationId xmlns:a16="http://schemas.microsoft.com/office/drawing/2014/main" id="{9499AD1F-5696-8F45-9027-91B8BFB8B914}"/>
                </a:ext>
              </a:extLst>
            </p:cNvPr>
            <p:cNvSpPr/>
            <p:nvPr/>
          </p:nvSpPr>
          <p:spPr>
            <a:xfrm>
              <a:off x="8095536" y="2263126"/>
              <a:ext cx="60092" cy="58035"/>
            </a:xfrm>
            <a:custGeom>
              <a:avLst/>
              <a:gdLst>
                <a:gd name="connsiteX0" fmla="*/ 4603 w 60092"/>
                <a:gd name="connsiteY0" fmla="*/ 18819 h 58035"/>
                <a:gd name="connsiteX1" fmla="*/ 17670 w 60092"/>
                <a:gd name="connsiteY1" fmla="*/ 30664 h 58035"/>
                <a:gd name="connsiteX2" fmla="*/ 5101 w 60092"/>
                <a:gd name="connsiteY2" fmla="*/ 44544 h 58035"/>
                <a:gd name="connsiteX3" fmla="*/ 8537 w 60092"/>
                <a:gd name="connsiteY3" fmla="*/ 56861 h 58035"/>
                <a:gd name="connsiteX4" fmla="*/ 18167 w 60092"/>
                <a:gd name="connsiteY4" fmla="*/ 56389 h 58035"/>
                <a:gd name="connsiteX5" fmla="*/ 30735 w 60092"/>
                <a:gd name="connsiteY5" fmla="*/ 42509 h 58035"/>
                <a:gd name="connsiteX6" fmla="*/ 43801 w 60092"/>
                <a:gd name="connsiteY6" fmla="*/ 54400 h 58035"/>
                <a:gd name="connsiteX7" fmla="*/ 56456 w 60092"/>
                <a:gd name="connsiteY7" fmla="*/ 56240 h 58035"/>
                <a:gd name="connsiteX8" fmla="*/ 58296 w 60092"/>
                <a:gd name="connsiteY8" fmla="*/ 43586 h 58035"/>
                <a:gd name="connsiteX9" fmla="*/ 55782 w 60092"/>
                <a:gd name="connsiteY9" fmla="*/ 41289 h 58035"/>
                <a:gd name="connsiteX10" fmla="*/ 42716 w 60092"/>
                <a:gd name="connsiteY10" fmla="*/ 29443 h 58035"/>
                <a:gd name="connsiteX11" fmla="*/ 54562 w 60092"/>
                <a:gd name="connsiteY11" fmla="*/ 16377 h 58035"/>
                <a:gd name="connsiteX12" fmla="*/ 56610 w 60092"/>
                <a:gd name="connsiteY12" fmla="*/ 3754 h 58035"/>
                <a:gd name="connsiteX13" fmla="*/ 43987 w 60092"/>
                <a:gd name="connsiteY13" fmla="*/ 1709 h 58035"/>
                <a:gd name="connsiteX14" fmla="*/ 41360 w 60092"/>
                <a:gd name="connsiteY14" fmla="*/ 4668 h 58035"/>
                <a:gd name="connsiteX15" fmla="*/ 29515 w 60092"/>
                <a:gd name="connsiteY15" fmla="*/ 17734 h 58035"/>
                <a:gd name="connsiteX16" fmla="*/ 16449 w 60092"/>
                <a:gd name="connsiteY16" fmla="*/ 5888 h 58035"/>
                <a:gd name="connsiteX17" fmla="*/ 3853 w 60092"/>
                <a:gd name="connsiteY17" fmla="*/ 3672 h 58035"/>
                <a:gd name="connsiteX18" fmla="*/ 1638 w 60092"/>
                <a:gd name="connsiteY18" fmla="*/ 16267 h 58035"/>
                <a:gd name="connsiteX19" fmla="*/ 4603 w 60092"/>
                <a:gd name="connsiteY19" fmla="*/ 18954 h 580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0092" h="58035">
                  <a:moveTo>
                    <a:pt x="4603" y="18819"/>
                  </a:moveTo>
                  <a:lnTo>
                    <a:pt x="17670" y="30664"/>
                  </a:lnTo>
                  <a:lnTo>
                    <a:pt x="5101" y="44544"/>
                  </a:lnTo>
                  <a:cubicBezTo>
                    <a:pt x="2650" y="48894"/>
                    <a:pt x="4188" y="54409"/>
                    <a:pt x="8537" y="56861"/>
                  </a:cubicBezTo>
                  <a:cubicBezTo>
                    <a:pt x="11570" y="58571"/>
                    <a:pt x="15314" y="58387"/>
                    <a:pt x="18167" y="56389"/>
                  </a:cubicBezTo>
                  <a:lnTo>
                    <a:pt x="30735" y="42509"/>
                  </a:lnTo>
                  <a:lnTo>
                    <a:pt x="43801" y="54400"/>
                  </a:lnTo>
                  <a:cubicBezTo>
                    <a:pt x="46785" y="58402"/>
                    <a:pt x="52455" y="59227"/>
                    <a:pt x="56456" y="56240"/>
                  </a:cubicBezTo>
                  <a:cubicBezTo>
                    <a:pt x="60457" y="53255"/>
                    <a:pt x="61285" y="47589"/>
                    <a:pt x="58296" y="43586"/>
                  </a:cubicBezTo>
                  <a:cubicBezTo>
                    <a:pt x="57613" y="42668"/>
                    <a:pt x="56759" y="41888"/>
                    <a:pt x="55782" y="41289"/>
                  </a:cubicBezTo>
                  <a:lnTo>
                    <a:pt x="42716" y="29443"/>
                  </a:lnTo>
                  <a:lnTo>
                    <a:pt x="54562" y="16377"/>
                  </a:lnTo>
                  <a:cubicBezTo>
                    <a:pt x="58613" y="13457"/>
                    <a:pt x="59530" y="7805"/>
                    <a:pt x="56610" y="3754"/>
                  </a:cubicBezTo>
                  <a:cubicBezTo>
                    <a:pt x="53689" y="-296"/>
                    <a:pt x="48038" y="-1212"/>
                    <a:pt x="43987" y="1709"/>
                  </a:cubicBezTo>
                  <a:cubicBezTo>
                    <a:pt x="42902" y="2489"/>
                    <a:pt x="42007" y="3499"/>
                    <a:pt x="41360" y="4668"/>
                  </a:cubicBezTo>
                  <a:lnTo>
                    <a:pt x="29515" y="17734"/>
                  </a:lnTo>
                  <a:lnTo>
                    <a:pt x="16449" y="5888"/>
                  </a:lnTo>
                  <a:cubicBezTo>
                    <a:pt x="13582" y="1799"/>
                    <a:pt x="7945" y="807"/>
                    <a:pt x="3853" y="3672"/>
                  </a:cubicBezTo>
                  <a:cubicBezTo>
                    <a:pt x="-234" y="6538"/>
                    <a:pt x="-1229" y="12177"/>
                    <a:pt x="1638" y="16267"/>
                  </a:cubicBezTo>
                  <a:cubicBezTo>
                    <a:pt x="2415" y="17373"/>
                    <a:pt x="3428" y="18291"/>
                    <a:pt x="4603" y="18954"/>
                  </a:cubicBezTo>
                  <a:close/>
                </a:path>
              </a:pathLst>
            </a:custGeom>
            <a:solidFill>
              <a:schemeClr val="accent1"/>
            </a:solidFill>
            <a:ln w="4498" cap="flat">
              <a:noFill/>
              <a:prstDash val="solid"/>
              <a:miter/>
            </a:ln>
          </p:spPr>
          <p:txBody>
            <a:bodyPr rtlCol="0" anchor="ctr"/>
            <a:lstStyle/>
            <a:p>
              <a:endParaRPr lang="en-US"/>
            </a:p>
          </p:txBody>
        </p:sp>
        <p:sp>
          <p:nvSpPr>
            <p:cNvPr id="15" name="Graphic 31">
              <a:extLst>
                <a:ext uri="{FF2B5EF4-FFF2-40B4-BE49-F238E27FC236}">
                  <a16:creationId xmlns:a16="http://schemas.microsoft.com/office/drawing/2014/main" id="{7D6FB9DA-621A-C643-BE68-D987939AC1C0}"/>
                </a:ext>
              </a:extLst>
            </p:cNvPr>
            <p:cNvSpPr/>
            <p:nvPr/>
          </p:nvSpPr>
          <p:spPr>
            <a:xfrm>
              <a:off x="7296830" y="2074650"/>
              <a:ext cx="1089576" cy="1091609"/>
            </a:xfrm>
            <a:custGeom>
              <a:avLst/>
              <a:gdLst>
                <a:gd name="connsiteX0" fmla="*/ 543798 w 1089576"/>
                <a:gd name="connsiteY0" fmla="*/ 2 h 1091609"/>
                <a:gd name="connsiteX1" fmla="*/ 156656 w 1089576"/>
                <a:gd name="connsiteY1" fmla="*/ 161134 h 1091609"/>
                <a:gd name="connsiteX2" fmla="*/ 169451 w 1089576"/>
                <a:gd name="connsiteY2" fmla="*/ 173884 h 1091609"/>
                <a:gd name="connsiteX3" fmla="*/ 915600 w 1089576"/>
                <a:gd name="connsiteY3" fmla="*/ 170670 h 1091609"/>
                <a:gd name="connsiteX4" fmla="*/ 918815 w 1089576"/>
                <a:gd name="connsiteY4" fmla="*/ 916819 h 1091609"/>
                <a:gd name="connsiteX5" fmla="*/ 868640 w 1089576"/>
                <a:gd name="connsiteY5" fmla="*/ 961370 h 1091609"/>
                <a:gd name="connsiteX6" fmla="*/ 859598 w 1089576"/>
                <a:gd name="connsiteY6" fmla="*/ 931712 h 1091609"/>
                <a:gd name="connsiteX7" fmla="*/ 629021 w 1089576"/>
                <a:gd name="connsiteY7" fmla="*/ 807020 h 1091609"/>
                <a:gd name="connsiteX8" fmla="*/ 629021 w 1089576"/>
                <a:gd name="connsiteY8" fmla="*/ 762125 h 1091609"/>
                <a:gd name="connsiteX9" fmla="*/ 629021 w 1089576"/>
                <a:gd name="connsiteY9" fmla="*/ 738932 h 1091609"/>
                <a:gd name="connsiteX10" fmla="*/ 730294 w 1089576"/>
                <a:gd name="connsiteY10" fmla="*/ 626492 h 1091609"/>
                <a:gd name="connsiteX11" fmla="*/ 766870 w 1089576"/>
                <a:gd name="connsiteY11" fmla="*/ 548141 h 1091609"/>
                <a:gd name="connsiteX12" fmla="*/ 755024 w 1089576"/>
                <a:gd name="connsiteY12" fmla="*/ 465993 h 1091609"/>
                <a:gd name="connsiteX13" fmla="*/ 756878 w 1089576"/>
                <a:gd name="connsiteY13" fmla="*/ 417753 h 1091609"/>
                <a:gd name="connsiteX14" fmla="*/ 734725 w 1089576"/>
                <a:gd name="connsiteY14" fmla="*/ 293648 h 1091609"/>
                <a:gd name="connsiteX15" fmla="*/ 726722 w 1089576"/>
                <a:gd name="connsiteY15" fmla="*/ 280582 h 1091609"/>
                <a:gd name="connsiteX16" fmla="*/ 545471 w 1089576"/>
                <a:gd name="connsiteY16" fmla="*/ 216021 h 1091609"/>
                <a:gd name="connsiteX17" fmla="*/ 362321 w 1089576"/>
                <a:gd name="connsiteY17" fmla="*/ 279316 h 1091609"/>
                <a:gd name="connsiteX18" fmla="*/ 339264 w 1089576"/>
                <a:gd name="connsiteY18" fmla="*/ 331761 h 1091609"/>
                <a:gd name="connsiteX19" fmla="*/ 333522 w 1089576"/>
                <a:gd name="connsiteY19" fmla="*/ 365805 h 1091609"/>
                <a:gd name="connsiteX20" fmla="*/ 333522 w 1089576"/>
                <a:gd name="connsiteY20" fmla="*/ 466219 h 1091609"/>
                <a:gd name="connsiteX21" fmla="*/ 320863 w 1089576"/>
                <a:gd name="connsiteY21" fmla="*/ 548186 h 1091609"/>
                <a:gd name="connsiteX22" fmla="*/ 359202 w 1089576"/>
                <a:gd name="connsiteY22" fmla="*/ 626763 h 1091609"/>
                <a:gd name="connsiteX23" fmla="*/ 460113 w 1089576"/>
                <a:gd name="connsiteY23" fmla="*/ 739203 h 1091609"/>
                <a:gd name="connsiteX24" fmla="*/ 460113 w 1089576"/>
                <a:gd name="connsiteY24" fmla="*/ 763165 h 1091609"/>
                <a:gd name="connsiteX25" fmla="*/ 460113 w 1089576"/>
                <a:gd name="connsiteY25" fmla="*/ 807156 h 1091609"/>
                <a:gd name="connsiteX26" fmla="*/ 229536 w 1089576"/>
                <a:gd name="connsiteY26" fmla="*/ 931848 h 1091609"/>
                <a:gd name="connsiteX27" fmla="*/ 219907 w 1089576"/>
                <a:gd name="connsiteY27" fmla="*/ 962862 h 1091609"/>
                <a:gd name="connsiteX28" fmla="*/ 185591 w 1089576"/>
                <a:gd name="connsiteY28" fmla="*/ 933837 h 1091609"/>
                <a:gd name="connsiteX29" fmla="*/ 18084 w 1089576"/>
                <a:gd name="connsiteY29" fmla="*/ 591318 h 1091609"/>
                <a:gd name="connsiteX30" fmla="*/ 0 w 1089576"/>
                <a:gd name="connsiteY30" fmla="*/ 592855 h 1091609"/>
                <a:gd name="connsiteX31" fmla="*/ 590818 w 1089576"/>
                <a:gd name="connsiteY31" fmla="*/ 1089544 h 1091609"/>
                <a:gd name="connsiteX32" fmla="*/ 1087511 w 1089576"/>
                <a:gd name="connsiteY32" fmla="*/ 498726 h 1091609"/>
                <a:gd name="connsiteX33" fmla="*/ 543798 w 1089576"/>
                <a:gd name="connsiteY33" fmla="*/ 2 h 1091609"/>
                <a:gd name="connsiteX34" fmla="*/ 418880 w 1089576"/>
                <a:gd name="connsiteY34" fmla="*/ 675908 h 1091609"/>
                <a:gd name="connsiteX35" fmla="*/ 418880 w 1089576"/>
                <a:gd name="connsiteY35" fmla="*/ 675908 h 1091609"/>
                <a:gd name="connsiteX36" fmla="*/ 379773 w 1089576"/>
                <a:gd name="connsiteY36" fmla="*/ 614828 h 1091609"/>
                <a:gd name="connsiteX37" fmla="*/ 378914 w 1089576"/>
                <a:gd name="connsiteY37" fmla="*/ 612884 h 1091609"/>
                <a:gd name="connsiteX38" fmla="*/ 376879 w 1089576"/>
                <a:gd name="connsiteY38" fmla="*/ 612296 h 1091609"/>
                <a:gd name="connsiteX39" fmla="*/ 345548 w 1089576"/>
                <a:gd name="connsiteY39" fmla="*/ 545112 h 1091609"/>
                <a:gd name="connsiteX40" fmla="*/ 346995 w 1089576"/>
                <a:gd name="connsiteY40" fmla="*/ 493300 h 1091609"/>
                <a:gd name="connsiteX41" fmla="*/ 373760 w 1089576"/>
                <a:gd name="connsiteY41" fmla="*/ 539189 h 1091609"/>
                <a:gd name="connsiteX42" fmla="*/ 376744 w 1089576"/>
                <a:gd name="connsiteY42" fmla="*/ 529153 h 1091609"/>
                <a:gd name="connsiteX43" fmla="*/ 378733 w 1089576"/>
                <a:gd name="connsiteY43" fmla="*/ 505236 h 1091609"/>
                <a:gd name="connsiteX44" fmla="*/ 356986 w 1089576"/>
                <a:gd name="connsiteY44" fmla="*/ 472865 h 1091609"/>
                <a:gd name="connsiteX45" fmla="*/ 357303 w 1089576"/>
                <a:gd name="connsiteY45" fmla="*/ 472594 h 1091609"/>
                <a:gd name="connsiteX46" fmla="*/ 356851 w 1089576"/>
                <a:gd name="connsiteY46" fmla="*/ 466716 h 1091609"/>
                <a:gd name="connsiteX47" fmla="*/ 381220 w 1089576"/>
                <a:gd name="connsiteY47" fmla="*/ 291614 h 1091609"/>
                <a:gd name="connsiteX48" fmla="*/ 545290 w 1089576"/>
                <a:gd name="connsiteY48" fmla="*/ 237360 h 1091609"/>
                <a:gd name="connsiteX49" fmla="*/ 545290 w 1089576"/>
                <a:gd name="connsiteY49" fmla="*/ 237360 h 1091609"/>
                <a:gd name="connsiteX50" fmla="*/ 708909 w 1089576"/>
                <a:gd name="connsiteY50" fmla="*/ 291614 h 1091609"/>
                <a:gd name="connsiteX51" fmla="*/ 733730 w 1089576"/>
                <a:gd name="connsiteY51" fmla="*/ 466626 h 1091609"/>
                <a:gd name="connsiteX52" fmla="*/ 733368 w 1089576"/>
                <a:gd name="connsiteY52" fmla="*/ 472367 h 1091609"/>
                <a:gd name="connsiteX53" fmla="*/ 710763 w 1089576"/>
                <a:gd name="connsiteY53" fmla="*/ 505236 h 1091609"/>
                <a:gd name="connsiteX54" fmla="*/ 712797 w 1089576"/>
                <a:gd name="connsiteY54" fmla="*/ 529153 h 1091609"/>
                <a:gd name="connsiteX55" fmla="*/ 715781 w 1089576"/>
                <a:gd name="connsiteY55" fmla="*/ 539144 h 1091609"/>
                <a:gd name="connsiteX56" fmla="*/ 742908 w 1089576"/>
                <a:gd name="connsiteY56" fmla="*/ 492939 h 1091609"/>
                <a:gd name="connsiteX57" fmla="*/ 743857 w 1089576"/>
                <a:gd name="connsiteY57" fmla="*/ 545112 h 1091609"/>
                <a:gd name="connsiteX58" fmla="*/ 714063 w 1089576"/>
                <a:gd name="connsiteY58" fmla="*/ 612296 h 1091609"/>
                <a:gd name="connsiteX59" fmla="*/ 711893 w 1089576"/>
                <a:gd name="connsiteY59" fmla="*/ 612974 h 1091609"/>
                <a:gd name="connsiteX60" fmla="*/ 711170 w 1089576"/>
                <a:gd name="connsiteY60" fmla="*/ 615099 h 1091609"/>
                <a:gd name="connsiteX61" fmla="*/ 618035 w 1089576"/>
                <a:gd name="connsiteY61" fmla="*/ 719401 h 1091609"/>
                <a:gd name="connsiteX62" fmla="*/ 473043 w 1089576"/>
                <a:gd name="connsiteY62" fmla="*/ 719672 h 1091609"/>
                <a:gd name="connsiteX63" fmla="*/ 418880 w 1089576"/>
                <a:gd name="connsiteY63" fmla="*/ 675908 h 1091609"/>
                <a:gd name="connsiteX64" fmla="*/ 480955 w 1089576"/>
                <a:gd name="connsiteY64" fmla="*/ 819679 h 1091609"/>
                <a:gd name="connsiteX65" fmla="*/ 480955 w 1089576"/>
                <a:gd name="connsiteY65" fmla="*/ 763482 h 1091609"/>
                <a:gd name="connsiteX66" fmla="*/ 480955 w 1089576"/>
                <a:gd name="connsiteY66" fmla="*/ 748517 h 1091609"/>
                <a:gd name="connsiteX67" fmla="*/ 608767 w 1089576"/>
                <a:gd name="connsiteY67" fmla="*/ 748517 h 1091609"/>
                <a:gd name="connsiteX68" fmla="*/ 608767 w 1089576"/>
                <a:gd name="connsiteY68" fmla="*/ 763482 h 1091609"/>
                <a:gd name="connsiteX69" fmla="*/ 608767 w 1089576"/>
                <a:gd name="connsiteY69" fmla="*/ 819815 h 1091609"/>
                <a:gd name="connsiteX70" fmla="*/ 545471 w 1089576"/>
                <a:gd name="connsiteY70" fmla="*/ 872440 h 1091609"/>
                <a:gd name="connsiteX71" fmla="*/ 538283 w 1089576"/>
                <a:gd name="connsiteY71" fmla="*/ 892785 h 1091609"/>
                <a:gd name="connsiteX72" fmla="*/ 476705 w 1089576"/>
                <a:gd name="connsiteY72" fmla="*/ 935058 h 1091609"/>
                <a:gd name="connsiteX73" fmla="*/ 461695 w 1089576"/>
                <a:gd name="connsiteY73" fmla="*/ 856797 h 1091609"/>
                <a:gd name="connsiteX74" fmla="*/ 470737 w 1089576"/>
                <a:gd name="connsiteY74" fmla="*/ 837537 h 1091609"/>
                <a:gd name="connsiteX75" fmla="*/ 618849 w 1089576"/>
                <a:gd name="connsiteY75" fmla="*/ 837628 h 1091609"/>
                <a:gd name="connsiteX76" fmla="*/ 627891 w 1089576"/>
                <a:gd name="connsiteY76" fmla="*/ 856752 h 1091609"/>
                <a:gd name="connsiteX77" fmla="*/ 612836 w 1089576"/>
                <a:gd name="connsiteY77" fmla="*/ 935058 h 1091609"/>
                <a:gd name="connsiteX78" fmla="*/ 551936 w 1089576"/>
                <a:gd name="connsiteY78" fmla="*/ 893237 h 1091609"/>
                <a:gd name="connsiteX79" fmla="*/ 238714 w 1089576"/>
                <a:gd name="connsiteY79" fmla="*/ 976335 h 1091609"/>
                <a:gd name="connsiteX80" fmla="*/ 452698 w 1089576"/>
                <a:gd name="connsiteY80" fmla="*/ 828450 h 1091609"/>
                <a:gd name="connsiteX81" fmla="*/ 440582 w 1089576"/>
                <a:gd name="connsiteY81" fmla="*/ 854085 h 1091609"/>
                <a:gd name="connsiteX82" fmla="*/ 462645 w 1089576"/>
                <a:gd name="connsiteY82" fmla="*/ 969237 h 1091609"/>
                <a:gd name="connsiteX83" fmla="*/ 492529 w 1089576"/>
                <a:gd name="connsiteY83" fmla="*/ 948757 h 1091609"/>
                <a:gd name="connsiteX84" fmla="*/ 540814 w 1089576"/>
                <a:gd name="connsiteY84" fmla="*/ 1073449 h 1091609"/>
                <a:gd name="connsiteX85" fmla="*/ 543798 w 1089576"/>
                <a:gd name="connsiteY85" fmla="*/ 1073449 h 1091609"/>
                <a:gd name="connsiteX86" fmla="*/ 238714 w 1089576"/>
                <a:gd name="connsiteY86" fmla="*/ 976335 h 1091609"/>
                <a:gd name="connsiteX87" fmla="*/ 510297 w 1089576"/>
                <a:gd name="connsiteY87" fmla="*/ 936550 h 1091609"/>
                <a:gd name="connsiteX88" fmla="*/ 544838 w 1089576"/>
                <a:gd name="connsiteY88" fmla="*/ 912859 h 1091609"/>
                <a:gd name="connsiteX89" fmla="*/ 579289 w 1089576"/>
                <a:gd name="connsiteY89" fmla="*/ 936550 h 1091609"/>
                <a:gd name="connsiteX90" fmla="*/ 544793 w 1089576"/>
                <a:gd name="connsiteY90" fmla="*/ 1026339 h 1091609"/>
                <a:gd name="connsiteX91" fmla="*/ 548772 w 1089576"/>
                <a:gd name="connsiteY91" fmla="*/ 1073404 h 1091609"/>
                <a:gd name="connsiteX92" fmla="*/ 597057 w 1089576"/>
                <a:gd name="connsiteY92" fmla="*/ 948757 h 1091609"/>
                <a:gd name="connsiteX93" fmla="*/ 626942 w 1089576"/>
                <a:gd name="connsiteY93" fmla="*/ 969237 h 1091609"/>
                <a:gd name="connsiteX94" fmla="*/ 649050 w 1089576"/>
                <a:gd name="connsiteY94" fmla="*/ 854085 h 1091609"/>
                <a:gd name="connsiteX95" fmla="*/ 636888 w 1089576"/>
                <a:gd name="connsiteY95" fmla="*/ 828450 h 1091609"/>
                <a:gd name="connsiteX96" fmla="*/ 850284 w 1089576"/>
                <a:gd name="connsiteY96" fmla="*/ 975069 h 1091609"/>
                <a:gd name="connsiteX97" fmla="*/ 548772 w 1089576"/>
                <a:gd name="connsiteY97" fmla="*/ 1073404 h 1091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Lst>
              <a:rect l="l" t="t" r="r" b="b"/>
              <a:pathLst>
                <a:path w="1089576" h="1091609">
                  <a:moveTo>
                    <a:pt x="543798" y="2"/>
                  </a:moveTo>
                  <a:cubicBezTo>
                    <a:pt x="398359" y="-407"/>
                    <a:pt x="258857" y="57655"/>
                    <a:pt x="156656" y="161134"/>
                  </a:cubicBezTo>
                  <a:lnTo>
                    <a:pt x="169451" y="173884"/>
                  </a:lnTo>
                  <a:cubicBezTo>
                    <a:pt x="374605" y="-33048"/>
                    <a:pt x="708670" y="-34487"/>
                    <a:pt x="915600" y="170670"/>
                  </a:cubicBezTo>
                  <a:cubicBezTo>
                    <a:pt x="1122531" y="375824"/>
                    <a:pt x="1123974" y="709888"/>
                    <a:pt x="918815" y="916819"/>
                  </a:cubicBezTo>
                  <a:cubicBezTo>
                    <a:pt x="903054" y="932720"/>
                    <a:pt x="886295" y="947599"/>
                    <a:pt x="868640" y="961370"/>
                  </a:cubicBezTo>
                  <a:cubicBezTo>
                    <a:pt x="866415" y="951261"/>
                    <a:pt x="863395" y="941342"/>
                    <a:pt x="859598" y="931712"/>
                  </a:cubicBezTo>
                  <a:cubicBezTo>
                    <a:pt x="822027" y="837492"/>
                    <a:pt x="711215" y="815158"/>
                    <a:pt x="629021" y="807020"/>
                  </a:cubicBezTo>
                  <a:cubicBezTo>
                    <a:pt x="629021" y="791951"/>
                    <a:pt x="629021" y="776986"/>
                    <a:pt x="629021" y="762125"/>
                  </a:cubicBezTo>
                  <a:lnTo>
                    <a:pt x="629021" y="738932"/>
                  </a:lnTo>
                  <a:cubicBezTo>
                    <a:pt x="681014" y="711127"/>
                    <a:pt x="712662" y="662932"/>
                    <a:pt x="730294" y="626492"/>
                  </a:cubicBezTo>
                  <a:cubicBezTo>
                    <a:pt x="755748" y="616591"/>
                    <a:pt x="764157" y="573414"/>
                    <a:pt x="766870" y="548141"/>
                  </a:cubicBezTo>
                  <a:cubicBezTo>
                    <a:pt x="768543" y="533086"/>
                    <a:pt x="772385" y="483761"/>
                    <a:pt x="755024" y="465993"/>
                  </a:cubicBezTo>
                  <a:cubicBezTo>
                    <a:pt x="755838" y="450711"/>
                    <a:pt x="756697" y="434345"/>
                    <a:pt x="756878" y="417753"/>
                  </a:cubicBezTo>
                  <a:cubicBezTo>
                    <a:pt x="758325" y="361600"/>
                    <a:pt x="751453" y="323307"/>
                    <a:pt x="734725" y="293648"/>
                  </a:cubicBezTo>
                  <a:cubicBezTo>
                    <a:pt x="732342" y="289124"/>
                    <a:pt x="729670" y="284760"/>
                    <a:pt x="726722" y="280582"/>
                  </a:cubicBezTo>
                  <a:cubicBezTo>
                    <a:pt x="686032" y="222712"/>
                    <a:pt x="603703" y="216021"/>
                    <a:pt x="545471" y="216021"/>
                  </a:cubicBezTo>
                  <a:cubicBezTo>
                    <a:pt x="487239" y="216021"/>
                    <a:pt x="403463" y="222576"/>
                    <a:pt x="362321" y="279316"/>
                  </a:cubicBezTo>
                  <a:cubicBezTo>
                    <a:pt x="351321" y="295144"/>
                    <a:pt x="343491" y="312954"/>
                    <a:pt x="339264" y="331761"/>
                  </a:cubicBezTo>
                  <a:cubicBezTo>
                    <a:pt x="336510" y="342951"/>
                    <a:pt x="334593" y="354330"/>
                    <a:pt x="333522" y="365805"/>
                  </a:cubicBezTo>
                  <a:cubicBezTo>
                    <a:pt x="330764" y="399220"/>
                    <a:pt x="330764" y="432803"/>
                    <a:pt x="333522" y="466219"/>
                  </a:cubicBezTo>
                  <a:cubicBezTo>
                    <a:pt x="315437" y="484755"/>
                    <a:pt x="319959" y="537517"/>
                    <a:pt x="320863" y="548186"/>
                  </a:cubicBezTo>
                  <a:cubicBezTo>
                    <a:pt x="323440" y="573595"/>
                    <a:pt x="331849" y="616998"/>
                    <a:pt x="359202" y="626763"/>
                  </a:cubicBezTo>
                  <a:cubicBezTo>
                    <a:pt x="384249" y="678440"/>
                    <a:pt x="419061" y="717185"/>
                    <a:pt x="460113" y="739203"/>
                  </a:cubicBezTo>
                  <a:lnTo>
                    <a:pt x="460113" y="763165"/>
                  </a:lnTo>
                  <a:cubicBezTo>
                    <a:pt x="460113" y="777872"/>
                    <a:pt x="460113" y="792539"/>
                    <a:pt x="460113" y="807156"/>
                  </a:cubicBezTo>
                  <a:cubicBezTo>
                    <a:pt x="378100" y="815294"/>
                    <a:pt x="267288" y="837628"/>
                    <a:pt x="229536" y="931848"/>
                  </a:cubicBezTo>
                  <a:cubicBezTo>
                    <a:pt x="225575" y="941939"/>
                    <a:pt x="222357" y="952301"/>
                    <a:pt x="219907" y="962862"/>
                  </a:cubicBezTo>
                  <a:cubicBezTo>
                    <a:pt x="208092" y="953820"/>
                    <a:pt x="196653" y="944145"/>
                    <a:pt x="185591" y="933837"/>
                  </a:cubicBezTo>
                  <a:cubicBezTo>
                    <a:pt x="88886" y="844631"/>
                    <a:pt x="29121" y="722421"/>
                    <a:pt x="18084" y="591318"/>
                  </a:cubicBezTo>
                  <a:lnTo>
                    <a:pt x="0" y="592855"/>
                  </a:lnTo>
                  <a:cubicBezTo>
                    <a:pt x="25993" y="893161"/>
                    <a:pt x="290513" y="1115540"/>
                    <a:pt x="590818" y="1089544"/>
                  </a:cubicBezTo>
                  <a:cubicBezTo>
                    <a:pt x="891128" y="1063552"/>
                    <a:pt x="1113503" y="799031"/>
                    <a:pt x="1087511" y="498726"/>
                  </a:cubicBezTo>
                  <a:cubicBezTo>
                    <a:pt x="1063093" y="216609"/>
                    <a:pt x="826969" y="25"/>
                    <a:pt x="543798" y="2"/>
                  </a:cubicBezTo>
                  <a:close/>
                  <a:moveTo>
                    <a:pt x="418880" y="675908"/>
                  </a:moveTo>
                  <a:lnTo>
                    <a:pt x="418880" y="675908"/>
                  </a:lnTo>
                  <a:cubicBezTo>
                    <a:pt x="402636" y="657792"/>
                    <a:pt x="389430" y="637166"/>
                    <a:pt x="379773" y="614828"/>
                  </a:cubicBezTo>
                  <a:lnTo>
                    <a:pt x="378914" y="612884"/>
                  </a:lnTo>
                  <a:lnTo>
                    <a:pt x="376879" y="612296"/>
                  </a:lnTo>
                  <a:cubicBezTo>
                    <a:pt x="353415" y="605469"/>
                    <a:pt x="346995" y="559128"/>
                    <a:pt x="345548" y="545112"/>
                  </a:cubicBezTo>
                  <a:cubicBezTo>
                    <a:pt x="343803" y="527851"/>
                    <a:pt x="344287" y="510435"/>
                    <a:pt x="346995" y="493300"/>
                  </a:cubicBezTo>
                  <a:lnTo>
                    <a:pt x="373760" y="539189"/>
                  </a:lnTo>
                  <a:lnTo>
                    <a:pt x="376744" y="529153"/>
                  </a:lnTo>
                  <a:cubicBezTo>
                    <a:pt x="379126" y="521417"/>
                    <a:pt x="379804" y="513256"/>
                    <a:pt x="378733" y="505236"/>
                  </a:cubicBezTo>
                  <a:cubicBezTo>
                    <a:pt x="376870" y="491668"/>
                    <a:pt x="368845" y="479719"/>
                    <a:pt x="356986" y="472865"/>
                  </a:cubicBezTo>
                  <a:lnTo>
                    <a:pt x="357303" y="472594"/>
                  </a:lnTo>
                  <a:lnTo>
                    <a:pt x="356851" y="466716"/>
                  </a:lnTo>
                  <a:cubicBezTo>
                    <a:pt x="353324" y="415175"/>
                    <a:pt x="347809" y="337367"/>
                    <a:pt x="381220" y="291614"/>
                  </a:cubicBezTo>
                  <a:cubicBezTo>
                    <a:pt x="416348" y="243464"/>
                    <a:pt x="487285" y="237360"/>
                    <a:pt x="545290" y="237360"/>
                  </a:cubicBezTo>
                  <a:lnTo>
                    <a:pt x="545290" y="237360"/>
                  </a:lnTo>
                  <a:cubicBezTo>
                    <a:pt x="603025" y="237360"/>
                    <a:pt x="673780" y="243599"/>
                    <a:pt x="708909" y="291614"/>
                  </a:cubicBezTo>
                  <a:cubicBezTo>
                    <a:pt x="742185" y="337232"/>
                    <a:pt x="737076" y="415085"/>
                    <a:pt x="733730" y="466626"/>
                  </a:cubicBezTo>
                  <a:lnTo>
                    <a:pt x="733368" y="472367"/>
                  </a:lnTo>
                  <a:cubicBezTo>
                    <a:pt x="721017" y="479086"/>
                    <a:pt x="712621" y="491297"/>
                    <a:pt x="710763" y="505236"/>
                  </a:cubicBezTo>
                  <a:cubicBezTo>
                    <a:pt x="709709" y="513261"/>
                    <a:pt x="710401" y="521422"/>
                    <a:pt x="712797" y="529153"/>
                  </a:cubicBezTo>
                  <a:lnTo>
                    <a:pt x="715781" y="539144"/>
                  </a:lnTo>
                  <a:lnTo>
                    <a:pt x="742908" y="492939"/>
                  </a:lnTo>
                  <a:cubicBezTo>
                    <a:pt x="745593" y="510205"/>
                    <a:pt x="745914" y="527760"/>
                    <a:pt x="743857" y="545112"/>
                  </a:cubicBezTo>
                  <a:cubicBezTo>
                    <a:pt x="742365" y="559128"/>
                    <a:pt x="735765" y="605424"/>
                    <a:pt x="714063" y="612296"/>
                  </a:cubicBezTo>
                  <a:lnTo>
                    <a:pt x="711893" y="612974"/>
                  </a:lnTo>
                  <a:lnTo>
                    <a:pt x="711170" y="615099"/>
                  </a:lnTo>
                  <a:cubicBezTo>
                    <a:pt x="705247" y="632234"/>
                    <a:pt x="681014" y="690285"/>
                    <a:pt x="618035" y="719401"/>
                  </a:cubicBezTo>
                  <a:cubicBezTo>
                    <a:pt x="614915" y="720848"/>
                    <a:pt x="541176" y="754213"/>
                    <a:pt x="473043" y="719672"/>
                  </a:cubicBezTo>
                  <a:cubicBezTo>
                    <a:pt x="452422" y="708582"/>
                    <a:pt x="434053" y="693739"/>
                    <a:pt x="418880" y="675908"/>
                  </a:cubicBezTo>
                  <a:close/>
                  <a:moveTo>
                    <a:pt x="480955" y="819679"/>
                  </a:moveTo>
                  <a:cubicBezTo>
                    <a:pt x="480955" y="811225"/>
                    <a:pt x="480955" y="786494"/>
                    <a:pt x="480955" y="763482"/>
                  </a:cubicBezTo>
                  <a:lnTo>
                    <a:pt x="480955" y="748517"/>
                  </a:lnTo>
                  <a:cubicBezTo>
                    <a:pt x="522106" y="764250"/>
                    <a:pt x="567616" y="764250"/>
                    <a:pt x="608767" y="748517"/>
                  </a:cubicBezTo>
                  <a:lnTo>
                    <a:pt x="608767" y="763482"/>
                  </a:lnTo>
                  <a:cubicBezTo>
                    <a:pt x="608767" y="786584"/>
                    <a:pt x="608767" y="811451"/>
                    <a:pt x="608767" y="819815"/>
                  </a:cubicBezTo>
                  <a:lnTo>
                    <a:pt x="545471" y="872440"/>
                  </a:lnTo>
                  <a:close/>
                  <a:moveTo>
                    <a:pt x="538283" y="892785"/>
                  </a:moveTo>
                  <a:lnTo>
                    <a:pt x="476705" y="935058"/>
                  </a:lnTo>
                  <a:lnTo>
                    <a:pt x="461695" y="856797"/>
                  </a:lnTo>
                  <a:lnTo>
                    <a:pt x="470737" y="837537"/>
                  </a:lnTo>
                  <a:close/>
                  <a:moveTo>
                    <a:pt x="618849" y="837628"/>
                  </a:moveTo>
                  <a:lnTo>
                    <a:pt x="627891" y="856752"/>
                  </a:lnTo>
                  <a:lnTo>
                    <a:pt x="612836" y="935058"/>
                  </a:lnTo>
                  <a:lnTo>
                    <a:pt x="551936" y="893237"/>
                  </a:lnTo>
                  <a:close/>
                  <a:moveTo>
                    <a:pt x="238714" y="976335"/>
                  </a:moveTo>
                  <a:cubicBezTo>
                    <a:pt x="251961" y="905399"/>
                    <a:pt x="297896" y="846444"/>
                    <a:pt x="452698" y="828450"/>
                  </a:cubicBezTo>
                  <a:lnTo>
                    <a:pt x="440582" y="854085"/>
                  </a:lnTo>
                  <a:lnTo>
                    <a:pt x="462645" y="969237"/>
                  </a:lnTo>
                  <a:lnTo>
                    <a:pt x="492529" y="948757"/>
                  </a:lnTo>
                  <a:lnTo>
                    <a:pt x="540814" y="1073449"/>
                  </a:lnTo>
                  <a:lnTo>
                    <a:pt x="543798" y="1073449"/>
                  </a:lnTo>
                  <a:cubicBezTo>
                    <a:pt x="434483" y="1073580"/>
                    <a:pt x="327843" y="1039635"/>
                    <a:pt x="238714" y="976335"/>
                  </a:cubicBezTo>
                  <a:close/>
                  <a:moveTo>
                    <a:pt x="510297" y="936550"/>
                  </a:moveTo>
                  <a:lnTo>
                    <a:pt x="544838" y="912859"/>
                  </a:lnTo>
                  <a:lnTo>
                    <a:pt x="579289" y="936550"/>
                  </a:lnTo>
                  <a:lnTo>
                    <a:pt x="544793" y="1026339"/>
                  </a:lnTo>
                  <a:close/>
                  <a:moveTo>
                    <a:pt x="548772" y="1073404"/>
                  </a:moveTo>
                  <a:lnTo>
                    <a:pt x="597057" y="948757"/>
                  </a:lnTo>
                  <a:lnTo>
                    <a:pt x="626942" y="969237"/>
                  </a:lnTo>
                  <a:lnTo>
                    <a:pt x="649050" y="854085"/>
                  </a:lnTo>
                  <a:lnTo>
                    <a:pt x="636888" y="828450"/>
                  </a:lnTo>
                  <a:cubicBezTo>
                    <a:pt x="792007" y="846534"/>
                    <a:pt x="837173" y="903952"/>
                    <a:pt x="850284" y="975069"/>
                  </a:cubicBezTo>
                  <a:cubicBezTo>
                    <a:pt x="762326" y="1038157"/>
                    <a:pt x="657011" y="1072504"/>
                    <a:pt x="548772" y="1073404"/>
                  </a:cubicBezTo>
                  <a:close/>
                </a:path>
              </a:pathLst>
            </a:custGeom>
            <a:solidFill>
              <a:schemeClr val="accent2"/>
            </a:solidFill>
            <a:ln w="4498" cap="flat">
              <a:noFill/>
              <a:prstDash val="solid"/>
              <a:miter/>
            </a:ln>
          </p:spPr>
          <p:txBody>
            <a:bodyPr rtlCol="0" anchor="ctr"/>
            <a:lstStyle/>
            <a:p>
              <a:endParaRPr lang="en-US"/>
            </a:p>
          </p:txBody>
        </p:sp>
        <p:sp>
          <p:nvSpPr>
            <p:cNvPr id="16" name="Graphic 31">
              <a:extLst>
                <a:ext uri="{FF2B5EF4-FFF2-40B4-BE49-F238E27FC236}">
                  <a16:creationId xmlns:a16="http://schemas.microsoft.com/office/drawing/2014/main" id="{DFEC5F4B-162B-F641-ABE1-5D4858987CDD}"/>
                </a:ext>
              </a:extLst>
            </p:cNvPr>
            <p:cNvSpPr/>
            <p:nvPr/>
          </p:nvSpPr>
          <p:spPr>
            <a:xfrm>
              <a:off x="7706475" y="2502329"/>
              <a:ext cx="269964" cy="116843"/>
            </a:xfrm>
            <a:custGeom>
              <a:avLst/>
              <a:gdLst>
                <a:gd name="connsiteX0" fmla="*/ 116657 w 269964"/>
                <a:gd name="connsiteY0" fmla="*/ 58568 h 116843"/>
                <a:gd name="connsiteX1" fmla="*/ 116114 w 269964"/>
                <a:gd name="connsiteY1" fmla="*/ 50747 h 116843"/>
                <a:gd name="connsiteX2" fmla="*/ 154227 w 269964"/>
                <a:gd name="connsiteY2" fmla="*/ 50747 h 116843"/>
                <a:gd name="connsiteX3" fmla="*/ 153685 w 269964"/>
                <a:gd name="connsiteY3" fmla="*/ 58568 h 116843"/>
                <a:gd name="connsiteX4" fmla="*/ 212251 w 269964"/>
                <a:gd name="connsiteY4" fmla="*/ 116280 h 116843"/>
                <a:gd name="connsiteX5" fmla="*/ 269963 w 269964"/>
                <a:gd name="connsiteY5" fmla="*/ 57714 h 116843"/>
                <a:gd name="connsiteX6" fmla="*/ 211397 w 269964"/>
                <a:gd name="connsiteY6" fmla="*/ 2 h 116843"/>
                <a:gd name="connsiteX7" fmla="*/ 160014 w 269964"/>
                <a:gd name="connsiteY7" fmla="*/ 31758 h 116843"/>
                <a:gd name="connsiteX8" fmla="*/ 109920 w 269964"/>
                <a:gd name="connsiteY8" fmla="*/ 31758 h 116843"/>
                <a:gd name="connsiteX9" fmla="*/ 31402 w 269964"/>
                <a:gd name="connsiteY9" fmla="*/ 6923 h 116843"/>
                <a:gd name="connsiteX10" fmla="*/ 6568 w 269964"/>
                <a:gd name="connsiteY10" fmla="*/ 85441 h 116843"/>
                <a:gd name="connsiteX11" fmla="*/ 85086 w 269964"/>
                <a:gd name="connsiteY11" fmla="*/ 110276 h 116843"/>
                <a:gd name="connsiteX12" fmla="*/ 116476 w 269964"/>
                <a:gd name="connsiteY12" fmla="*/ 58568 h 116843"/>
                <a:gd name="connsiteX13" fmla="*/ 211916 w 269964"/>
                <a:gd name="connsiteY13" fmla="*/ 21495 h 116843"/>
                <a:gd name="connsiteX14" fmla="*/ 249080 w 269964"/>
                <a:gd name="connsiteY14" fmla="*/ 58568 h 116843"/>
                <a:gd name="connsiteX15" fmla="*/ 212007 w 269964"/>
                <a:gd name="connsiteY15" fmla="*/ 95732 h 116843"/>
                <a:gd name="connsiteX16" fmla="*/ 174843 w 269964"/>
                <a:gd name="connsiteY16" fmla="*/ 58658 h 116843"/>
                <a:gd name="connsiteX17" fmla="*/ 174843 w 269964"/>
                <a:gd name="connsiteY17" fmla="*/ 58568 h 116843"/>
                <a:gd name="connsiteX18" fmla="*/ 211916 w 269964"/>
                <a:gd name="connsiteY18" fmla="*/ 21495 h 116843"/>
                <a:gd name="connsiteX19" fmla="*/ 58199 w 269964"/>
                <a:gd name="connsiteY19" fmla="*/ 95686 h 116843"/>
                <a:gd name="connsiteX20" fmla="*/ 21035 w 269964"/>
                <a:gd name="connsiteY20" fmla="*/ 58613 h 116843"/>
                <a:gd name="connsiteX21" fmla="*/ 58108 w 269964"/>
                <a:gd name="connsiteY21" fmla="*/ 21450 h 116843"/>
                <a:gd name="connsiteX22" fmla="*/ 95272 w 269964"/>
                <a:gd name="connsiteY22" fmla="*/ 58523 h 116843"/>
                <a:gd name="connsiteX23" fmla="*/ 95272 w 269964"/>
                <a:gd name="connsiteY23" fmla="*/ 58568 h 116843"/>
                <a:gd name="connsiteX24" fmla="*/ 58380 w 269964"/>
                <a:gd name="connsiteY24" fmla="*/ 95505 h 1168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69964" h="116843">
                  <a:moveTo>
                    <a:pt x="116657" y="58568"/>
                  </a:moveTo>
                  <a:cubicBezTo>
                    <a:pt x="116657" y="55950"/>
                    <a:pt x="116476" y="53337"/>
                    <a:pt x="116114" y="50747"/>
                  </a:cubicBezTo>
                  <a:cubicBezTo>
                    <a:pt x="128620" y="47582"/>
                    <a:pt x="141722" y="47582"/>
                    <a:pt x="154227" y="50747"/>
                  </a:cubicBezTo>
                  <a:cubicBezTo>
                    <a:pt x="153865" y="53337"/>
                    <a:pt x="153685" y="55950"/>
                    <a:pt x="153685" y="58568"/>
                  </a:cubicBezTo>
                  <a:cubicBezTo>
                    <a:pt x="153920" y="90677"/>
                    <a:pt x="180142" y="116515"/>
                    <a:pt x="212251" y="116280"/>
                  </a:cubicBezTo>
                  <a:cubicBezTo>
                    <a:pt x="244360" y="116045"/>
                    <a:pt x="270198" y="89827"/>
                    <a:pt x="269963" y="57714"/>
                  </a:cubicBezTo>
                  <a:cubicBezTo>
                    <a:pt x="269728" y="25605"/>
                    <a:pt x="243510" y="-234"/>
                    <a:pt x="211397" y="2"/>
                  </a:cubicBezTo>
                  <a:cubicBezTo>
                    <a:pt x="189686" y="160"/>
                    <a:pt x="169870" y="12408"/>
                    <a:pt x="160014" y="31758"/>
                  </a:cubicBezTo>
                  <a:cubicBezTo>
                    <a:pt x="143530" y="27960"/>
                    <a:pt x="126404" y="27960"/>
                    <a:pt x="109920" y="31758"/>
                  </a:cubicBezTo>
                  <a:cubicBezTo>
                    <a:pt x="95096" y="3216"/>
                    <a:pt x="59940" y="-7901"/>
                    <a:pt x="31402" y="6923"/>
                  </a:cubicBezTo>
                  <a:cubicBezTo>
                    <a:pt x="2861" y="21748"/>
                    <a:pt x="-8257" y="56904"/>
                    <a:pt x="6568" y="85441"/>
                  </a:cubicBezTo>
                  <a:cubicBezTo>
                    <a:pt x="21393" y="113983"/>
                    <a:pt x="56549" y="125101"/>
                    <a:pt x="85086" y="110276"/>
                  </a:cubicBezTo>
                  <a:cubicBezTo>
                    <a:pt x="104382" y="100253"/>
                    <a:pt x="116489" y="80315"/>
                    <a:pt x="116476" y="58568"/>
                  </a:cubicBezTo>
                  <a:close/>
                  <a:moveTo>
                    <a:pt x="211916" y="21495"/>
                  </a:moveTo>
                  <a:cubicBezTo>
                    <a:pt x="232415" y="21468"/>
                    <a:pt x="249053" y="38069"/>
                    <a:pt x="249080" y="58568"/>
                  </a:cubicBezTo>
                  <a:cubicBezTo>
                    <a:pt x="249107" y="79067"/>
                    <a:pt x="232506" y="95704"/>
                    <a:pt x="212007" y="95732"/>
                  </a:cubicBezTo>
                  <a:cubicBezTo>
                    <a:pt x="191508" y="95759"/>
                    <a:pt x="174870" y="79157"/>
                    <a:pt x="174843" y="58658"/>
                  </a:cubicBezTo>
                  <a:cubicBezTo>
                    <a:pt x="174843" y="58627"/>
                    <a:pt x="174843" y="58600"/>
                    <a:pt x="174843" y="58568"/>
                  </a:cubicBezTo>
                  <a:cubicBezTo>
                    <a:pt x="174870" y="38105"/>
                    <a:pt x="191454" y="21522"/>
                    <a:pt x="211916" y="21495"/>
                  </a:cubicBezTo>
                  <a:close/>
                  <a:moveTo>
                    <a:pt x="58199" y="95686"/>
                  </a:moveTo>
                  <a:cubicBezTo>
                    <a:pt x="37700" y="95713"/>
                    <a:pt x="21063" y="79112"/>
                    <a:pt x="21035" y="58613"/>
                  </a:cubicBezTo>
                  <a:cubicBezTo>
                    <a:pt x="21008" y="38115"/>
                    <a:pt x="37610" y="21477"/>
                    <a:pt x="58108" y="21450"/>
                  </a:cubicBezTo>
                  <a:cubicBezTo>
                    <a:pt x="78607" y="21423"/>
                    <a:pt x="95245" y="38024"/>
                    <a:pt x="95272" y="58523"/>
                  </a:cubicBezTo>
                  <a:cubicBezTo>
                    <a:pt x="95272" y="58536"/>
                    <a:pt x="95272" y="58554"/>
                    <a:pt x="95272" y="58568"/>
                  </a:cubicBezTo>
                  <a:cubicBezTo>
                    <a:pt x="95172" y="78908"/>
                    <a:pt x="78720" y="95383"/>
                    <a:pt x="58380" y="95505"/>
                  </a:cubicBezTo>
                  <a:close/>
                </a:path>
              </a:pathLst>
            </a:custGeom>
            <a:solidFill>
              <a:schemeClr val="accent2"/>
            </a:solidFill>
            <a:ln w="4498" cap="flat">
              <a:noFill/>
              <a:prstDash val="solid"/>
              <a:miter/>
            </a:ln>
          </p:spPr>
          <p:txBody>
            <a:bodyPr rtlCol="0" anchor="ctr"/>
            <a:lstStyle/>
            <a:p>
              <a:endParaRPr lang="en-US"/>
            </a:p>
          </p:txBody>
        </p:sp>
      </p:grpSp>
      <p:grpSp>
        <p:nvGrpSpPr>
          <p:cNvPr id="17" name="Group 16">
            <a:extLst>
              <a:ext uri="{FF2B5EF4-FFF2-40B4-BE49-F238E27FC236}">
                <a16:creationId xmlns:a16="http://schemas.microsoft.com/office/drawing/2014/main" id="{7A85C437-1713-BC42-9250-DC222EBA2668}"/>
              </a:ext>
            </a:extLst>
          </p:cNvPr>
          <p:cNvGrpSpPr/>
          <p:nvPr/>
        </p:nvGrpSpPr>
        <p:grpSpPr>
          <a:xfrm>
            <a:off x="3821709" y="3648657"/>
            <a:ext cx="723968" cy="627652"/>
            <a:chOff x="4762553" y="2074652"/>
            <a:chExt cx="1259084" cy="1091576"/>
          </a:xfrm>
        </p:grpSpPr>
        <p:sp>
          <p:nvSpPr>
            <p:cNvPr id="18" name="Graphic 32">
              <a:extLst>
                <a:ext uri="{FF2B5EF4-FFF2-40B4-BE49-F238E27FC236}">
                  <a16:creationId xmlns:a16="http://schemas.microsoft.com/office/drawing/2014/main" id="{C56B0461-683A-E843-A5C1-C8E6CC24658B}"/>
                </a:ext>
              </a:extLst>
            </p:cNvPr>
            <p:cNvSpPr/>
            <p:nvPr/>
          </p:nvSpPr>
          <p:spPr>
            <a:xfrm>
              <a:off x="4879651" y="2294016"/>
              <a:ext cx="93044" cy="316522"/>
            </a:xfrm>
            <a:custGeom>
              <a:avLst/>
              <a:gdLst>
                <a:gd name="connsiteX0" fmla="*/ 59995 w 93044"/>
                <a:gd name="connsiteY0" fmla="*/ 250967 h 316522"/>
                <a:gd name="connsiteX1" fmla="*/ 90377 w 93044"/>
                <a:gd name="connsiteY1" fmla="*/ 190791 h 316522"/>
                <a:gd name="connsiteX2" fmla="*/ 93044 w 93044"/>
                <a:gd name="connsiteY2" fmla="*/ 0 h 316522"/>
                <a:gd name="connsiteX3" fmla="*/ 3481 w 93044"/>
                <a:gd name="connsiteY3" fmla="*/ 62075 h 316522"/>
                <a:gd name="connsiteX4" fmla="*/ 0 w 93044"/>
                <a:gd name="connsiteY4" fmla="*/ 316523 h 316522"/>
                <a:gd name="connsiteX5" fmla="*/ 63069 w 93044"/>
                <a:gd name="connsiteY5" fmla="*/ 272578 h 316522"/>
                <a:gd name="connsiteX6" fmla="*/ 59995 w 93044"/>
                <a:gd name="connsiteY6" fmla="*/ 250967 h 316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3044" h="316522">
                  <a:moveTo>
                    <a:pt x="59995" y="250967"/>
                  </a:moveTo>
                  <a:cubicBezTo>
                    <a:pt x="60463" y="227335"/>
                    <a:pt x="71641" y="205199"/>
                    <a:pt x="90377" y="190791"/>
                  </a:cubicBezTo>
                  <a:lnTo>
                    <a:pt x="93044" y="0"/>
                  </a:lnTo>
                  <a:lnTo>
                    <a:pt x="3481" y="62075"/>
                  </a:lnTo>
                  <a:lnTo>
                    <a:pt x="0" y="316523"/>
                  </a:lnTo>
                  <a:lnTo>
                    <a:pt x="63069" y="272578"/>
                  </a:lnTo>
                  <a:cubicBezTo>
                    <a:pt x="61034" y="265556"/>
                    <a:pt x="59999" y="258277"/>
                    <a:pt x="59995" y="250967"/>
                  </a:cubicBezTo>
                  <a:close/>
                </a:path>
              </a:pathLst>
            </a:custGeom>
            <a:solidFill>
              <a:schemeClr val="accent1"/>
            </a:solidFill>
            <a:ln w="4498" cap="flat">
              <a:noFill/>
              <a:prstDash val="solid"/>
              <a:miter/>
            </a:ln>
          </p:spPr>
          <p:txBody>
            <a:bodyPr rtlCol="0" anchor="ctr"/>
            <a:lstStyle/>
            <a:p>
              <a:endParaRPr lang="en-US"/>
            </a:p>
          </p:txBody>
        </p:sp>
        <p:sp>
          <p:nvSpPr>
            <p:cNvPr id="19" name="Graphic 32">
              <a:extLst>
                <a:ext uri="{FF2B5EF4-FFF2-40B4-BE49-F238E27FC236}">
                  <a16:creationId xmlns:a16="http://schemas.microsoft.com/office/drawing/2014/main" id="{67670AEE-07B0-F140-ABE9-A0D8239F6DEE}"/>
                </a:ext>
              </a:extLst>
            </p:cNvPr>
            <p:cNvSpPr/>
            <p:nvPr/>
          </p:nvSpPr>
          <p:spPr>
            <a:xfrm>
              <a:off x="4984903" y="2294242"/>
              <a:ext cx="104804" cy="217239"/>
            </a:xfrm>
            <a:custGeom>
              <a:avLst/>
              <a:gdLst>
                <a:gd name="connsiteX0" fmla="*/ 0 w 104804"/>
                <a:gd name="connsiteY0" fmla="*/ 181070 h 217239"/>
                <a:gd name="connsiteX1" fmla="*/ 102946 w 104804"/>
                <a:gd name="connsiteY1" fmla="*/ 217239 h 217239"/>
                <a:gd name="connsiteX2" fmla="*/ 104799 w 104804"/>
                <a:gd name="connsiteY2" fmla="*/ 79210 h 217239"/>
                <a:gd name="connsiteX3" fmla="*/ 101770 w 104804"/>
                <a:gd name="connsiteY3" fmla="*/ 73016 h 217239"/>
                <a:gd name="connsiteX4" fmla="*/ 2306 w 104804"/>
                <a:gd name="connsiteY4" fmla="*/ 0 h 2172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804" h="217239">
                  <a:moveTo>
                    <a:pt x="0" y="181070"/>
                  </a:moveTo>
                  <a:cubicBezTo>
                    <a:pt x="38419" y="162697"/>
                    <a:pt x="84462" y="178873"/>
                    <a:pt x="102946" y="217239"/>
                  </a:cubicBezTo>
                  <a:lnTo>
                    <a:pt x="104799" y="79210"/>
                  </a:lnTo>
                  <a:cubicBezTo>
                    <a:pt x="104893" y="76768"/>
                    <a:pt x="103756" y="74441"/>
                    <a:pt x="101770" y="73016"/>
                  </a:cubicBezTo>
                  <a:lnTo>
                    <a:pt x="2306" y="0"/>
                  </a:lnTo>
                  <a:close/>
                </a:path>
              </a:pathLst>
            </a:custGeom>
            <a:solidFill>
              <a:schemeClr val="accent1"/>
            </a:solidFill>
            <a:ln w="4498" cap="flat">
              <a:noFill/>
              <a:prstDash val="solid"/>
              <a:miter/>
            </a:ln>
          </p:spPr>
          <p:txBody>
            <a:bodyPr rtlCol="0" anchor="ctr"/>
            <a:lstStyle/>
            <a:p>
              <a:endParaRPr lang="en-US"/>
            </a:p>
          </p:txBody>
        </p:sp>
        <p:sp>
          <p:nvSpPr>
            <p:cNvPr id="20" name="Graphic 32">
              <a:extLst>
                <a:ext uri="{FF2B5EF4-FFF2-40B4-BE49-F238E27FC236}">
                  <a16:creationId xmlns:a16="http://schemas.microsoft.com/office/drawing/2014/main" id="{EF28C60E-6629-8246-ABC5-75D00C8572CB}"/>
                </a:ext>
              </a:extLst>
            </p:cNvPr>
            <p:cNvSpPr/>
            <p:nvPr/>
          </p:nvSpPr>
          <p:spPr>
            <a:xfrm>
              <a:off x="4762553" y="2287685"/>
              <a:ext cx="105795" cy="322627"/>
            </a:xfrm>
            <a:custGeom>
              <a:avLst/>
              <a:gdLst>
                <a:gd name="connsiteX0" fmla="*/ 105795 w 105795"/>
                <a:gd name="connsiteY0" fmla="*/ 68225 h 322627"/>
                <a:gd name="connsiteX1" fmla="*/ 14966 w 105795"/>
                <a:gd name="connsiteY1" fmla="*/ 1448 h 322627"/>
                <a:gd name="connsiteX2" fmla="*/ 4658 w 105795"/>
                <a:gd name="connsiteY2" fmla="*/ 2983 h 322627"/>
                <a:gd name="connsiteX3" fmla="*/ 3211 w 105795"/>
                <a:gd name="connsiteY3" fmla="*/ 7235 h 322627"/>
                <a:gd name="connsiteX4" fmla="*/ 2 w 105795"/>
                <a:gd name="connsiteY4" fmla="*/ 243554 h 322627"/>
                <a:gd name="connsiteX5" fmla="*/ 3031 w 105795"/>
                <a:gd name="connsiteY5" fmla="*/ 249612 h 322627"/>
                <a:gd name="connsiteX6" fmla="*/ 102495 w 105795"/>
                <a:gd name="connsiteY6" fmla="*/ 322628 h 322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05795" h="322627">
                  <a:moveTo>
                    <a:pt x="105795" y="68225"/>
                  </a:moveTo>
                  <a:lnTo>
                    <a:pt x="14966" y="1448"/>
                  </a:lnTo>
                  <a:cubicBezTo>
                    <a:pt x="11696" y="-974"/>
                    <a:pt x="7081" y="-287"/>
                    <a:pt x="4658" y="2983"/>
                  </a:cubicBezTo>
                  <a:cubicBezTo>
                    <a:pt x="3745" y="4216"/>
                    <a:pt x="3239" y="5702"/>
                    <a:pt x="3211" y="7235"/>
                  </a:cubicBezTo>
                  <a:lnTo>
                    <a:pt x="2" y="243554"/>
                  </a:lnTo>
                  <a:cubicBezTo>
                    <a:pt x="-47" y="245950"/>
                    <a:pt x="1086" y="248215"/>
                    <a:pt x="3031" y="249612"/>
                  </a:cubicBezTo>
                  <a:lnTo>
                    <a:pt x="102495" y="322628"/>
                  </a:lnTo>
                  <a:close/>
                </a:path>
              </a:pathLst>
            </a:custGeom>
            <a:solidFill>
              <a:schemeClr val="accent1"/>
            </a:solidFill>
            <a:ln w="4498" cap="flat">
              <a:noFill/>
              <a:prstDash val="solid"/>
              <a:miter/>
            </a:ln>
          </p:spPr>
          <p:txBody>
            <a:bodyPr rtlCol="0" anchor="ctr"/>
            <a:lstStyle/>
            <a:p>
              <a:endParaRPr lang="en-US"/>
            </a:p>
          </p:txBody>
        </p:sp>
        <p:sp>
          <p:nvSpPr>
            <p:cNvPr id="21" name="Graphic 32">
              <a:extLst>
                <a:ext uri="{FF2B5EF4-FFF2-40B4-BE49-F238E27FC236}">
                  <a16:creationId xmlns:a16="http://schemas.microsoft.com/office/drawing/2014/main" id="{88897C5E-DCA3-9144-BCFC-BB56A423D710}"/>
                </a:ext>
              </a:extLst>
            </p:cNvPr>
            <p:cNvSpPr/>
            <p:nvPr/>
          </p:nvSpPr>
          <p:spPr>
            <a:xfrm>
              <a:off x="4954391" y="2482418"/>
              <a:ext cx="161232" cy="163763"/>
            </a:xfrm>
            <a:custGeom>
              <a:avLst/>
              <a:gdLst>
                <a:gd name="connsiteX0" fmla="*/ 159137 w 161232"/>
                <a:gd name="connsiteY0" fmla="*/ 151224 h 163763"/>
                <a:gd name="connsiteX1" fmla="*/ 112750 w 161232"/>
                <a:gd name="connsiteY1" fmla="*/ 103526 h 163763"/>
                <a:gd name="connsiteX2" fmla="*/ 127218 w 161232"/>
                <a:gd name="connsiteY2" fmla="*/ 64509 h 163763"/>
                <a:gd name="connsiteX3" fmla="*/ 64510 w 161232"/>
                <a:gd name="connsiteY3" fmla="*/ 7 h 163763"/>
                <a:gd name="connsiteX4" fmla="*/ 6 w 161232"/>
                <a:gd name="connsiteY4" fmla="*/ 62714 h 163763"/>
                <a:gd name="connsiteX5" fmla="*/ 62714 w 161232"/>
                <a:gd name="connsiteY5" fmla="*/ 127217 h 163763"/>
                <a:gd name="connsiteX6" fmla="*/ 62747 w 161232"/>
                <a:gd name="connsiteY6" fmla="*/ 127217 h 163763"/>
                <a:gd name="connsiteX7" fmla="*/ 102171 w 161232"/>
                <a:gd name="connsiteY7" fmla="*/ 113654 h 163763"/>
                <a:gd name="connsiteX8" fmla="*/ 148557 w 161232"/>
                <a:gd name="connsiteY8" fmla="*/ 161532 h 163763"/>
                <a:gd name="connsiteX9" fmla="*/ 159001 w 161232"/>
                <a:gd name="connsiteY9" fmla="*/ 161668 h 163763"/>
                <a:gd name="connsiteX10" fmla="*/ 159137 w 161232"/>
                <a:gd name="connsiteY10" fmla="*/ 151224 h 163763"/>
                <a:gd name="connsiteX11" fmla="*/ 14778 w 161232"/>
                <a:gd name="connsiteY11" fmla="*/ 62972 h 163763"/>
                <a:gd name="connsiteX12" fmla="*/ 64239 w 161232"/>
                <a:gd name="connsiteY12" fmla="*/ 14786 h 163763"/>
                <a:gd name="connsiteX13" fmla="*/ 112426 w 161232"/>
                <a:gd name="connsiteY13" fmla="*/ 64247 h 163763"/>
                <a:gd name="connsiteX14" fmla="*/ 62973 w 161232"/>
                <a:gd name="connsiteY14" fmla="*/ 112433 h 163763"/>
                <a:gd name="connsiteX15" fmla="*/ 14778 w 161232"/>
                <a:gd name="connsiteY15" fmla="*/ 62972 h 163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61232" h="163763">
                  <a:moveTo>
                    <a:pt x="159137" y="151224"/>
                  </a:moveTo>
                  <a:lnTo>
                    <a:pt x="112750" y="103526"/>
                  </a:lnTo>
                  <a:cubicBezTo>
                    <a:pt x="121832" y="92522"/>
                    <a:pt x="126931" y="78773"/>
                    <a:pt x="127218" y="64509"/>
                  </a:cubicBezTo>
                  <a:cubicBezTo>
                    <a:pt x="127714" y="29380"/>
                    <a:pt x="99639" y="499"/>
                    <a:pt x="64510" y="7"/>
                  </a:cubicBezTo>
                  <a:cubicBezTo>
                    <a:pt x="29382" y="-491"/>
                    <a:pt x="502" y="27585"/>
                    <a:pt x="6" y="62714"/>
                  </a:cubicBezTo>
                  <a:cubicBezTo>
                    <a:pt x="-489" y="97839"/>
                    <a:pt x="27585" y="126720"/>
                    <a:pt x="62714" y="127217"/>
                  </a:cubicBezTo>
                  <a:cubicBezTo>
                    <a:pt x="62725" y="127217"/>
                    <a:pt x="62736" y="127217"/>
                    <a:pt x="62747" y="127217"/>
                  </a:cubicBezTo>
                  <a:cubicBezTo>
                    <a:pt x="77047" y="127307"/>
                    <a:pt x="90952" y="122524"/>
                    <a:pt x="102171" y="113654"/>
                  </a:cubicBezTo>
                  <a:lnTo>
                    <a:pt x="148557" y="161532"/>
                  </a:lnTo>
                  <a:cubicBezTo>
                    <a:pt x="151404" y="164453"/>
                    <a:pt x="156080" y="164516"/>
                    <a:pt x="159001" y="161668"/>
                  </a:cubicBezTo>
                  <a:cubicBezTo>
                    <a:pt x="161923" y="158819"/>
                    <a:pt x="161983" y="154145"/>
                    <a:pt x="159137" y="151224"/>
                  </a:cubicBezTo>
                  <a:close/>
                  <a:moveTo>
                    <a:pt x="14778" y="62972"/>
                  </a:moveTo>
                  <a:cubicBezTo>
                    <a:pt x="15130" y="36008"/>
                    <a:pt x="37274" y="14433"/>
                    <a:pt x="64239" y="14786"/>
                  </a:cubicBezTo>
                  <a:cubicBezTo>
                    <a:pt x="91203" y="15139"/>
                    <a:pt x="112777" y="37283"/>
                    <a:pt x="112426" y="64247"/>
                  </a:cubicBezTo>
                  <a:cubicBezTo>
                    <a:pt x="112074" y="91206"/>
                    <a:pt x="89934" y="112781"/>
                    <a:pt x="62973" y="112433"/>
                  </a:cubicBezTo>
                  <a:cubicBezTo>
                    <a:pt x="36016" y="112062"/>
                    <a:pt x="14451" y="89931"/>
                    <a:pt x="14778" y="62972"/>
                  </a:cubicBezTo>
                  <a:close/>
                </a:path>
              </a:pathLst>
            </a:custGeom>
            <a:solidFill>
              <a:schemeClr val="accent1"/>
            </a:solidFill>
            <a:ln w="4498" cap="flat">
              <a:noFill/>
              <a:prstDash val="solid"/>
              <a:miter/>
            </a:ln>
          </p:spPr>
          <p:txBody>
            <a:bodyPr rtlCol="0" anchor="ctr"/>
            <a:lstStyle/>
            <a:p>
              <a:endParaRPr lang="en-US"/>
            </a:p>
          </p:txBody>
        </p:sp>
        <p:sp>
          <p:nvSpPr>
            <p:cNvPr id="22" name="Graphic 32">
              <a:extLst>
                <a:ext uri="{FF2B5EF4-FFF2-40B4-BE49-F238E27FC236}">
                  <a16:creationId xmlns:a16="http://schemas.microsoft.com/office/drawing/2014/main" id="{C816EA5F-54FB-EF43-B93C-1EE69F97EDCE}"/>
                </a:ext>
              </a:extLst>
            </p:cNvPr>
            <p:cNvSpPr/>
            <p:nvPr/>
          </p:nvSpPr>
          <p:spPr>
            <a:xfrm>
              <a:off x="5817685" y="2551493"/>
              <a:ext cx="103542" cy="104618"/>
            </a:xfrm>
            <a:custGeom>
              <a:avLst/>
              <a:gdLst>
                <a:gd name="connsiteX0" fmla="*/ 96395 w 103542"/>
                <a:gd name="connsiteY0" fmla="*/ 44804 h 104618"/>
                <a:gd name="connsiteX1" fmla="*/ 59231 w 103542"/>
                <a:gd name="connsiteY1" fmla="*/ 7460 h 104618"/>
                <a:gd name="connsiteX2" fmla="*/ 51771 w 103542"/>
                <a:gd name="connsiteY2" fmla="*/ 0 h 104618"/>
                <a:gd name="connsiteX3" fmla="*/ 44312 w 103542"/>
                <a:gd name="connsiteY3" fmla="*/ 7460 h 104618"/>
                <a:gd name="connsiteX4" fmla="*/ 6922 w 103542"/>
                <a:gd name="connsiteY4" fmla="*/ 44804 h 104618"/>
                <a:gd name="connsiteX5" fmla="*/ 23 w 103542"/>
                <a:gd name="connsiteY5" fmla="*/ 52870 h 104618"/>
                <a:gd name="connsiteX6" fmla="*/ 6922 w 103542"/>
                <a:gd name="connsiteY6" fmla="*/ 59769 h 104618"/>
                <a:gd name="connsiteX7" fmla="*/ 44312 w 103542"/>
                <a:gd name="connsiteY7" fmla="*/ 97159 h 104618"/>
                <a:gd name="connsiteX8" fmla="*/ 51771 w 103542"/>
                <a:gd name="connsiteY8" fmla="*/ 104618 h 104618"/>
                <a:gd name="connsiteX9" fmla="*/ 59231 w 103542"/>
                <a:gd name="connsiteY9" fmla="*/ 97159 h 104618"/>
                <a:gd name="connsiteX10" fmla="*/ 96621 w 103542"/>
                <a:gd name="connsiteY10" fmla="*/ 59769 h 104618"/>
                <a:gd name="connsiteX11" fmla="*/ 103520 w 103542"/>
                <a:gd name="connsiteY11" fmla="*/ 51703 h 104618"/>
                <a:gd name="connsiteX12" fmla="*/ 96621 w 103542"/>
                <a:gd name="connsiteY12" fmla="*/ 44804 h 104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3542" h="104618">
                  <a:moveTo>
                    <a:pt x="96395" y="44804"/>
                  </a:moveTo>
                  <a:cubicBezTo>
                    <a:pt x="75851" y="44682"/>
                    <a:pt x="59254" y="28004"/>
                    <a:pt x="59231" y="7460"/>
                  </a:cubicBezTo>
                  <a:cubicBezTo>
                    <a:pt x="59231" y="3341"/>
                    <a:pt x="55890" y="0"/>
                    <a:pt x="51771" y="0"/>
                  </a:cubicBezTo>
                  <a:cubicBezTo>
                    <a:pt x="47653" y="0"/>
                    <a:pt x="44312" y="3341"/>
                    <a:pt x="44312" y="7460"/>
                  </a:cubicBezTo>
                  <a:cubicBezTo>
                    <a:pt x="44285" y="28094"/>
                    <a:pt x="27552" y="44804"/>
                    <a:pt x="6922" y="44804"/>
                  </a:cubicBezTo>
                  <a:cubicBezTo>
                    <a:pt x="2790" y="45125"/>
                    <a:pt x="-298" y="48738"/>
                    <a:pt x="23" y="52870"/>
                  </a:cubicBezTo>
                  <a:cubicBezTo>
                    <a:pt x="308" y="56555"/>
                    <a:pt x="3237" y="59484"/>
                    <a:pt x="6922" y="59769"/>
                  </a:cubicBezTo>
                  <a:cubicBezTo>
                    <a:pt x="27561" y="59796"/>
                    <a:pt x="44289" y="76520"/>
                    <a:pt x="44312" y="97159"/>
                  </a:cubicBezTo>
                  <a:cubicBezTo>
                    <a:pt x="44312" y="101277"/>
                    <a:pt x="47653" y="104618"/>
                    <a:pt x="51771" y="104618"/>
                  </a:cubicBezTo>
                  <a:cubicBezTo>
                    <a:pt x="55890" y="104618"/>
                    <a:pt x="59231" y="101277"/>
                    <a:pt x="59231" y="97159"/>
                  </a:cubicBezTo>
                  <a:cubicBezTo>
                    <a:pt x="59258" y="76520"/>
                    <a:pt x="75982" y="59796"/>
                    <a:pt x="96621" y="59769"/>
                  </a:cubicBezTo>
                  <a:cubicBezTo>
                    <a:pt x="100753" y="59448"/>
                    <a:pt x="103841" y="55836"/>
                    <a:pt x="103520" y="51703"/>
                  </a:cubicBezTo>
                  <a:cubicBezTo>
                    <a:pt x="103235" y="48019"/>
                    <a:pt x="100305" y="45089"/>
                    <a:pt x="96621" y="44804"/>
                  </a:cubicBezTo>
                  <a:close/>
                </a:path>
              </a:pathLst>
            </a:custGeom>
            <a:solidFill>
              <a:schemeClr val="accent1"/>
            </a:solidFill>
            <a:ln w="4498" cap="flat">
              <a:noFill/>
              <a:prstDash val="solid"/>
              <a:miter/>
            </a:ln>
          </p:spPr>
          <p:txBody>
            <a:bodyPr rtlCol="0" anchor="ctr"/>
            <a:lstStyle/>
            <a:p>
              <a:endParaRPr lang="en-US"/>
            </a:p>
          </p:txBody>
        </p:sp>
        <p:sp>
          <p:nvSpPr>
            <p:cNvPr id="23" name="Graphic 32">
              <a:extLst>
                <a:ext uri="{FF2B5EF4-FFF2-40B4-BE49-F238E27FC236}">
                  <a16:creationId xmlns:a16="http://schemas.microsoft.com/office/drawing/2014/main" id="{2F14B4E9-51C1-484E-A323-64CB2E7C92C3}"/>
                </a:ext>
              </a:extLst>
            </p:cNvPr>
            <p:cNvSpPr/>
            <p:nvPr/>
          </p:nvSpPr>
          <p:spPr>
            <a:xfrm>
              <a:off x="5760508" y="2692656"/>
              <a:ext cx="69194" cy="70279"/>
            </a:xfrm>
            <a:custGeom>
              <a:avLst/>
              <a:gdLst>
                <a:gd name="connsiteX0" fmla="*/ 7540 w 69194"/>
                <a:gd name="connsiteY0" fmla="*/ 45830 h 70279"/>
                <a:gd name="connsiteX1" fmla="*/ 25127 w 69194"/>
                <a:gd name="connsiteY1" fmla="*/ 44926 h 70279"/>
                <a:gd name="connsiteX2" fmla="*/ 26076 w 69194"/>
                <a:gd name="connsiteY2" fmla="*/ 63644 h 70279"/>
                <a:gd name="connsiteX3" fmla="*/ 37198 w 69194"/>
                <a:gd name="connsiteY3" fmla="*/ 69951 h 70279"/>
                <a:gd name="connsiteX4" fmla="*/ 43709 w 69194"/>
                <a:gd name="connsiteY4" fmla="*/ 62739 h 70279"/>
                <a:gd name="connsiteX5" fmla="*/ 42759 w 69194"/>
                <a:gd name="connsiteY5" fmla="*/ 44022 h 70279"/>
                <a:gd name="connsiteX6" fmla="*/ 60346 w 69194"/>
                <a:gd name="connsiteY6" fmla="*/ 43118 h 70279"/>
                <a:gd name="connsiteX7" fmla="*/ 69194 w 69194"/>
                <a:gd name="connsiteY7" fmla="*/ 34333 h 70279"/>
                <a:gd name="connsiteX8" fmla="*/ 60410 w 69194"/>
                <a:gd name="connsiteY8" fmla="*/ 25485 h 70279"/>
                <a:gd name="connsiteX9" fmla="*/ 59487 w 69194"/>
                <a:gd name="connsiteY9" fmla="*/ 25531 h 70279"/>
                <a:gd name="connsiteX10" fmla="*/ 41855 w 69194"/>
                <a:gd name="connsiteY10" fmla="*/ 26435 h 70279"/>
                <a:gd name="connsiteX11" fmla="*/ 40951 w 69194"/>
                <a:gd name="connsiteY11" fmla="*/ 8803 h 70279"/>
                <a:gd name="connsiteX12" fmla="*/ 32121 w 69194"/>
                <a:gd name="connsiteY12" fmla="*/ 0 h 70279"/>
                <a:gd name="connsiteX13" fmla="*/ 23319 w 69194"/>
                <a:gd name="connsiteY13" fmla="*/ 8830 h 70279"/>
                <a:gd name="connsiteX14" fmla="*/ 23364 w 69194"/>
                <a:gd name="connsiteY14" fmla="*/ 9707 h 70279"/>
                <a:gd name="connsiteX15" fmla="*/ 24268 w 69194"/>
                <a:gd name="connsiteY15" fmla="*/ 27339 h 70279"/>
                <a:gd name="connsiteX16" fmla="*/ 6636 w 69194"/>
                <a:gd name="connsiteY16" fmla="*/ 28198 h 70279"/>
                <a:gd name="connsiteX17" fmla="*/ 329 w 69194"/>
                <a:gd name="connsiteY17" fmla="*/ 39320 h 70279"/>
                <a:gd name="connsiteX18" fmla="*/ 7540 w 69194"/>
                <a:gd name="connsiteY18" fmla="*/ 45830 h 702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69194" h="70279">
                  <a:moveTo>
                    <a:pt x="7540" y="45830"/>
                  </a:moveTo>
                  <a:lnTo>
                    <a:pt x="25127" y="44926"/>
                  </a:lnTo>
                  <a:lnTo>
                    <a:pt x="26076" y="63644"/>
                  </a:lnTo>
                  <a:cubicBezTo>
                    <a:pt x="27406" y="68459"/>
                    <a:pt x="32388" y="71280"/>
                    <a:pt x="37198" y="69951"/>
                  </a:cubicBezTo>
                  <a:cubicBezTo>
                    <a:pt x="40585" y="69015"/>
                    <a:pt x="43126" y="66203"/>
                    <a:pt x="43709" y="62739"/>
                  </a:cubicBezTo>
                  <a:lnTo>
                    <a:pt x="42759" y="44022"/>
                  </a:lnTo>
                  <a:lnTo>
                    <a:pt x="60346" y="43118"/>
                  </a:lnTo>
                  <a:cubicBezTo>
                    <a:pt x="65216" y="43136"/>
                    <a:pt x="69176" y="39202"/>
                    <a:pt x="69194" y="34333"/>
                  </a:cubicBezTo>
                  <a:cubicBezTo>
                    <a:pt x="69212" y="29464"/>
                    <a:pt x="65279" y="25504"/>
                    <a:pt x="60410" y="25485"/>
                  </a:cubicBezTo>
                  <a:cubicBezTo>
                    <a:pt x="60102" y="25485"/>
                    <a:pt x="59795" y="25499"/>
                    <a:pt x="59487" y="25531"/>
                  </a:cubicBezTo>
                  <a:lnTo>
                    <a:pt x="41855" y="26435"/>
                  </a:lnTo>
                  <a:lnTo>
                    <a:pt x="40951" y="8803"/>
                  </a:lnTo>
                  <a:cubicBezTo>
                    <a:pt x="40942" y="3933"/>
                    <a:pt x="36990" y="-9"/>
                    <a:pt x="32121" y="0"/>
                  </a:cubicBezTo>
                  <a:cubicBezTo>
                    <a:pt x="27252" y="4"/>
                    <a:pt x="23310" y="3960"/>
                    <a:pt x="23319" y="8830"/>
                  </a:cubicBezTo>
                  <a:cubicBezTo>
                    <a:pt x="23319" y="9124"/>
                    <a:pt x="23332" y="9413"/>
                    <a:pt x="23364" y="9707"/>
                  </a:cubicBezTo>
                  <a:lnTo>
                    <a:pt x="24268" y="27339"/>
                  </a:lnTo>
                  <a:lnTo>
                    <a:pt x="6636" y="28198"/>
                  </a:lnTo>
                  <a:cubicBezTo>
                    <a:pt x="1821" y="29527"/>
                    <a:pt x="-1000" y="34510"/>
                    <a:pt x="329" y="39320"/>
                  </a:cubicBezTo>
                  <a:cubicBezTo>
                    <a:pt x="1265" y="42706"/>
                    <a:pt x="4077" y="45247"/>
                    <a:pt x="7540" y="45830"/>
                  </a:cubicBezTo>
                  <a:close/>
                </a:path>
              </a:pathLst>
            </a:custGeom>
            <a:solidFill>
              <a:schemeClr val="accent1"/>
            </a:solidFill>
            <a:ln w="4498" cap="flat">
              <a:noFill/>
              <a:prstDash val="solid"/>
              <a:miter/>
            </a:ln>
          </p:spPr>
          <p:txBody>
            <a:bodyPr rtlCol="0" anchor="ctr"/>
            <a:lstStyle/>
            <a:p>
              <a:endParaRPr lang="en-US"/>
            </a:p>
          </p:txBody>
        </p:sp>
        <p:sp>
          <p:nvSpPr>
            <p:cNvPr id="24" name="Graphic 32">
              <a:extLst>
                <a:ext uri="{FF2B5EF4-FFF2-40B4-BE49-F238E27FC236}">
                  <a16:creationId xmlns:a16="http://schemas.microsoft.com/office/drawing/2014/main" id="{5A665364-65B6-DD48-B842-D929ACD28322}"/>
                </a:ext>
              </a:extLst>
            </p:cNvPr>
            <p:cNvSpPr/>
            <p:nvPr/>
          </p:nvSpPr>
          <p:spPr>
            <a:xfrm>
              <a:off x="5048515" y="2337509"/>
              <a:ext cx="853629" cy="492574"/>
            </a:xfrm>
            <a:custGeom>
              <a:avLst/>
              <a:gdLst>
                <a:gd name="connsiteX0" fmla="*/ 144223 w 853629"/>
                <a:gd name="connsiteY0" fmla="*/ 492575 h 492574"/>
                <a:gd name="connsiteX1" fmla="*/ 48421 w 853629"/>
                <a:gd name="connsiteY1" fmla="*/ 492575 h 492574"/>
                <a:gd name="connsiteX2" fmla="*/ 39379 w 853629"/>
                <a:gd name="connsiteY2" fmla="*/ 483532 h 492574"/>
                <a:gd name="connsiteX3" fmla="*/ 48421 w 853629"/>
                <a:gd name="connsiteY3" fmla="*/ 474490 h 492574"/>
                <a:gd name="connsiteX4" fmla="*/ 144223 w 853629"/>
                <a:gd name="connsiteY4" fmla="*/ 474490 h 492574"/>
                <a:gd name="connsiteX5" fmla="*/ 153265 w 853629"/>
                <a:gd name="connsiteY5" fmla="*/ 483532 h 492574"/>
                <a:gd name="connsiteX6" fmla="*/ 144223 w 853629"/>
                <a:gd name="connsiteY6" fmla="*/ 492575 h 492574"/>
                <a:gd name="connsiteX7" fmla="*/ 167688 w 853629"/>
                <a:gd name="connsiteY7" fmla="*/ 430183 h 492574"/>
                <a:gd name="connsiteX8" fmla="*/ 158646 w 853629"/>
                <a:gd name="connsiteY8" fmla="*/ 421141 h 492574"/>
                <a:gd name="connsiteX9" fmla="*/ 9042 w 853629"/>
                <a:gd name="connsiteY9" fmla="*/ 421141 h 492574"/>
                <a:gd name="connsiteX10" fmla="*/ 0 w 853629"/>
                <a:gd name="connsiteY10" fmla="*/ 430183 h 492574"/>
                <a:gd name="connsiteX11" fmla="*/ 9042 w 853629"/>
                <a:gd name="connsiteY11" fmla="*/ 439226 h 492574"/>
                <a:gd name="connsiteX12" fmla="*/ 158646 w 853629"/>
                <a:gd name="connsiteY12" fmla="*/ 439226 h 492574"/>
                <a:gd name="connsiteX13" fmla="*/ 167688 w 853629"/>
                <a:gd name="connsiteY13" fmla="*/ 430183 h 492574"/>
                <a:gd name="connsiteX14" fmla="*/ 853630 w 853629"/>
                <a:gd name="connsiteY14" fmla="*/ 71343 h 492574"/>
                <a:gd name="connsiteX15" fmla="*/ 844588 w 853629"/>
                <a:gd name="connsiteY15" fmla="*/ 62301 h 492574"/>
                <a:gd name="connsiteX16" fmla="*/ 745485 w 853629"/>
                <a:gd name="connsiteY16" fmla="*/ 62301 h 492574"/>
                <a:gd name="connsiteX17" fmla="*/ 736443 w 853629"/>
                <a:gd name="connsiteY17" fmla="*/ 71343 h 492574"/>
                <a:gd name="connsiteX18" fmla="*/ 745485 w 853629"/>
                <a:gd name="connsiteY18" fmla="*/ 80385 h 492574"/>
                <a:gd name="connsiteX19" fmla="*/ 844588 w 853629"/>
                <a:gd name="connsiteY19" fmla="*/ 80385 h 492574"/>
                <a:gd name="connsiteX20" fmla="*/ 853630 w 853629"/>
                <a:gd name="connsiteY20" fmla="*/ 71343 h 492574"/>
                <a:gd name="connsiteX21" fmla="*/ 839750 w 853629"/>
                <a:gd name="connsiteY21" fmla="*/ 9042 h 492574"/>
                <a:gd name="connsiteX22" fmla="*/ 830708 w 853629"/>
                <a:gd name="connsiteY22" fmla="*/ 0 h 492574"/>
                <a:gd name="connsiteX23" fmla="*/ 765107 w 853629"/>
                <a:gd name="connsiteY23" fmla="*/ 0 h 492574"/>
                <a:gd name="connsiteX24" fmla="*/ 756064 w 853629"/>
                <a:gd name="connsiteY24" fmla="*/ 9042 h 492574"/>
                <a:gd name="connsiteX25" fmla="*/ 765107 w 853629"/>
                <a:gd name="connsiteY25" fmla="*/ 18084 h 492574"/>
                <a:gd name="connsiteX26" fmla="*/ 830889 w 853629"/>
                <a:gd name="connsiteY26" fmla="*/ 18084 h 492574"/>
                <a:gd name="connsiteX27" fmla="*/ 839750 w 853629"/>
                <a:gd name="connsiteY27" fmla="*/ 9042 h 4925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853629" h="492574">
                  <a:moveTo>
                    <a:pt x="144223" y="492575"/>
                  </a:moveTo>
                  <a:lnTo>
                    <a:pt x="48421" y="492575"/>
                  </a:lnTo>
                  <a:cubicBezTo>
                    <a:pt x="43427" y="492575"/>
                    <a:pt x="39379" y="488528"/>
                    <a:pt x="39379" y="483532"/>
                  </a:cubicBezTo>
                  <a:cubicBezTo>
                    <a:pt x="39379" y="478537"/>
                    <a:pt x="43427" y="474490"/>
                    <a:pt x="48421" y="474490"/>
                  </a:cubicBezTo>
                  <a:lnTo>
                    <a:pt x="144223" y="474490"/>
                  </a:lnTo>
                  <a:cubicBezTo>
                    <a:pt x="149217" y="474490"/>
                    <a:pt x="153265" y="478537"/>
                    <a:pt x="153265" y="483532"/>
                  </a:cubicBezTo>
                  <a:cubicBezTo>
                    <a:pt x="153265" y="488528"/>
                    <a:pt x="149217" y="492575"/>
                    <a:pt x="144223" y="492575"/>
                  </a:cubicBezTo>
                  <a:close/>
                  <a:moveTo>
                    <a:pt x="167688" y="430183"/>
                  </a:moveTo>
                  <a:cubicBezTo>
                    <a:pt x="167688" y="425188"/>
                    <a:pt x="163641" y="421141"/>
                    <a:pt x="158646" y="421141"/>
                  </a:cubicBezTo>
                  <a:lnTo>
                    <a:pt x="9042" y="421141"/>
                  </a:lnTo>
                  <a:cubicBezTo>
                    <a:pt x="4048" y="421141"/>
                    <a:pt x="0" y="425188"/>
                    <a:pt x="0" y="430183"/>
                  </a:cubicBezTo>
                  <a:cubicBezTo>
                    <a:pt x="0" y="435179"/>
                    <a:pt x="4048" y="439226"/>
                    <a:pt x="9042" y="439226"/>
                  </a:cubicBezTo>
                  <a:lnTo>
                    <a:pt x="158646" y="439226"/>
                  </a:lnTo>
                  <a:cubicBezTo>
                    <a:pt x="163641" y="439226"/>
                    <a:pt x="167688" y="435179"/>
                    <a:pt x="167688" y="430183"/>
                  </a:cubicBezTo>
                  <a:close/>
                  <a:moveTo>
                    <a:pt x="853630" y="71343"/>
                  </a:moveTo>
                  <a:cubicBezTo>
                    <a:pt x="853630" y="66349"/>
                    <a:pt x="849583" y="62301"/>
                    <a:pt x="844588" y="62301"/>
                  </a:cubicBezTo>
                  <a:lnTo>
                    <a:pt x="745485" y="62301"/>
                  </a:lnTo>
                  <a:cubicBezTo>
                    <a:pt x="740489" y="62301"/>
                    <a:pt x="736443" y="66349"/>
                    <a:pt x="736443" y="71343"/>
                  </a:cubicBezTo>
                  <a:cubicBezTo>
                    <a:pt x="736443" y="76337"/>
                    <a:pt x="740489" y="80385"/>
                    <a:pt x="745485" y="80385"/>
                  </a:cubicBezTo>
                  <a:lnTo>
                    <a:pt x="844588" y="80385"/>
                  </a:lnTo>
                  <a:cubicBezTo>
                    <a:pt x="849583" y="80385"/>
                    <a:pt x="853630" y="76337"/>
                    <a:pt x="853630" y="71343"/>
                  </a:cubicBezTo>
                  <a:close/>
                  <a:moveTo>
                    <a:pt x="839750" y="9042"/>
                  </a:moveTo>
                  <a:cubicBezTo>
                    <a:pt x="839750" y="4048"/>
                    <a:pt x="835704" y="0"/>
                    <a:pt x="830708" y="0"/>
                  </a:cubicBezTo>
                  <a:lnTo>
                    <a:pt x="765107" y="0"/>
                  </a:lnTo>
                  <a:cubicBezTo>
                    <a:pt x="760111" y="0"/>
                    <a:pt x="756064" y="4048"/>
                    <a:pt x="756064" y="9042"/>
                  </a:cubicBezTo>
                  <a:cubicBezTo>
                    <a:pt x="756064" y="14036"/>
                    <a:pt x="760111" y="18084"/>
                    <a:pt x="765107" y="18084"/>
                  </a:cubicBezTo>
                  <a:lnTo>
                    <a:pt x="830889" y="18084"/>
                  </a:lnTo>
                  <a:cubicBezTo>
                    <a:pt x="835812" y="17986"/>
                    <a:pt x="839750" y="13966"/>
                    <a:pt x="839750" y="9042"/>
                  </a:cubicBezTo>
                  <a:close/>
                </a:path>
              </a:pathLst>
            </a:custGeom>
            <a:solidFill>
              <a:schemeClr val="accent2"/>
            </a:solidFill>
            <a:ln w="4498" cap="flat">
              <a:noFill/>
              <a:prstDash val="solid"/>
              <a:miter/>
            </a:ln>
          </p:spPr>
          <p:txBody>
            <a:bodyPr rtlCol="0" anchor="ctr"/>
            <a:lstStyle/>
            <a:p>
              <a:endParaRPr lang="en-US"/>
            </a:p>
          </p:txBody>
        </p:sp>
        <p:sp>
          <p:nvSpPr>
            <p:cNvPr id="25" name="Graphic 32">
              <a:extLst>
                <a:ext uri="{FF2B5EF4-FFF2-40B4-BE49-F238E27FC236}">
                  <a16:creationId xmlns:a16="http://schemas.microsoft.com/office/drawing/2014/main" id="{8482DCF8-0E02-3349-9A77-44ABA183F51A}"/>
                </a:ext>
              </a:extLst>
            </p:cNvPr>
            <p:cNvSpPr/>
            <p:nvPr/>
          </p:nvSpPr>
          <p:spPr>
            <a:xfrm>
              <a:off x="5330360" y="2970826"/>
              <a:ext cx="288853" cy="120668"/>
            </a:xfrm>
            <a:custGeom>
              <a:avLst/>
              <a:gdLst>
                <a:gd name="connsiteX0" fmla="*/ 176504 w 288853"/>
                <a:gd name="connsiteY0" fmla="*/ 30337 h 120668"/>
                <a:gd name="connsiteX1" fmla="*/ 112530 w 288853"/>
                <a:gd name="connsiteY1" fmla="*/ 30337 h 120668"/>
                <a:gd name="connsiteX2" fmla="*/ 112530 w 288853"/>
                <a:gd name="connsiteY2" fmla="*/ 30020 h 120668"/>
                <a:gd name="connsiteX3" fmla="*/ 0 w 288853"/>
                <a:gd name="connsiteY3" fmla="*/ 0 h 120668"/>
                <a:gd name="connsiteX4" fmla="*/ 0 w 288853"/>
                <a:gd name="connsiteY4" fmla="*/ 120668 h 120668"/>
                <a:gd name="connsiteX5" fmla="*/ 112530 w 288853"/>
                <a:gd name="connsiteY5" fmla="*/ 90603 h 120668"/>
                <a:gd name="connsiteX6" fmla="*/ 112530 w 288853"/>
                <a:gd name="connsiteY6" fmla="*/ 90287 h 120668"/>
                <a:gd name="connsiteX7" fmla="*/ 176640 w 288853"/>
                <a:gd name="connsiteY7" fmla="*/ 90287 h 120668"/>
                <a:gd name="connsiteX8" fmla="*/ 176640 w 288853"/>
                <a:gd name="connsiteY8" fmla="*/ 90603 h 120668"/>
                <a:gd name="connsiteX9" fmla="*/ 288853 w 288853"/>
                <a:gd name="connsiteY9" fmla="*/ 120668 h 120668"/>
                <a:gd name="connsiteX10" fmla="*/ 288853 w 288853"/>
                <a:gd name="connsiteY10" fmla="*/ 0 h 120668"/>
                <a:gd name="connsiteX11" fmla="*/ 176323 w 288853"/>
                <a:gd name="connsiteY11" fmla="*/ 30020 h 120668"/>
                <a:gd name="connsiteX12" fmla="*/ 91643 w 288853"/>
                <a:gd name="connsiteY12" fmla="*/ 74598 h 120668"/>
                <a:gd name="connsiteX13" fmla="*/ 20616 w 288853"/>
                <a:gd name="connsiteY13" fmla="*/ 93542 h 120668"/>
                <a:gd name="connsiteX14" fmla="*/ 20616 w 288853"/>
                <a:gd name="connsiteY14" fmla="*/ 26991 h 120668"/>
                <a:gd name="connsiteX15" fmla="*/ 91643 w 288853"/>
                <a:gd name="connsiteY15" fmla="*/ 45980 h 120668"/>
                <a:gd name="connsiteX16" fmla="*/ 156204 w 288853"/>
                <a:gd name="connsiteY16" fmla="*/ 69489 h 120668"/>
                <a:gd name="connsiteX17" fmla="*/ 132694 w 288853"/>
                <a:gd name="connsiteY17" fmla="*/ 69489 h 120668"/>
                <a:gd name="connsiteX18" fmla="*/ 132694 w 288853"/>
                <a:gd name="connsiteY18" fmla="*/ 51089 h 120668"/>
                <a:gd name="connsiteX19" fmla="*/ 156204 w 288853"/>
                <a:gd name="connsiteY19" fmla="*/ 51089 h 120668"/>
                <a:gd name="connsiteX20" fmla="*/ 197211 w 288853"/>
                <a:gd name="connsiteY20" fmla="*/ 45889 h 120668"/>
                <a:gd name="connsiteX21" fmla="*/ 268282 w 288853"/>
                <a:gd name="connsiteY21" fmla="*/ 26901 h 120668"/>
                <a:gd name="connsiteX22" fmla="*/ 268282 w 288853"/>
                <a:gd name="connsiteY22" fmla="*/ 93542 h 120668"/>
                <a:gd name="connsiteX23" fmla="*/ 197211 w 288853"/>
                <a:gd name="connsiteY23" fmla="*/ 74598 h 1206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88853" h="120668">
                  <a:moveTo>
                    <a:pt x="176504" y="30337"/>
                  </a:moveTo>
                  <a:lnTo>
                    <a:pt x="112530" y="30337"/>
                  </a:lnTo>
                  <a:lnTo>
                    <a:pt x="112530" y="30020"/>
                  </a:lnTo>
                  <a:lnTo>
                    <a:pt x="0" y="0"/>
                  </a:lnTo>
                  <a:lnTo>
                    <a:pt x="0" y="120668"/>
                  </a:lnTo>
                  <a:lnTo>
                    <a:pt x="112530" y="90603"/>
                  </a:lnTo>
                  <a:lnTo>
                    <a:pt x="112530" y="90287"/>
                  </a:lnTo>
                  <a:lnTo>
                    <a:pt x="176640" y="90287"/>
                  </a:lnTo>
                  <a:lnTo>
                    <a:pt x="176640" y="90603"/>
                  </a:lnTo>
                  <a:lnTo>
                    <a:pt x="288853" y="120668"/>
                  </a:lnTo>
                  <a:lnTo>
                    <a:pt x="288853" y="0"/>
                  </a:lnTo>
                  <a:lnTo>
                    <a:pt x="176323" y="30020"/>
                  </a:lnTo>
                  <a:close/>
                  <a:moveTo>
                    <a:pt x="91643" y="74598"/>
                  </a:moveTo>
                  <a:lnTo>
                    <a:pt x="20616" y="93542"/>
                  </a:lnTo>
                  <a:lnTo>
                    <a:pt x="20616" y="26991"/>
                  </a:lnTo>
                  <a:lnTo>
                    <a:pt x="91643" y="45980"/>
                  </a:lnTo>
                  <a:close/>
                  <a:moveTo>
                    <a:pt x="156204" y="69489"/>
                  </a:moveTo>
                  <a:lnTo>
                    <a:pt x="132694" y="69489"/>
                  </a:lnTo>
                  <a:lnTo>
                    <a:pt x="132694" y="51089"/>
                  </a:lnTo>
                  <a:lnTo>
                    <a:pt x="156204" y="51089"/>
                  </a:lnTo>
                  <a:close/>
                  <a:moveTo>
                    <a:pt x="197211" y="45889"/>
                  </a:moveTo>
                  <a:lnTo>
                    <a:pt x="268282" y="26901"/>
                  </a:lnTo>
                  <a:lnTo>
                    <a:pt x="268282" y="93542"/>
                  </a:lnTo>
                  <a:lnTo>
                    <a:pt x="197211" y="74598"/>
                  </a:lnTo>
                  <a:close/>
                </a:path>
              </a:pathLst>
            </a:custGeom>
            <a:solidFill>
              <a:schemeClr val="accent2"/>
            </a:solidFill>
            <a:ln w="4498" cap="flat">
              <a:noFill/>
              <a:prstDash val="solid"/>
              <a:miter/>
            </a:ln>
          </p:spPr>
          <p:txBody>
            <a:bodyPr rtlCol="0" anchor="ctr"/>
            <a:lstStyle/>
            <a:p>
              <a:endParaRPr lang="en-US"/>
            </a:p>
          </p:txBody>
        </p:sp>
        <p:sp>
          <p:nvSpPr>
            <p:cNvPr id="26" name="Graphic 32">
              <a:extLst>
                <a:ext uri="{FF2B5EF4-FFF2-40B4-BE49-F238E27FC236}">
                  <a16:creationId xmlns:a16="http://schemas.microsoft.com/office/drawing/2014/main" id="{0CA3559B-D269-6643-A6E7-FC048C606543}"/>
                </a:ext>
              </a:extLst>
            </p:cNvPr>
            <p:cNvSpPr/>
            <p:nvPr/>
          </p:nvSpPr>
          <p:spPr>
            <a:xfrm>
              <a:off x="5360391" y="2136448"/>
              <a:ext cx="230812" cy="96939"/>
            </a:xfrm>
            <a:custGeom>
              <a:avLst/>
              <a:gdLst>
                <a:gd name="connsiteX0" fmla="*/ 26393 w 230812"/>
                <a:gd name="connsiteY0" fmla="*/ 56431 h 96939"/>
                <a:gd name="connsiteX1" fmla="*/ 15542 w 230812"/>
                <a:gd name="connsiteY1" fmla="*/ 60409 h 96939"/>
                <a:gd name="connsiteX2" fmla="*/ 7947 w 230812"/>
                <a:gd name="connsiteY2" fmla="*/ 66829 h 96939"/>
                <a:gd name="connsiteX3" fmla="*/ 1753 w 230812"/>
                <a:gd name="connsiteY3" fmla="*/ 93413 h 96939"/>
                <a:gd name="connsiteX4" fmla="*/ 2702 w 230812"/>
                <a:gd name="connsiteY4" fmla="*/ 95674 h 96939"/>
                <a:gd name="connsiteX5" fmla="*/ 6003 w 230812"/>
                <a:gd name="connsiteY5" fmla="*/ 96262 h 96939"/>
                <a:gd name="connsiteX6" fmla="*/ 11654 w 230812"/>
                <a:gd name="connsiteY6" fmla="*/ 96940 h 96939"/>
                <a:gd name="connsiteX7" fmla="*/ 16537 w 230812"/>
                <a:gd name="connsiteY7" fmla="*/ 96307 h 96939"/>
                <a:gd name="connsiteX8" fmla="*/ 16537 w 230812"/>
                <a:gd name="connsiteY8" fmla="*/ 96307 h 96939"/>
                <a:gd name="connsiteX9" fmla="*/ 30417 w 230812"/>
                <a:gd name="connsiteY9" fmla="*/ 88259 h 96939"/>
                <a:gd name="connsiteX10" fmla="*/ 36792 w 230812"/>
                <a:gd name="connsiteY10" fmla="*/ 78132 h 96939"/>
                <a:gd name="connsiteX11" fmla="*/ 41041 w 230812"/>
                <a:gd name="connsiteY11" fmla="*/ 71305 h 96939"/>
                <a:gd name="connsiteX12" fmla="*/ 49812 w 230812"/>
                <a:gd name="connsiteY12" fmla="*/ 66377 h 96939"/>
                <a:gd name="connsiteX13" fmla="*/ 56368 w 230812"/>
                <a:gd name="connsiteY13" fmla="*/ 68592 h 96939"/>
                <a:gd name="connsiteX14" fmla="*/ 68937 w 230812"/>
                <a:gd name="connsiteY14" fmla="*/ 73927 h 96939"/>
                <a:gd name="connsiteX15" fmla="*/ 89824 w 230812"/>
                <a:gd name="connsiteY15" fmla="*/ 72978 h 96939"/>
                <a:gd name="connsiteX16" fmla="*/ 94933 w 230812"/>
                <a:gd name="connsiteY16" fmla="*/ 69858 h 96939"/>
                <a:gd name="connsiteX17" fmla="*/ 100358 w 230812"/>
                <a:gd name="connsiteY17" fmla="*/ 65970 h 96939"/>
                <a:gd name="connsiteX18" fmla="*/ 114961 w 230812"/>
                <a:gd name="connsiteY18" fmla="*/ 56928 h 96939"/>
                <a:gd name="connsiteX19" fmla="*/ 127982 w 230812"/>
                <a:gd name="connsiteY19" fmla="*/ 60635 h 96939"/>
                <a:gd name="connsiteX20" fmla="*/ 142269 w 230812"/>
                <a:gd name="connsiteY20" fmla="*/ 68954 h 96939"/>
                <a:gd name="connsiteX21" fmla="*/ 156103 w 230812"/>
                <a:gd name="connsiteY21" fmla="*/ 74651 h 96939"/>
                <a:gd name="connsiteX22" fmla="*/ 166050 w 230812"/>
                <a:gd name="connsiteY22" fmla="*/ 71712 h 96939"/>
                <a:gd name="connsiteX23" fmla="*/ 173012 w 230812"/>
                <a:gd name="connsiteY23" fmla="*/ 69361 h 96939"/>
                <a:gd name="connsiteX24" fmla="*/ 196070 w 230812"/>
                <a:gd name="connsiteY24" fmla="*/ 77002 h 96939"/>
                <a:gd name="connsiteX25" fmla="*/ 203078 w 230812"/>
                <a:gd name="connsiteY25" fmla="*/ 85140 h 96939"/>
                <a:gd name="connsiteX26" fmla="*/ 211713 w 230812"/>
                <a:gd name="connsiteY26" fmla="*/ 93820 h 96939"/>
                <a:gd name="connsiteX27" fmla="*/ 226000 w 230812"/>
                <a:gd name="connsiteY27" fmla="*/ 95041 h 96939"/>
                <a:gd name="connsiteX28" fmla="*/ 229978 w 230812"/>
                <a:gd name="connsiteY28" fmla="*/ 94317 h 96939"/>
                <a:gd name="connsiteX29" fmla="*/ 230430 w 230812"/>
                <a:gd name="connsiteY29" fmla="*/ 91107 h 96939"/>
                <a:gd name="connsiteX30" fmla="*/ 230657 w 230812"/>
                <a:gd name="connsiteY30" fmla="*/ 83105 h 96939"/>
                <a:gd name="connsiteX31" fmla="*/ 222112 w 230812"/>
                <a:gd name="connsiteY31" fmla="*/ 64026 h 96939"/>
                <a:gd name="connsiteX32" fmla="*/ 205022 w 230812"/>
                <a:gd name="connsiteY32" fmla="*/ 51638 h 96939"/>
                <a:gd name="connsiteX33" fmla="*/ 199144 w 230812"/>
                <a:gd name="connsiteY33" fmla="*/ 52316 h 96939"/>
                <a:gd name="connsiteX34" fmla="*/ 196974 w 230812"/>
                <a:gd name="connsiteY34" fmla="*/ 52316 h 96939"/>
                <a:gd name="connsiteX35" fmla="*/ 187932 w 230812"/>
                <a:gd name="connsiteY35" fmla="*/ 45625 h 96939"/>
                <a:gd name="connsiteX36" fmla="*/ 185717 w 230812"/>
                <a:gd name="connsiteY36" fmla="*/ 34458 h 96939"/>
                <a:gd name="connsiteX37" fmla="*/ 181783 w 230812"/>
                <a:gd name="connsiteY37" fmla="*/ 23653 h 96939"/>
                <a:gd name="connsiteX38" fmla="*/ 172741 w 230812"/>
                <a:gd name="connsiteY38" fmla="*/ 24783 h 96939"/>
                <a:gd name="connsiteX39" fmla="*/ 167858 w 230812"/>
                <a:gd name="connsiteY39" fmla="*/ 26953 h 96939"/>
                <a:gd name="connsiteX40" fmla="*/ 154295 w 230812"/>
                <a:gd name="connsiteY40" fmla="*/ 20849 h 96939"/>
                <a:gd name="connsiteX41" fmla="*/ 150362 w 230812"/>
                <a:gd name="connsiteY41" fmla="*/ 12892 h 96939"/>
                <a:gd name="connsiteX42" fmla="*/ 143354 w 230812"/>
                <a:gd name="connsiteY42" fmla="*/ 4980 h 96939"/>
                <a:gd name="connsiteX43" fmla="*/ 136211 w 230812"/>
                <a:gd name="connsiteY43" fmla="*/ 8959 h 96939"/>
                <a:gd name="connsiteX44" fmla="*/ 133317 w 230812"/>
                <a:gd name="connsiteY44" fmla="*/ 11988 h 96939"/>
                <a:gd name="connsiteX45" fmla="*/ 122828 w 230812"/>
                <a:gd name="connsiteY45" fmla="*/ 12214 h 96939"/>
                <a:gd name="connsiteX46" fmla="*/ 115097 w 230812"/>
                <a:gd name="connsiteY46" fmla="*/ 5478 h 96939"/>
                <a:gd name="connsiteX47" fmla="*/ 105105 w 230812"/>
                <a:gd name="connsiteY47" fmla="*/ 233 h 96939"/>
                <a:gd name="connsiteX48" fmla="*/ 98550 w 230812"/>
                <a:gd name="connsiteY48" fmla="*/ 7150 h 96939"/>
                <a:gd name="connsiteX49" fmla="*/ 95023 w 230812"/>
                <a:gd name="connsiteY49" fmla="*/ 12576 h 96939"/>
                <a:gd name="connsiteX50" fmla="*/ 83992 w 230812"/>
                <a:gd name="connsiteY50" fmla="*/ 14068 h 96939"/>
                <a:gd name="connsiteX51" fmla="*/ 75673 w 230812"/>
                <a:gd name="connsiteY51" fmla="*/ 10722 h 96939"/>
                <a:gd name="connsiteX52" fmla="*/ 65139 w 230812"/>
                <a:gd name="connsiteY52" fmla="*/ 9411 h 96939"/>
                <a:gd name="connsiteX53" fmla="*/ 61838 w 230812"/>
                <a:gd name="connsiteY53" fmla="*/ 18137 h 96939"/>
                <a:gd name="connsiteX54" fmla="*/ 61025 w 230812"/>
                <a:gd name="connsiteY54" fmla="*/ 24512 h 96939"/>
                <a:gd name="connsiteX55" fmla="*/ 48501 w 230812"/>
                <a:gd name="connsiteY55" fmla="*/ 33554 h 96939"/>
                <a:gd name="connsiteX56" fmla="*/ 41403 w 230812"/>
                <a:gd name="connsiteY56" fmla="*/ 32514 h 96939"/>
                <a:gd name="connsiteX57" fmla="*/ 31185 w 230812"/>
                <a:gd name="connsiteY57" fmla="*/ 34503 h 96939"/>
                <a:gd name="connsiteX58" fmla="*/ 30462 w 230812"/>
                <a:gd name="connsiteY58" fmla="*/ 41059 h 96939"/>
                <a:gd name="connsiteX59" fmla="*/ 30914 w 230812"/>
                <a:gd name="connsiteY59" fmla="*/ 43907 h 96939"/>
                <a:gd name="connsiteX60" fmla="*/ 29919 w 230812"/>
                <a:gd name="connsiteY60" fmla="*/ 55300 h 96939"/>
                <a:gd name="connsiteX61" fmla="*/ 26393 w 230812"/>
                <a:gd name="connsiteY61" fmla="*/ 56431 h 969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Lst>
              <a:rect l="l" t="t" r="r" b="b"/>
              <a:pathLst>
                <a:path w="230812" h="96939">
                  <a:moveTo>
                    <a:pt x="26393" y="56431"/>
                  </a:moveTo>
                  <a:cubicBezTo>
                    <a:pt x="22546" y="57021"/>
                    <a:pt x="18856" y="58373"/>
                    <a:pt x="15542" y="60409"/>
                  </a:cubicBezTo>
                  <a:cubicBezTo>
                    <a:pt x="12717" y="62178"/>
                    <a:pt x="10162" y="64340"/>
                    <a:pt x="7947" y="66829"/>
                  </a:cubicBezTo>
                  <a:cubicBezTo>
                    <a:pt x="446" y="73476"/>
                    <a:pt x="-2036" y="84135"/>
                    <a:pt x="1753" y="93413"/>
                  </a:cubicBezTo>
                  <a:lnTo>
                    <a:pt x="2702" y="95674"/>
                  </a:lnTo>
                  <a:lnTo>
                    <a:pt x="6003" y="96262"/>
                  </a:lnTo>
                  <a:cubicBezTo>
                    <a:pt x="7861" y="96676"/>
                    <a:pt x="9751" y="96903"/>
                    <a:pt x="11654" y="96940"/>
                  </a:cubicBezTo>
                  <a:cubicBezTo>
                    <a:pt x="13300" y="96929"/>
                    <a:pt x="14941" y="96717"/>
                    <a:pt x="16537" y="96307"/>
                  </a:cubicBezTo>
                  <a:lnTo>
                    <a:pt x="16537" y="96307"/>
                  </a:lnTo>
                  <a:cubicBezTo>
                    <a:pt x="21813" y="94950"/>
                    <a:pt x="26619" y="92166"/>
                    <a:pt x="30417" y="88259"/>
                  </a:cubicBezTo>
                  <a:cubicBezTo>
                    <a:pt x="33270" y="85400"/>
                    <a:pt x="35449" y="81940"/>
                    <a:pt x="36792" y="78132"/>
                  </a:cubicBezTo>
                  <a:cubicBezTo>
                    <a:pt x="37632" y="75545"/>
                    <a:pt x="39093" y="73203"/>
                    <a:pt x="41041" y="71305"/>
                  </a:cubicBezTo>
                  <a:cubicBezTo>
                    <a:pt x="43365" y="68772"/>
                    <a:pt x="46440" y="67046"/>
                    <a:pt x="49812" y="66377"/>
                  </a:cubicBezTo>
                  <a:cubicBezTo>
                    <a:pt x="52163" y="66106"/>
                    <a:pt x="53339" y="66739"/>
                    <a:pt x="56368" y="68592"/>
                  </a:cubicBezTo>
                  <a:cubicBezTo>
                    <a:pt x="60229" y="71066"/>
                    <a:pt x="64474" y="72870"/>
                    <a:pt x="68937" y="73927"/>
                  </a:cubicBezTo>
                  <a:cubicBezTo>
                    <a:pt x="75831" y="75770"/>
                    <a:pt x="83124" y="75439"/>
                    <a:pt x="89824" y="72978"/>
                  </a:cubicBezTo>
                  <a:cubicBezTo>
                    <a:pt x="91673" y="72198"/>
                    <a:pt x="93396" y="71146"/>
                    <a:pt x="94933" y="69858"/>
                  </a:cubicBezTo>
                  <a:lnTo>
                    <a:pt x="100358" y="65970"/>
                  </a:lnTo>
                  <a:cubicBezTo>
                    <a:pt x="104793" y="62307"/>
                    <a:pt x="109703" y="59264"/>
                    <a:pt x="114961" y="56928"/>
                  </a:cubicBezTo>
                  <a:cubicBezTo>
                    <a:pt x="118081" y="56340"/>
                    <a:pt x="121020" y="57561"/>
                    <a:pt x="127982" y="60635"/>
                  </a:cubicBezTo>
                  <a:cubicBezTo>
                    <a:pt x="133050" y="62848"/>
                    <a:pt x="137843" y="65640"/>
                    <a:pt x="142269" y="68954"/>
                  </a:cubicBezTo>
                  <a:cubicBezTo>
                    <a:pt x="146098" y="72368"/>
                    <a:pt x="150981" y="74377"/>
                    <a:pt x="156103" y="74651"/>
                  </a:cubicBezTo>
                  <a:cubicBezTo>
                    <a:pt x="159648" y="74756"/>
                    <a:pt x="163134" y="73726"/>
                    <a:pt x="166050" y="71712"/>
                  </a:cubicBezTo>
                  <a:cubicBezTo>
                    <a:pt x="168075" y="70234"/>
                    <a:pt x="170508" y="69414"/>
                    <a:pt x="173012" y="69361"/>
                  </a:cubicBezTo>
                  <a:cubicBezTo>
                    <a:pt x="181376" y="68999"/>
                    <a:pt x="189578" y="71717"/>
                    <a:pt x="196070" y="77002"/>
                  </a:cubicBezTo>
                  <a:cubicBezTo>
                    <a:pt x="198964" y="79178"/>
                    <a:pt x="201355" y="81954"/>
                    <a:pt x="203078" y="85140"/>
                  </a:cubicBezTo>
                  <a:cubicBezTo>
                    <a:pt x="204918" y="88907"/>
                    <a:pt x="207956" y="91959"/>
                    <a:pt x="211713" y="93820"/>
                  </a:cubicBezTo>
                  <a:cubicBezTo>
                    <a:pt x="216171" y="95935"/>
                    <a:pt x="221248" y="96369"/>
                    <a:pt x="226000" y="95041"/>
                  </a:cubicBezTo>
                  <a:lnTo>
                    <a:pt x="229978" y="94317"/>
                  </a:lnTo>
                  <a:lnTo>
                    <a:pt x="230430" y="91107"/>
                  </a:lnTo>
                  <a:cubicBezTo>
                    <a:pt x="230846" y="88461"/>
                    <a:pt x="230923" y="85771"/>
                    <a:pt x="230657" y="83105"/>
                  </a:cubicBezTo>
                  <a:cubicBezTo>
                    <a:pt x="229770" y="76036"/>
                    <a:pt x="226795" y="69393"/>
                    <a:pt x="222112" y="64026"/>
                  </a:cubicBezTo>
                  <a:cubicBezTo>
                    <a:pt x="218359" y="59143"/>
                    <a:pt x="213069" y="52452"/>
                    <a:pt x="205022" y="51638"/>
                  </a:cubicBezTo>
                  <a:cubicBezTo>
                    <a:pt x="203037" y="51408"/>
                    <a:pt x="201025" y="51641"/>
                    <a:pt x="199144" y="52316"/>
                  </a:cubicBezTo>
                  <a:cubicBezTo>
                    <a:pt x="198439" y="52557"/>
                    <a:pt x="197680" y="52557"/>
                    <a:pt x="196974" y="52316"/>
                  </a:cubicBezTo>
                  <a:cubicBezTo>
                    <a:pt x="193177" y="51411"/>
                    <a:pt x="189908" y="48995"/>
                    <a:pt x="187932" y="45625"/>
                  </a:cubicBezTo>
                  <a:cubicBezTo>
                    <a:pt x="186214" y="42166"/>
                    <a:pt x="185450" y="38311"/>
                    <a:pt x="185717" y="34458"/>
                  </a:cubicBezTo>
                  <a:cubicBezTo>
                    <a:pt x="185717" y="30525"/>
                    <a:pt x="185717" y="26003"/>
                    <a:pt x="181783" y="23653"/>
                  </a:cubicBezTo>
                  <a:cubicBezTo>
                    <a:pt x="178827" y="22109"/>
                    <a:pt x="175223" y="22559"/>
                    <a:pt x="172741" y="24783"/>
                  </a:cubicBezTo>
                  <a:cubicBezTo>
                    <a:pt x="171303" y="25877"/>
                    <a:pt x="169635" y="26620"/>
                    <a:pt x="167858" y="26953"/>
                  </a:cubicBezTo>
                  <a:cubicBezTo>
                    <a:pt x="162605" y="27294"/>
                    <a:pt x="157523" y="25008"/>
                    <a:pt x="154295" y="20849"/>
                  </a:cubicBezTo>
                  <a:cubicBezTo>
                    <a:pt x="152545" y="18436"/>
                    <a:pt x="151216" y="15746"/>
                    <a:pt x="150362" y="12892"/>
                  </a:cubicBezTo>
                  <a:cubicBezTo>
                    <a:pt x="149231" y="9592"/>
                    <a:pt x="147785" y="5478"/>
                    <a:pt x="143354" y="4980"/>
                  </a:cubicBezTo>
                  <a:cubicBezTo>
                    <a:pt x="140420" y="4878"/>
                    <a:pt x="137671" y="6410"/>
                    <a:pt x="136211" y="8959"/>
                  </a:cubicBezTo>
                  <a:cubicBezTo>
                    <a:pt x="135442" y="10138"/>
                    <a:pt x="134461" y="11164"/>
                    <a:pt x="133317" y="11988"/>
                  </a:cubicBezTo>
                  <a:cubicBezTo>
                    <a:pt x="130021" y="13589"/>
                    <a:pt x="126192" y="13671"/>
                    <a:pt x="122828" y="12214"/>
                  </a:cubicBezTo>
                  <a:cubicBezTo>
                    <a:pt x="119681" y="10722"/>
                    <a:pt x="117005" y="8391"/>
                    <a:pt x="115097" y="5478"/>
                  </a:cubicBezTo>
                  <a:cubicBezTo>
                    <a:pt x="112791" y="2855"/>
                    <a:pt x="109627" y="-988"/>
                    <a:pt x="105105" y="233"/>
                  </a:cubicBezTo>
                  <a:cubicBezTo>
                    <a:pt x="101864" y="1236"/>
                    <a:pt x="99377" y="3858"/>
                    <a:pt x="98550" y="7150"/>
                  </a:cubicBezTo>
                  <a:cubicBezTo>
                    <a:pt x="97894" y="9249"/>
                    <a:pt x="96678" y="11127"/>
                    <a:pt x="95023" y="12576"/>
                  </a:cubicBezTo>
                  <a:cubicBezTo>
                    <a:pt x="91714" y="14585"/>
                    <a:pt x="87717" y="15126"/>
                    <a:pt x="83992" y="14068"/>
                  </a:cubicBezTo>
                  <a:cubicBezTo>
                    <a:pt x="81040" y="13465"/>
                    <a:pt x="78223" y="12331"/>
                    <a:pt x="75673" y="10722"/>
                  </a:cubicBezTo>
                  <a:cubicBezTo>
                    <a:pt x="72734" y="8226"/>
                    <a:pt x="68598" y="7711"/>
                    <a:pt x="65139" y="9411"/>
                  </a:cubicBezTo>
                  <a:cubicBezTo>
                    <a:pt x="62508" y="11484"/>
                    <a:pt x="61237" y="14841"/>
                    <a:pt x="61838" y="18137"/>
                  </a:cubicBezTo>
                  <a:cubicBezTo>
                    <a:pt x="62024" y="20296"/>
                    <a:pt x="61748" y="22468"/>
                    <a:pt x="61025" y="24512"/>
                  </a:cubicBezTo>
                  <a:cubicBezTo>
                    <a:pt x="58732" y="29520"/>
                    <a:pt x="53976" y="32955"/>
                    <a:pt x="48501" y="33554"/>
                  </a:cubicBezTo>
                  <a:cubicBezTo>
                    <a:pt x="46091" y="33648"/>
                    <a:pt x="43686" y="33296"/>
                    <a:pt x="41403" y="32514"/>
                  </a:cubicBezTo>
                  <a:cubicBezTo>
                    <a:pt x="38600" y="31700"/>
                    <a:pt x="33898" y="30344"/>
                    <a:pt x="31185" y="34503"/>
                  </a:cubicBezTo>
                  <a:cubicBezTo>
                    <a:pt x="30037" y="36490"/>
                    <a:pt x="29775" y="38869"/>
                    <a:pt x="30462" y="41059"/>
                  </a:cubicBezTo>
                  <a:cubicBezTo>
                    <a:pt x="30462" y="41782"/>
                    <a:pt x="30778" y="42732"/>
                    <a:pt x="30914" y="43907"/>
                  </a:cubicBezTo>
                  <a:cubicBezTo>
                    <a:pt x="31791" y="47715"/>
                    <a:pt x="31443" y="51702"/>
                    <a:pt x="29919" y="55300"/>
                  </a:cubicBezTo>
                  <a:cubicBezTo>
                    <a:pt x="29332" y="55752"/>
                    <a:pt x="29015" y="55888"/>
                    <a:pt x="26393" y="56431"/>
                  </a:cubicBezTo>
                  <a:close/>
                </a:path>
              </a:pathLst>
            </a:custGeom>
            <a:solidFill>
              <a:schemeClr val="accent2"/>
            </a:solidFill>
            <a:ln w="4498" cap="flat">
              <a:noFill/>
              <a:prstDash val="solid"/>
              <a:miter/>
            </a:ln>
          </p:spPr>
          <p:txBody>
            <a:bodyPr rtlCol="0" anchor="ctr"/>
            <a:lstStyle/>
            <a:p>
              <a:endParaRPr lang="en-US"/>
            </a:p>
          </p:txBody>
        </p:sp>
        <p:sp>
          <p:nvSpPr>
            <p:cNvPr id="27" name="Graphic 32">
              <a:extLst>
                <a:ext uri="{FF2B5EF4-FFF2-40B4-BE49-F238E27FC236}">
                  <a16:creationId xmlns:a16="http://schemas.microsoft.com/office/drawing/2014/main" id="{1EE7A6E8-1512-8C4C-B6BA-4857C2B45E7E}"/>
                </a:ext>
              </a:extLst>
            </p:cNvPr>
            <p:cNvSpPr/>
            <p:nvPr/>
          </p:nvSpPr>
          <p:spPr>
            <a:xfrm>
              <a:off x="4930062" y="2074652"/>
              <a:ext cx="1091575" cy="1091576"/>
            </a:xfrm>
            <a:custGeom>
              <a:avLst/>
              <a:gdLst>
                <a:gd name="connsiteX0" fmla="*/ 545743 w 1091575"/>
                <a:gd name="connsiteY0" fmla="*/ 0 h 1091576"/>
                <a:gd name="connsiteX1" fmla="*/ 130524 w 1091575"/>
                <a:gd name="connsiteY1" fmla="*/ 191559 h 1091576"/>
                <a:gd name="connsiteX2" fmla="*/ 144088 w 1091575"/>
                <a:gd name="connsiteY2" fmla="*/ 203314 h 1091576"/>
                <a:gd name="connsiteX3" fmla="*/ 887931 w 1091575"/>
                <a:gd name="connsiteY3" fmla="*/ 144594 h 1091576"/>
                <a:gd name="connsiteX4" fmla="*/ 946651 w 1091575"/>
                <a:gd name="connsiteY4" fmla="*/ 888438 h 1091576"/>
                <a:gd name="connsiteX5" fmla="*/ 861994 w 1091575"/>
                <a:gd name="connsiteY5" fmla="*/ 967924 h 1091576"/>
                <a:gd name="connsiteX6" fmla="*/ 881073 w 1091575"/>
                <a:gd name="connsiteY6" fmla="*/ 952959 h 1091576"/>
                <a:gd name="connsiteX7" fmla="*/ 874653 w 1091575"/>
                <a:gd name="connsiteY7" fmla="*/ 933790 h 1091576"/>
                <a:gd name="connsiteX8" fmla="*/ 633768 w 1091575"/>
                <a:gd name="connsiteY8" fmla="*/ 803536 h 1091576"/>
                <a:gd name="connsiteX9" fmla="*/ 633768 w 1091575"/>
                <a:gd name="connsiteY9" fmla="*/ 756065 h 1091576"/>
                <a:gd name="connsiteX10" fmla="*/ 633768 w 1091575"/>
                <a:gd name="connsiteY10" fmla="*/ 732058 h 1091576"/>
                <a:gd name="connsiteX11" fmla="*/ 739743 w 1091575"/>
                <a:gd name="connsiteY11" fmla="*/ 614509 h 1091576"/>
                <a:gd name="connsiteX12" fmla="*/ 777901 w 1091575"/>
                <a:gd name="connsiteY12" fmla="*/ 532722 h 1091576"/>
                <a:gd name="connsiteX13" fmla="*/ 779438 w 1091575"/>
                <a:gd name="connsiteY13" fmla="*/ 503471 h 1091576"/>
                <a:gd name="connsiteX14" fmla="*/ 792414 w 1091575"/>
                <a:gd name="connsiteY14" fmla="*/ 501255 h 1091576"/>
                <a:gd name="connsiteX15" fmla="*/ 792957 w 1091575"/>
                <a:gd name="connsiteY15" fmla="*/ 503109 h 1091576"/>
                <a:gd name="connsiteX16" fmla="*/ 798337 w 1091575"/>
                <a:gd name="connsiteY16" fmla="*/ 496192 h 1091576"/>
                <a:gd name="connsiteX17" fmla="*/ 806972 w 1091575"/>
                <a:gd name="connsiteY17" fmla="*/ 467528 h 1091576"/>
                <a:gd name="connsiteX18" fmla="*/ 796166 w 1091575"/>
                <a:gd name="connsiteY18" fmla="*/ 452563 h 1091576"/>
                <a:gd name="connsiteX19" fmla="*/ 789837 w 1091575"/>
                <a:gd name="connsiteY19" fmla="*/ 443792 h 1091576"/>
                <a:gd name="connsiteX20" fmla="*/ 794358 w 1091575"/>
                <a:gd name="connsiteY20" fmla="*/ 436106 h 1091576"/>
                <a:gd name="connsiteX21" fmla="*/ 800959 w 1091575"/>
                <a:gd name="connsiteY21" fmla="*/ 423718 h 1091576"/>
                <a:gd name="connsiteX22" fmla="*/ 774691 w 1091575"/>
                <a:gd name="connsiteY22" fmla="*/ 396863 h 1091576"/>
                <a:gd name="connsiteX23" fmla="*/ 780523 w 1091575"/>
                <a:gd name="connsiteY23" fmla="*/ 387052 h 1091576"/>
                <a:gd name="connsiteX24" fmla="*/ 784005 w 1091575"/>
                <a:gd name="connsiteY24" fmla="*/ 367385 h 1091576"/>
                <a:gd name="connsiteX25" fmla="*/ 776093 w 1091575"/>
                <a:gd name="connsiteY25" fmla="*/ 353822 h 1091576"/>
                <a:gd name="connsiteX26" fmla="*/ 769854 w 1091575"/>
                <a:gd name="connsiteY26" fmla="*/ 344147 h 1091576"/>
                <a:gd name="connsiteX27" fmla="*/ 770803 w 1091575"/>
                <a:gd name="connsiteY27" fmla="*/ 326062 h 1091576"/>
                <a:gd name="connsiteX28" fmla="*/ 772295 w 1091575"/>
                <a:gd name="connsiteY28" fmla="*/ 310058 h 1091576"/>
                <a:gd name="connsiteX29" fmla="*/ 772295 w 1091575"/>
                <a:gd name="connsiteY29" fmla="*/ 298890 h 1091576"/>
                <a:gd name="connsiteX30" fmla="*/ 759998 w 1091575"/>
                <a:gd name="connsiteY30" fmla="*/ 286096 h 1091576"/>
                <a:gd name="connsiteX31" fmla="*/ 750955 w 1091575"/>
                <a:gd name="connsiteY31" fmla="*/ 279269 h 1091576"/>
                <a:gd name="connsiteX32" fmla="*/ 744807 w 1091575"/>
                <a:gd name="connsiteY32" fmla="*/ 266881 h 1091576"/>
                <a:gd name="connsiteX33" fmla="*/ 744581 w 1091575"/>
                <a:gd name="connsiteY33" fmla="*/ 266474 h 1091576"/>
                <a:gd name="connsiteX34" fmla="*/ 741732 w 1091575"/>
                <a:gd name="connsiteY34" fmla="*/ 252007 h 1091576"/>
                <a:gd name="connsiteX35" fmla="*/ 741235 w 1091575"/>
                <a:gd name="connsiteY35" fmla="*/ 244095 h 1091576"/>
                <a:gd name="connsiteX36" fmla="*/ 738477 w 1091575"/>
                <a:gd name="connsiteY36" fmla="*/ 233515 h 1091576"/>
                <a:gd name="connsiteX37" fmla="*/ 724914 w 1091575"/>
                <a:gd name="connsiteY37" fmla="*/ 226372 h 1091576"/>
                <a:gd name="connsiteX38" fmla="*/ 714199 w 1091575"/>
                <a:gd name="connsiteY38" fmla="*/ 223071 h 1091576"/>
                <a:gd name="connsiteX39" fmla="*/ 698918 w 1091575"/>
                <a:gd name="connsiteY39" fmla="*/ 211226 h 1091576"/>
                <a:gd name="connsiteX40" fmla="*/ 697019 w 1091575"/>
                <a:gd name="connsiteY40" fmla="*/ 203766 h 1091576"/>
                <a:gd name="connsiteX41" fmla="*/ 693990 w 1091575"/>
                <a:gd name="connsiteY41" fmla="*/ 193051 h 1091576"/>
                <a:gd name="connsiteX42" fmla="*/ 670887 w 1091575"/>
                <a:gd name="connsiteY42" fmla="*/ 178810 h 1091576"/>
                <a:gd name="connsiteX43" fmla="*/ 653571 w 1091575"/>
                <a:gd name="connsiteY43" fmla="*/ 178313 h 1091576"/>
                <a:gd name="connsiteX44" fmla="*/ 645071 w 1091575"/>
                <a:gd name="connsiteY44" fmla="*/ 177860 h 1091576"/>
                <a:gd name="connsiteX45" fmla="*/ 640188 w 1091575"/>
                <a:gd name="connsiteY45" fmla="*/ 172752 h 1091576"/>
                <a:gd name="connsiteX46" fmla="*/ 631146 w 1091575"/>
                <a:gd name="connsiteY46" fmla="*/ 161991 h 1091576"/>
                <a:gd name="connsiteX47" fmla="*/ 601895 w 1091575"/>
                <a:gd name="connsiteY47" fmla="*/ 152497 h 1091576"/>
                <a:gd name="connsiteX48" fmla="*/ 590773 w 1091575"/>
                <a:gd name="connsiteY48" fmla="*/ 156159 h 1091576"/>
                <a:gd name="connsiteX49" fmla="*/ 585799 w 1091575"/>
                <a:gd name="connsiteY49" fmla="*/ 157787 h 1091576"/>
                <a:gd name="connsiteX50" fmla="*/ 577074 w 1091575"/>
                <a:gd name="connsiteY50" fmla="*/ 153763 h 1091576"/>
                <a:gd name="connsiteX51" fmla="*/ 561114 w 1091575"/>
                <a:gd name="connsiteY51" fmla="*/ 144721 h 1091576"/>
                <a:gd name="connsiteX52" fmla="*/ 542759 w 1091575"/>
                <a:gd name="connsiteY52" fmla="*/ 140200 h 1091576"/>
                <a:gd name="connsiteX53" fmla="*/ 524674 w 1091575"/>
                <a:gd name="connsiteY53" fmla="*/ 150734 h 1091576"/>
                <a:gd name="connsiteX54" fmla="*/ 519113 w 1091575"/>
                <a:gd name="connsiteY54" fmla="*/ 154758 h 1091576"/>
                <a:gd name="connsiteX55" fmla="*/ 515948 w 1091575"/>
                <a:gd name="connsiteY55" fmla="*/ 156747 h 1091576"/>
                <a:gd name="connsiteX56" fmla="*/ 500486 w 1091575"/>
                <a:gd name="connsiteY56" fmla="*/ 157244 h 1091576"/>
                <a:gd name="connsiteX57" fmla="*/ 490585 w 1091575"/>
                <a:gd name="connsiteY57" fmla="*/ 152994 h 1091576"/>
                <a:gd name="connsiteX58" fmla="*/ 478333 w 1091575"/>
                <a:gd name="connsiteY58" fmla="*/ 149558 h 1091576"/>
                <a:gd name="connsiteX59" fmla="*/ 464317 w 1091575"/>
                <a:gd name="connsiteY59" fmla="*/ 156928 h 1091576"/>
                <a:gd name="connsiteX60" fmla="*/ 457943 w 1091575"/>
                <a:gd name="connsiteY60" fmla="*/ 166919 h 1091576"/>
                <a:gd name="connsiteX61" fmla="*/ 453422 w 1091575"/>
                <a:gd name="connsiteY61" fmla="*/ 174017 h 1091576"/>
                <a:gd name="connsiteX62" fmla="*/ 443701 w 1091575"/>
                <a:gd name="connsiteY62" fmla="*/ 179578 h 1091576"/>
                <a:gd name="connsiteX63" fmla="*/ 437191 w 1091575"/>
                <a:gd name="connsiteY63" fmla="*/ 179578 h 1091576"/>
                <a:gd name="connsiteX64" fmla="*/ 428149 w 1091575"/>
                <a:gd name="connsiteY64" fmla="*/ 178493 h 1091576"/>
                <a:gd name="connsiteX65" fmla="*/ 405905 w 1091575"/>
                <a:gd name="connsiteY65" fmla="*/ 182743 h 1091576"/>
                <a:gd name="connsiteX66" fmla="*/ 396863 w 1091575"/>
                <a:gd name="connsiteY66" fmla="*/ 201235 h 1091576"/>
                <a:gd name="connsiteX67" fmla="*/ 395551 w 1091575"/>
                <a:gd name="connsiteY67" fmla="*/ 204535 h 1091576"/>
                <a:gd name="connsiteX68" fmla="*/ 390262 w 1091575"/>
                <a:gd name="connsiteY68" fmla="*/ 215024 h 1091576"/>
                <a:gd name="connsiteX69" fmla="*/ 381717 w 1091575"/>
                <a:gd name="connsiteY69" fmla="*/ 220811 h 1091576"/>
                <a:gd name="connsiteX70" fmla="*/ 376065 w 1091575"/>
                <a:gd name="connsiteY70" fmla="*/ 223117 h 1091576"/>
                <a:gd name="connsiteX71" fmla="*/ 368967 w 1091575"/>
                <a:gd name="connsiteY71" fmla="*/ 225649 h 1091576"/>
                <a:gd name="connsiteX72" fmla="*/ 353867 w 1091575"/>
                <a:gd name="connsiteY72" fmla="*/ 234374 h 1091576"/>
                <a:gd name="connsiteX73" fmla="*/ 349798 w 1091575"/>
                <a:gd name="connsiteY73" fmla="*/ 251012 h 1091576"/>
                <a:gd name="connsiteX74" fmla="*/ 348984 w 1091575"/>
                <a:gd name="connsiteY74" fmla="*/ 259331 h 1091576"/>
                <a:gd name="connsiteX75" fmla="*/ 348984 w 1091575"/>
                <a:gd name="connsiteY75" fmla="*/ 261908 h 1091576"/>
                <a:gd name="connsiteX76" fmla="*/ 341027 w 1091575"/>
                <a:gd name="connsiteY76" fmla="*/ 277370 h 1091576"/>
                <a:gd name="connsiteX77" fmla="*/ 335059 w 1091575"/>
                <a:gd name="connsiteY77" fmla="*/ 281891 h 1091576"/>
                <a:gd name="connsiteX78" fmla="*/ 326017 w 1091575"/>
                <a:gd name="connsiteY78" fmla="*/ 289758 h 1091576"/>
                <a:gd name="connsiteX79" fmla="*/ 319823 w 1091575"/>
                <a:gd name="connsiteY79" fmla="*/ 305130 h 1091576"/>
                <a:gd name="connsiteX80" fmla="*/ 321224 w 1091575"/>
                <a:gd name="connsiteY80" fmla="*/ 320275 h 1091576"/>
                <a:gd name="connsiteX81" fmla="*/ 322942 w 1091575"/>
                <a:gd name="connsiteY81" fmla="*/ 333296 h 1091576"/>
                <a:gd name="connsiteX82" fmla="*/ 320365 w 1091575"/>
                <a:gd name="connsiteY82" fmla="*/ 347899 h 1091576"/>
                <a:gd name="connsiteX83" fmla="*/ 316161 w 1091575"/>
                <a:gd name="connsiteY83" fmla="*/ 352420 h 1091576"/>
                <a:gd name="connsiteX84" fmla="*/ 309470 w 1091575"/>
                <a:gd name="connsiteY84" fmla="*/ 360332 h 1091576"/>
                <a:gd name="connsiteX85" fmla="*/ 307661 w 1091575"/>
                <a:gd name="connsiteY85" fmla="*/ 378417 h 1091576"/>
                <a:gd name="connsiteX86" fmla="*/ 310103 w 1091575"/>
                <a:gd name="connsiteY86" fmla="*/ 385877 h 1091576"/>
                <a:gd name="connsiteX87" fmla="*/ 288401 w 1091575"/>
                <a:gd name="connsiteY87" fmla="*/ 410969 h 1091576"/>
                <a:gd name="connsiteX88" fmla="*/ 294912 w 1091575"/>
                <a:gd name="connsiteY88" fmla="*/ 423583 h 1091576"/>
                <a:gd name="connsiteX89" fmla="*/ 299433 w 1091575"/>
                <a:gd name="connsiteY89" fmla="*/ 430952 h 1091576"/>
                <a:gd name="connsiteX90" fmla="*/ 297624 w 1091575"/>
                <a:gd name="connsiteY90" fmla="*/ 436242 h 1091576"/>
                <a:gd name="connsiteX91" fmla="*/ 293103 w 1091575"/>
                <a:gd name="connsiteY91" fmla="*/ 440763 h 1091576"/>
                <a:gd name="connsiteX92" fmla="*/ 282343 w 1091575"/>
                <a:gd name="connsiteY92" fmla="*/ 456044 h 1091576"/>
                <a:gd name="connsiteX93" fmla="*/ 288673 w 1091575"/>
                <a:gd name="connsiteY93" fmla="*/ 481815 h 1091576"/>
                <a:gd name="connsiteX94" fmla="*/ 294414 w 1091575"/>
                <a:gd name="connsiteY94" fmla="*/ 489139 h 1091576"/>
                <a:gd name="connsiteX95" fmla="*/ 311188 w 1091575"/>
                <a:gd name="connsiteY95" fmla="*/ 492936 h 1091576"/>
                <a:gd name="connsiteX96" fmla="*/ 312001 w 1091575"/>
                <a:gd name="connsiteY96" fmla="*/ 532767 h 1091576"/>
                <a:gd name="connsiteX97" fmla="*/ 352058 w 1091575"/>
                <a:gd name="connsiteY97" fmla="*/ 614735 h 1091576"/>
                <a:gd name="connsiteX98" fmla="*/ 457581 w 1091575"/>
                <a:gd name="connsiteY98" fmla="*/ 732284 h 1091576"/>
                <a:gd name="connsiteX99" fmla="*/ 457581 w 1091575"/>
                <a:gd name="connsiteY99" fmla="*/ 758280 h 1091576"/>
                <a:gd name="connsiteX100" fmla="*/ 457581 w 1091575"/>
                <a:gd name="connsiteY100" fmla="*/ 803491 h 1091576"/>
                <a:gd name="connsiteX101" fmla="*/ 216742 w 1091575"/>
                <a:gd name="connsiteY101" fmla="*/ 933744 h 1091576"/>
                <a:gd name="connsiteX102" fmla="*/ 210277 w 1091575"/>
                <a:gd name="connsiteY102" fmla="*/ 952869 h 1091576"/>
                <a:gd name="connsiteX103" fmla="*/ 18084 w 1091575"/>
                <a:gd name="connsiteY103" fmla="*/ 545788 h 1091576"/>
                <a:gd name="connsiteX104" fmla="*/ 0 w 1091575"/>
                <a:gd name="connsiteY104" fmla="*/ 545788 h 1091576"/>
                <a:gd name="connsiteX105" fmla="*/ 545788 w 1091575"/>
                <a:gd name="connsiteY105" fmla="*/ 1091576 h 1091576"/>
                <a:gd name="connsiteX106" fmla="*/ 1091575 w 1091575"/>
                <a:gd name="connsiteY106" fmla="*/ 545788 h 1091576"/>
                <a:gd name="connsiteX107" fmla="*/ 545788 w 1091575"/>
                <a:gd name="connsiteY107" fmla="*/ 0 h 1091576"/>
                <a:gd name="connsiteX108" fmla="*/ 545743 w 1091575"/>
                <a:gd name="connsiteY108" fmla="*/ 0 h 1091576"/>
                <a:gd name="connsiteX109" fmla="*/ 413998 w 1091575"/>
                <a:gd name="connsiteY109" fmla="*/ 666457 h 1091576"/>
                <a:gd name="connsiteX110" fmla="*/ 410607 w 1091575"/>
                <a:gd name="connsiteY110" fmla="*/ 669440 h 1091576"/>
                <a:gd name="connsiteX111" fmla="*/ 413998 w 1091575"/>
                <a:gd name="connsiteY111" fmla="*/ 666411 h 1091576"/>
                <a:gd name="connsiteX112" fmla="*/ 373308 w 1091575"/>
                <a:gd name="connsiteY112" fmla="*/ 602573 h 1091576"/>
                <a:gd name="connsiteX113" fmla="*/ 372449 w 1091575"/>
                <a:gd name="connsiteY113" fmla="*/ 600584 h 1091576"/>
                <a:gd name="connsiteX114" fmla="*/ 370414 w 1091575"/>
                <a:gd name="connsiteY114" fmla="*/ 599996 h 1091576"/>
                <a:gd name="connsiteX115" fmla="*/ 337500 w 1091575"/>
                <a:gd name="connsiteY115" fmla="*/ 529557 h 1091576"/>
                <a:gd name="connsiteX116" fmla="*/ 336596 w 1091575"/>
                <a:gd name="connsiteY116" fmla="*/ 515361 h 1091576"/>
                <a:gd name="connsiteX117" fmla="*/ 352284 w 1091575"/>
                <a:gd name="connsiteY117" fmla="*/ 511789 h 1091576"/>
                <a:gd name="connsiteX118" fmla="*/ 368154 w 1091575"/>
                <a:gd name="connsiteY118" fmla="*/ 505957 h 1091576"/>
                <a:gd name="connsiteX119" fmla="*/ 372177 w 1091575"/>
                <a:gd name="connsiteY119" fmla="*/ 504691 h 1091576"/>
                <a:gd name="connsiteX120" fmla="*/ 376970 w 1091575"/>
                <a:gd name="connsiteY120" fmla="*/ 510297 h 1091576"/>
                <a:gd name="connsiteX121" fmla="*/ 390533 w 1091575"/>
                <a:gd name="connsiteY121" fmla="*/ 523861 h 1091576"/>
                <a:gd name="connsiteX122" fmla="*/ 411375 w 1091575"/>
                <a:gd name="connsiteY122" fmla="*/ 519747 h 1091576"/>
                <a:gd name="connsiteX123" fmla="*/ 423447 w 1091575"/>
                <a:gd name="connsiteY123" fmla="*/ 510388 h 1091576"/>
                <a:gd name="connsiteX124" fmla="*/ 434930 w 1091575"/>
                <a:gd name="connsiteY124" fmla="*/ 501346 h 1091576"/>
                <a:gd name="connsiteX125" fmla="*/ 450076 w 1091575"/>
                <a:gd name="connsiteY125" fmla="*/ 495875 h 1091576"/>
                <a:gd name="connsiteX126" fmla="*/ 471099 w 1091575"/>
                <a:gd name="connsiteY126" fmla="*/ 492349 h 1091576"/>
                <a:gd name="connsiteX127" fmla="*/ 482944 w 1091575"/>
                <a:gd name="connsiteY127" fmla="*/ 489952 h 1091576"/>
                <a:gd name="connsiteX128" fmla="*/ 523047 w 1091575"/>
                <a:gd name="connsiteY128" fmla="*/ 447409 h 1091576"/>
                <a:gd name="connsiteX129" fmla="*/ 526302 w 1091575"/>
                <a:gd name="connsiteY129" fmla="*/ 437010 h 1091576"/>
                <a:gd name="connsiteX130" fmla="*/ 531501 w 1091575"/>
                <a:gd name="connsiteY130" fmla="*/ 421141 h 1091576"/>
                <a:gd name="connsiteX131" fmla="*/ 559080 w 1091575"/>
                <a:gd name="connsiteY131" fmla="*/ 421141 h 1091576"/>
                <a:gd name="connsiteX132" fmla="*/ 565228 w 1091575"/>
                <a:gd name="connsiteY132" fmla="*/ 437915 h 1091576"/>
                <a:gd name="connsiteX133" fmla="*/ 568393 w 1091575"/>
                <a:gd name="connsiteY133" fmla="*/ 447273 h 1091576"/>
                <a:gd name="connsiteX134" fmla="*/ 568891 w 1091575"/>
                <a:gd name="connsiteY134" fmla="*/ 448313 h 1091576"/>
                <a:gd name="connsiteX135" fmla="*/ 609942 w 1091575"/>
                <a:gd name="connsiteY135" fmla="*/ 492077 h 1091576"/>
                <a:gd name="connsiteX136" fmla="*/ 621607 w 1091575"/>
                <a:gd name="connsiteY136" fmla="*/ 494971 h 1091576"/>
                <a:gd name="connsiteX137" fmla="*/ 642313 w 1091575"/>
                <a:gd name="connsiteY137" fmla="*/ 499492 h 1091576"/>
                <a:gd name="connsiteX138" fmla="*/ 657504 w 1091575"/>
                <a:gd name="connsiteY138" fmla="*/ 505550 h 1091576"/>
                <a:gd name="connsiteX139" fmla="*/ 669259 w 1091575"/>
                <a:gd name="connsiteY139" fmla="*/ 515180 h 1091576"/>
                <a:gd name="connsiteX140" fmla="*/ 681376 w 1091575"/>
                <a:gd name="connsiteY140" fmla="*/ 524946 h 1091576"/>
                <a:gd name="connsiteX141" fmla="*/ 701947 w 1091575"/>
                <a:gd name="connsiteY141" fmla="*/ 530009 h 1091576"/>
                <a:gd name="connsiteX142" fmla="*/ 715148 w 1091575"/>
                <a:gd name="connsiteY142" fmla="*/ 516853 h 1091576"/>
                <a:gd name="connsiteX143" fmla="*/ 719036 w 1091575"/>
                <a:gd name="connsiteY143" fmla="*/ 511970 h 1091576"/>
                <a:gd name="connsiteX144" fmla="*/ 723060 w 1091575"/>
                <a:gd name="connsiteY144" fmla="*/ 513462 h 1091576"/>
                <a:gd name="connsiteX145" fmla="*/ 738839 w 1091575"/>
                <a:gd name="connsiteY145" fmla="*/ 519927 h 1091576"/>
                <a:gd name="connsiteX146" fmla="*/ 754527 w 1091575"/>
                <a:gd name="connsiteY146" fmla="*/ 524222 h 1091576"/>
                <a:gd name="connsiteX147" fmla="*/ 753985 w 1091575"/>
                <a:gd name="connsiteY147" fmla="*/ 529603 h 1091576"/>
                <a:gd name="connsiteX148" fmla="*/ 722699 w 1091575"/>
                <a:gd name="connsiteY148" fmla="*/ 599996 h 1091576"/>
                <a:gd name="connsiteX149" fmla="*/ 720528 w 1091575"/>
                <a:gd name="connsiteY149" fmla="*/ 600674 h 1091576"/>
                <a:gd name="connsiteX150" fmla="*/ 719805 w 1091575"/>
                <a:gd name="connsiteY150" fmla="*/ 602845 h 1091576"/>
                <a:gd name="connsiteX151" fmla="*/ 622330 w 1091575"/>
                <a:gd name="connsiteY151" fmla="*/ 711984 h 1091576"/>
                <a:gd name="connsiteX152" fmla="*/ 470602 w 1091575"/>
                <a:gd name="connsiteY152" fmla="*/ 712210 h 1091576"/>
                <a:gd name="connsiteX153" fmla="*/ 413998 w 1091575"/>
                <a:gd name="connsiteY153" fmla="*/ 666457 h 1091576"/>
                <a:gd name="connsiteX154" fmla="*/ 473676 w 1091575"/>
                <a:gd name="connsiteY154" fmla="*/ 823068 h 1091576"/>
                <a:gd name="connsiteX155" fmla="*/ 477835 w 1091575"/>
                <a:gd name="connsiteY155" fmla="*/ 822706 h 1091576"/>
                <a:gd name="connsiteX156" fmla="*/ 477835 w 1091575"/>
                <a:gd name="connsiteY156" fmla="*/ 818501 h 1091576"/>
                <a:gd name="connsiteX157" fmla="*/ 477835 w 1091575"/>
                <a:gd name="connsiteY157" fmla="*/ 764881 h 1091576"/>
                <a:gd name="connsiteX158" fmla="*/ 477835 w 1091575"/>
                <a:gd name="connsiteY158" fmla="*/ 741914 h 1091576"/>
                <a:gd name="connsiteX159" fmla="*/ 611841 w 1091575"/>
                <a:gd name="connsiteY159" fmla="*/ 741914 h 1091576"/>
                <a:gd name="connsiteX160" fmla="*/ 611841 w 1091575"/>
                <a:gd name="connsiteY160" fmla="*/ 760631 h 1091576"/>
                <a:gd name="connsiteX161" fmla="*/ 611841 w 1091575"/>
                <a:gd name="connsiteY161" fmla="*/ 818501 h 1091576"/>
                <a:gd name="connsiteX162" fmla="*/ 611841 w 1091575"/>
                <a:gd name="connsiteY162" fmla="*/ 822706 h 1091576"/>
                <a:gd name="connsiteX163" fmla="*/ 616001 w 1091575"/>
                <a:gd name="connsiteY163" fmla="*/ 823068 h 1091576"/>
                <a:gd name="connsiteX164" fmla="*/ 684947 w 1091575"/>
                <a:gd name="connsiteY164" fmla="*/ 832110 h 1091576"/>
                <a:gd name="connsiteX165" fmla="*/ 545336 w 1091575"/>
                <a:gd name="connsiteY165" fmla="*/ 896084 h 1091576"/>
                <a:gd name="connsiteX166" fmla="*/ 405588 w 1091575"/>
                <a:gd name="connsiteY166" fmla="*/ 831974 h 1091576"/>
                <a:gd name="connsiteX167" fmla="*/ 473676 w 1091575"/>
                <a:gd name="connsiteY167" fmla="*/ 823068 h 1091576"/>
                <a:gd name="connsiteX168" fmla="*/ 210412 w 1091575"/>
                <a:gd name="connsiteY168" fmla="*/ 952914 h 1091576"/>
                <a:gd name="connsiteX169" fmla="*/ 227773 w 1091575"/>
                <a:gd name="connsiteY169" fmla="*/ 966477 h 1091576"/>
                <a:gd name="connsiteX170" fmla="*/ 381943 w 1091575"/>
                <a:gd name="connsiteY170" fmla="*/ 836767 h 1091576"/>
                <a:gd name="connsiteX171" fmla="*/ 545155 w 1091575"/>
                <a:gd name="connsiteY171" fmla="*/ 916700 h 1091576"/>
                <a:gd name="connsiteX172" fmla="*/ 708231 w 1091575"/>
                <a:gd name="connsiteY172" fmla="*/ 836947 h 1091576"/>
                <a:gd name="connsiteX173" fmla="*/ 861949 w 1091575"/>
                <a:gd name="connsiteY173" fmla="*/ 967834 h 1091576"/>
                <a:gd name="connsiteX174" fmla="*/ 210367 w 1091575"/>
                <a:gd name="connsiteY174" fmla="*/ 952778 h 10915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Lst>
              <a:rect l="l" t="t" r="r" b="b"/>
              <a:pathLst>
                <a:path w="1091575" h="1091576">
                  <a:moveTo>
                    <a:pt x="545743" y="0"/>
                  </a:moveTo>
                  <a:cubicBezTo>
                    <a:pt x="385958" y="-49"/>
                    <a:pt x="234190" y="69969"/>
                    <a:pt x="130524" y="191559"/>
                  </a:cubicBezTo>
                  <a:lnTo>
                    <a:pt x="144088" y="203314"/>
                  </a:lnTo>
                  <a:cubicBezTo>
                    <a:pt x="333278" y="-18308"/>
                    <a:pt x="666307" y="-44598"/>
                    <a:pt x="887931" y="144594"/>
                  </a:cubicBezTo>
                  <a:cubicBezTo>
                    <a:pt x="1109551" y="333785"/>
                    <a:pt x="1135842" y="666814"/>
                    <a:pt x="946651" y="888438"/>
                  </a:cubicBezTo>
                  <a:cubicBezTo>
                    <a:pt x="921442" y="917966"/>
                    <a:pt x="893054" y="944622"/>
                    <a:pt x="861994" y="967924"/>
                  </a:cubicBezTo>
                  <a:cubicBezTo>
                    <a:pt x="868504" y="963086"/>
                    <a:pt x="874834" y="958068"/>
                    <a:pt x="881073" y="952959"/>
                  </a:cubicBezTo>
                  <a:cubicBezTo>
                    <a:pt x="879273" y="946462"/>
                    <a:pt x="877130" y="940060"/>
                    <a:pt x="874653" y="933790"/>
                  </a:cubicBezTo>
                  <a:cubicBezTo>
                    <a:pt x="835410" y="835365"/>
                    <a:pt x="719489" y="812081"/>
                    <a:pt x="633768" y="803536"/>
                  </a:cubicBezTo>
                  <a:cubicBezTo>
                    <a:pt x="633768" y="787713"/>
                    <a:pt x="633768" y="771889"/>
                    <a:pt x="633768" y="756065"/>
                  </a:cubicBezTo>
                  <a:lnTo>
                    <a:pt x="633768" y="732058"/>
                  </a:lnTo>
                  <a:cubicBezTo>
                    <a:pt x="688022" y="702987"/>
                    <a:pt x="721297" y="652577"/>
                    <a:pt x="739743" y="614509"/>
                  </a:cubicBezTo>
                  <a:cubicBezTo>
                    <a:pt x="766282" y="604246"/>
                    <a:pt x="775053" y="559125"/>
                    <a:pt x="777901" y="532722"/>
                  </a:cubicBezTo>
                  <a:cubicBezTo>
                    <a:pt x="778941" y="523006"/>
                    <a:pt x="779456" y="513241"/>
                    <a:pt x="779438" y="503471"/>
                  </a:cubicBezTo>
                  <a:cubicBezTo>
                    <a:pt x="783892" y="504230"/>
                    <a:pt x="788467" y="503448"/>
                    <a:pt x="792414" y="501255"/>
                  </a:cubicBezTo>
                  <a:lnTo>
                    <a:pt x="792957" y="503109"/>
                  </a:lnTo>
                  <a:lnTo>
                    <a:pt x="798337" y="496192"/>
                  </a:lnTo>
                  <a:cubicBezTo>
                    <a:pt x="806339" y="485748"/>
                    <a:pt x="809232" y="476118"/>
                    <a:pt x="806972" y="467528"/>
                  </a:cubicBezTo>
                  <a:cubicBezTo>
                    <a:pt x="804974" y="461560"/>
                    <a:pt x="801203" y="456338"/>
                    <a:pt x="796166" y="452563"/>
                  </a:cubicBezTo>
                  <a:cubicBezTo>
                    <a:pt x="792188" y="449082"/>
                    <a:pt x="789927" y="446957"/>
                    <a:pt x="789837" y="443792"/>
                  </a:cubicBezTo>
                  <a:cubicBezTo>
                    <a:pt x="789747" y="440627"/>
                    <a:pt x="791465" y="439271"/>
                    <a:pt x="794358" y="436106"/>
                  </a:cubicBezTo>
                  <a:cubicBezTo>
                    <a:pt x="798056" y="432968"/>
                    <a:pt x="800416" y="428538"/>
                    <a:pt x="800959" y="423718"/>
                  </a:cubicBezTo>
                  <a:cubicBezTo>
                    <a:pt x="801321" y="414676"/>
                    <a:pt x="792957" y="405634"/>
                    <a:pt x="774691" y="396863"/>
                  </a:cubicBezTo>
                  <a:cubicBezTo>
                    <a:pt x="777151" y="393929"/>
                    <a:pt x="779122" y="390615"/>
                    <a:pt x="780523" y="387052"/>
                  </a:cubicBezTo>
                  <a:cubicBezTo>
                    <a:pt x="783571" y="380976"/>
                    <a:pt x="784778" y="374140"/>
                    <a:pt x="784005" y="367385"/>
                  </a:cubicBezTo>
                  <a:cubicBezTo>
                    <a:pt x="782992" y="362096"/>
                    <a:pt x="780202" y="357308"/>
                    <a:pt x="776093" y="353822"/>
                  </a:cubicBezTo>
                  <a:cubicBezTo>
                    <a:pt x="773109" y="351277"/>
                    <a:pt x="770943" y="347913"/>
                    <a:pt x="769854" y="344147"/>
                  </a:cubicBezTo>
                  <a:cubicBezTo>
                    <a:pt x="769560" y="338102"/>
                    <a:pt x="769876" y="332043"/>
                    <a:pt x="770803" y="326062"/>
                  </a:cubicBezTo>
                  <a:cubicBezTo>
                    <a:pt x="771436" y="318512"/>
                    <a:pt x="771933" y="313494"/>
                    <a:pt x="772295" y="310058"/>
                  </a:cubicBezTo>
                  <a:cubicBezTo>
                    <a:pt x="773231" y="306394"/>
                    <a:pt x="773231" y="302554"/>
                    <a:pt x="772295" y="298890"/>
                  </a:cubicBezTo>
                  <a:cubicBezTo>
                    <a:pt x="770161" y="293095"/>
                    <a:pt x="765703" y="288456"/>
                    <a:pt x="759998" y="286096"/>
                  </a:cubicBezTo>
                  <a:cubicBezTo>
                    <a:pt x="756566" y="284436"/>
                    <a:pt x="753492" y="282116"/>
                    <a:pt x="750955" y="279269"/>
                  </a:cubicBezTo>
                  <a:cubicBezTo>
                    <a:pt x="749011" y="274748"/>
                    <a:pt x="746932" y="270679"/>
                    <a:pt x="744807" y="266881"/>
                  </a:cubicBezTo>
                  <a:lnTo>
                    <a:pt x="744581" y="266474"/>
                  </a:lnTo>
                  <a:cubicBezTo>
                    <a:pt x="743184" y="261750"/>
                    <a:pt x="742230" y="256907"/>
                    <a:pt x="741732" y="252007"/>
                  </a:cubicBezTo>
                  <a:cubicBezTo>
                    <a:pt x="741425" y="249380"/>
                    <a:pt x="741262" y="246739"/>
                    <a:pt x="741235" y="244095"/>
                  </a:cubicBezTo>
                  <a:cubicBezTo>
                    <a:pt x="741542" y="240357"/>
                    <a:pt x="740570" y="236626"/>
                    <a:pt x="738477" y="233515"/>
                  </a:cubicBezTo>
                  <a:cubicBezTo>
                    <a:pt x="735100" y="229410"/>
                    <a:pt x="730213" y="226836"/>
                    <a:pt x="724914" y="226372"/>
                  </a:cubicBezTo>
                  <a:cubicBezTo>
                    <a:pt x="721225" y="225701"/>
                    <a:pt x="717626" y="224593"/>
                    <a:pt x="714199" y="223071"/>
                  </a:cubicBezTo>
                  <a:cubicBezTo>
                    <a:pt x="707973" y="220855"/>
                    <a:pt x="702616" y="216704"/>
                    <a:pt x="698918" y="211226"/>
                  </a:cubicBezTo>
                  <a:cubicBezTo>
                    <a:pt x="697647" y="208946"/>
                    <a:pt x="696996" y="206375"/>
                    <a:pt x="697019" y="203766"/>
                  </a:cubicBezTo>
                  <a:cubicBezTo>
                    <a:pt x="697005" y="199985"/>
                    <a:pt x="695956" y="196280"/>
                    <a:pt x="693990" y="193051"/>
                  </a:cubicBezTo>
                  <a:cubicBezTo>
                    <a:pt x="688474" y="184009"/>
                    <a:pt x="678708" y="181116"/>
                    <a:pt x="670887" y="178810"/>
                  </a:cubicBezTo>
                  <a:cubicBezTo>
                    <a:pt x="665262" y="177101"/>
                    <a:pt x="659286" y="176929"/>
                    <a:pt x="653571" y="178313"/>
                  </a:cubicBezTo>
                  <a:cubicBezTo>
                    <a:pt x="650781" y="179243"/>
                    <a:pt x="647743" y="179081"/>
                    <a:pt x="645071" y="177860"/>
                  </a:cubicBezTo>
                  <a:cubicBezTo>
                    <a:pt x="642883" y="176799"/>
                    <a:pt x="641151" y="174985"/>
                    <a:pt x="640188" y="172752"/>
                  </a:cubicBezTo>
                  <a:cubicBezTo>
                    <a:pt x="637950" y="168579"/>
                    <a:pt x="634872" y="164915"/>
                    <a:pt x="631146" y="161991"/>
                  </a:cubicBezTo>
                  <a:cubicBezTo>
                    <a:pt x="622863" y="155392"/>
                    <a:pt x="612474" y="152019"/>
                    <a:pt x="601895" y="152497"/>
                  </a:cubicBezTo>
                  <a:cubicBezTo>
                    <a:pt x="597916" y="152647"/>
                    <a:pt x="594060" y="153917"/>
                    <a:pt x="590773" y="156159"/>
                  </a:cubicBezTo>
                  <a:cubicBezTo>
                    <a:pt x="589362" y="157281"/>
                    <a:pt x="587599" y="157859"/>
                    <a:pt x="585799" y="157787"/>
                  </a:cubicBezTo>
                  <a:cubicBezTo>
                    <a:pt x="582513" y="157493"/>
                    <a:pt x="579429" y="156071"/>
                    <a:pt x="577074" y="153763"/>
                  </a:cubicBezTo>
                  <a:cubicBezTo>
                    <a:pt x="572110" y="150164"/>
                    <a:pt x="566757" y="147130"/>
                    <a:pt x="561114" y="144721"/>
                  </a:cubicBezTo>
                  <a:cubicBezTo>
                    <a:pt x="553700" y="141465"/>
                    <a:pt x="548772" y="139295"/>
                    <a:pt x="542759" y="140200"/>
                  </a:cubicBezTo>
                  <a:cubicBezTo>
                    <a:pt x="538237" y="141013"/>
                    <a:pt x="533716" y="144269"/>
                    <a:pt x="524674" y="150734"/>
                  </a:cubicBezTo>
                  <a:cubicBezTo>
                    <a:pt x="522007" y="152587"/>
                    <a:pt x="520153" y="153853"/>
                    <a:pt x="519113" y="154758"/>
                  </a:cubicBezTo>
                  <a:cubicBezTo>
                    <a:pt x="518168" y="155581"/>
                    <a:pt x="517101" y="156252"/>
                    <a:pt x="515948" y="156747"/>
                  </a:cubicBezTo>
                  <a:cubicBezTo>
                    <a:pt x="510971" y="158504"/>
                    <a:pt x="505568" y="158678"/>
                    <a:pt x="500486" y="157244"/>
                  </a:cubicBezTo>
                  <a:cubicBezTo>
                    <a:pt x="496955" y="156445"/>
                    <a:pt x="493596" y="155004"/>
                    <a:pt x="490585" y="152994"/>
                  </a:cubicBezTo>
                  <a:cubicBezTo>
                    <a:pt x="487063" y="150376"/>
                    <a:pt x="482700" y="149152"/>
                    <a:pt x="478333" y="149558"/>
                  </a:cubicBezTo>
                  <a:cubicBezTo>
                    <a:pt x="472989" y="150434"/>
                    <a:pt x="468070" y="153020"/>
                    <a:pt x="464317" y="156928"/>
                  </a:cubicBezTo>
                  <a:cubicBezTo>
                    <a:pt x="461433" y="159709"/>
                    <a:pt x="459249" y="163133"/>
                    <a:pt x="457943" y="166919"/>
                  </a:cubicBezTo>
                  <a:cubicBezTo>
                    <a:pt x="457002" y="169602"/>
                    <a:pt x="455456" y="172031"/>
                    <a:pt x="453422" y="174017"/>
                  </a:cubicBezTo>
                  <a:cubicBezTo>
                    <a:pt x="450750" y="176725"/>
                    <a:pt x="447390" y="178648"/>
                    <a:pt x="443701" y="179578"/>
                  </a:cubicBezTo>
                  <a:cubicBezTo>
                    <a:pt x="441563" y="180118"/>
                    <a:pt x="439329" y="180118"/>
                    <a:pt x="437191" y="179578"/>
                  </a:cubicBezTo>
                  <a:cubicBezTo>
                    <a:pt x="434207" y="178988"/>
                    <a:pt x="431187" y="178626"/>
                    <a:pt x="428149" y="178493"/>
                  </a:cubicBezTo>
                  <a:cubicBezTo>
                    <a:pt x="419830" y="178132"/>
                    <a:pt x="412008" y="177815"/>
                    <a:pt x="405905" y="182743"/>
                  </a:cubicBezTo>
                  <a:cubicBezTo>
                    <a:pt x="403373" y="184778"/>
                    <a:pt x="401655" y="188801"/>
                    <a:pt x="396863" y="201235"/>
                  </a:cubicBezTo>
                  <a:lnTo>
                    <a:pt x="395551" y="204535"/>
                  </a:lnTo>
                  <a:cubicBezTo>
                    <a:pt x="394507" y="208350"/>
                    <a:pt x="392708" y="211917"/>
                    <a:pt x="390262" y="215024"/>
                  </a:cubicBezTo>
                  <a:cubicBezTo>
                    <a:pt x="387784" y="217451"/>
                    <a:pt x="384891" y="219411"/>
                    <a:pt x="381717" y="220811"/>
                  </a:cubicBezTo>
                  <a:cubicBezTo>
                    <a:pt x="379917" y="221771"/>
                    <a:pt x="378023" y="222543"/>
                    <a:pt x="376065" y="223117"/>
                  </a:cubicBezTo>
                  <a:cubicBezTo>
                    <a:pt x="374347" y="223659"/>
                    <a:pt x="372268" y="224337"/>
                    <a:pt x="368967" y="225649"/>
                  </a:cubicBezTo>
                  <a:cubicBezTo>
                    <a:pt x="361010" y="228859"/>
                    <a:pt x="356670" y="230622"/>
                    <a:pt x="353867" y="234374"/>
                  </a:cubicBezTo>
                  <a:cubicBezTo>
                    <a:pt x="351064" y="238127"/>
                    <a:pt x="350838" y="242422"/>
                    <a:pt x="349798" y="251012"/>
                  </a:cubicBezTo>
                  <a:cubicBezTo>
                    <a:pt x="349346" y="254764"/>
                    <a:pt x="349120" y="257341"/>
                    <a:pt x="348984" y="259331"/>
                  </a:cubicBezTo>
                  <a:cubicBezTo>
                    <a:pt x="348984" y="260325"/>
                    <a:pt x="348984" y="261139"/>
                    <a:pt x="348984" y="261908"/>
                  </a:cubicBezTo>
                  <a:cubicBezTo>
                    <a:pt x="346018" y="266895"/>
                    <a:pt x="343360" y="272058"/>
                    <a:pt x="341027" y="277370"/>
                  </a:cubicBezTo>
                  <a:cubicBezTo>
                    <a:pt x="339241" y="279129"/>
                    <a:pt x="337234" y="280648"/>
                    <a:pt x="335059" y="281891"/>
                  </a:cubicBezTo>
                  <a:cubicBezTo>
                    <a:pt x="331551" y="283884"/>
                    <a:pt x="328476" y="286559"/>
                    <a:pt x="326017" y="289758"/>
                  </a:cubicBezTo>
                  <a:cubicBezTo>
                    <a:pt x="322707" y="294288"/>
                    <a:pt x="320578" y="299571"/>
                    <a:pt x="319823" y="305130"/>
                  </a:cubicBezTo>
                  <a:cubicBezTo>
                    <a:pt x="319005" y="310215"/>
                    <a:pt x="319488" y="315426"/>
                    <a:pt x="321224" y="320275"/>
                  </a:cubicBezTo>
                  <a:cubicBezTo>
                    <a:pt x="322468" y="324500"/>
                    <a:pt x="323051" y="328893"/>
                    <a:pt x="322942" y="333296"/>
                  </a:cubicBezTo>
                  <a:cubicBezTo>
                    <a:pt x="323521" y="338311"/>
                    <a:pt x="322626" y="343386"/>
                    <a:pt x="320365" y="347899"/>
                  </a:cubicBezTo>
                  <a:cubicBezTo>
                    <a:pt x="319280" y="349672"/>
                    <a:pt x="317852" y="351213"/>
                    <a:pt x="316161" y="352420"/>
                  </a:cubicBezTo>
                  <a:cubicBezTo>
                    <a:pt x="313294" y="354446"/>
                    <a:pt x="310989" y="357168"/>
                    <a:pt x="309470" y="360332"/>
                  </a:cubicBezTo>
                  <a:cubicBezTo>
                    <a:pt x="306965" y="366015"/>
                    <a:pt x="306332" y="372349"/>
                    <a:pt x="307661" y="378417"/>
                  </a:cubicBezTo>
                  <a:cubicBezTo>
                    <a:pt x="308154" y="380998"/>
                    <a:pt x="308972" y="383503"/>
                    <a:pt x="310103" y="385877"/>
                  </a:cubicBezTo>
                  <a:cubicBezTo>
                    <a:pt x="295138" y="394150"/>
                    <a:pt x="288040" y="402424"/>
                    <a:pt x="288401" y="410969"/>
                  </a:cubicBezTo>
                  <a:cubicBezTo>
                    <a:pt x="288930" y="415838"/>
                    <a:pt x="291250" y="420332"/>
                    <a:pt x="294912" y="423583"/>
                  </a:cubicBezTo>
                  <a:cubicBezTo>
                    <a:pt x="297231" y="425436"/>
                    <a:pt x="298831" y="428045"/>
                    <a:pt x="299433" y="430952"/>
                  </a:cubicBezTo>
                  <a:lnTo>
                    <a:pt x="297624" y="436242"/>
                  </a:lnTo>
                  <a:cubicBezTo>
                    <a:pt x="296232" y="437860"/>
                    <a:pt x="294722" y="439370"/>
                    <a:pt x="293103" y="440763"/>
                  </a:cubicBezTo>
                  <a:cubicBezTo>
                    <a:pt x="288026" y="444624"/>
                    <a:pt x="284269" y="449963"/>
                    <a:pt x="282343" y="456044"/>
                  </a:cubicBezTo>
                  <a:cubicBezTo>
                    <a:pt x="280354" y="463640"/>
                    <a:pt x="282343" y="472320"/>
                    <a:pt x="288673" y="481815"/>
                  </a:cubicBezTo>
                  <a:cubicBezTo>
                    <a:pt x="289898" y="484722"/>
                    <a:pt x="291882" y="487253"/>
                    <a:pt x="294414" y="489139"/>
                  </a:cubicBezTo>
                  <a:cubicBezTo>
                    <a:pt x="299234" y="492679"/>
                    <a:pt x="305310" y="494058"/>
                    <a:pt x="311188" y="492936"/>
                  </a:cubicBezTo>
                  <a:cubicBezTo>
                    <a:pt x="310455" y="506215"/>
                    <a:pt x="310726" y="519530"/>
                    <a:pt x="312001" y="532767"/>
                  </a:cubicBezTo>
                  <a:cubicBezTo>
                    <a:pt x="314714" y="559306"/>
                    <a:pt x="323485" y="604653"/>
                    <a:pt x="352058" y="614735"/>
                  </a:cubicBezTo>
                  <a:cubicBezTo>
                    <a:pt x="378190" y="668988"/>
                    <a:pt x="414630" y="709407"/>
                    <a:pt x="457581" y="732284"/>
                  </a:cubicBezTo>
                  <a:lnTo>
                    <a:pt x="457581" y="758280"/>
                  </a:lnTo>
                  <a:cubicBezTo>
                    <a:pt x="457581" y="773349"/>
                    <a:pt x="457581" y="788422"/>
                    <a:pt x="457581" y="803491"/>
                  </a:cubicBezTo>
                  <a:cubicBezTo>
                    <a:pt x="371680" y="812036"/>
                    <a:pt x="255985" y="835139"/>
                    <a:pt x="216742" y="933744"/>
                  </a:cubicBezTo>
                  <a:cubicBezTo>
                    <a:pt x="214256" y="940002"/>
                    <a:pt x="212099" y="946385"/>
                    <a:pt x="210277" y="952869"/>
                  </a:cubicBezTo>
                  <a:cubicBezTo>
                    <a:pt x="88552" y="852749"/>
                    <a:pt x="18039" y="703398"/>
                    <a:pt x="18084" y="545788"/>
                  </a:cubicBezTo>
                  <a:lnTo>
                    <a:pt x="0" y="545788"/>
                  </a:lnTo>
                  <a:cubicBezTo>
                    <a:pt x="0" y="847219"/>
                    <a:pt x="244358" y="1091576"/>
                    <a:pt x="545788" y="1091576"/>
                  </a:cubicBezTo>
                  <a:cubicBezTo>
                    <a:pt x="847219" y="1091576"/>
                    <a:pt x="1091575" y="847219"/>
                    <a:pt x="1091575" y="545788"/>
                  </a:cubicBezTo>
                  <a:cubicBezTo>
                    <a:pt x="1091575" y="244358"/>
                    <a:pt x="847219" y="0"/>
                    <a:pt x="545788" y="0"/>
                  </a:cubicBezTo>
                  <a:cubicBezTo>
                    <a:pt x="545774" y="0"/>
                    <a:pt x="545756" y="0"/>
                    <a:pt x="545743" y="0"/>
                  </a:cubicBezTo>
                  <a:close/>
                  <a:moveTo>
                    <a:pt x="413998" y="666457"/>
                  </a:moveTo>
                  <a:lnTo>
                    <a:pt x="410607" y="669440"/>
                  </a:lnTo>
                  <a:lnTo>
                    <a:pt x="413998" y="666411"/>
                  </a:lnTo>
                  <a:cubicBezTo>
                    <a:pt x="397057" y="647486"/>
                    <a:pt x="383313" y="625920"/>
                    <a:pt x="373308" y="602573"/>
                  </a:cubicBezTo>
                  <a:lnTo>
                    <a:pt x="372449" y="600584"/>
                  </a:lnTo>
                  <a:lnTo>
                    <a:pt x="370414" y="599996"/>
                  </a:lnTo>
                  <a:cubicBezTo>
                    <a:pt x="345729" y="592808"/>
                    <a:pt x="338992" y="544296"/>
                    <a:pt x="337500" y="529557"/>
                  </a:cubicBezTo>
                  <a:cubicBezTo>
                    <a:pt x="337274" y="527342"/>
                    <a:pt x="336822" y="522188"/>
                    <a:pt x="336596" y="515361"/>
                  </a:cubicBezTo>
                  <a:cubicBezTo>
                    <a:pt x="341936" y="514719"/>
                    <a:pt x="347194" y="513521"/>
                    <a:pt x="352284" y="511789"/>
                  </a:cubicBezTo>
                  <a:cubicBezTo>
                    <a:pt x="357732" y="510311"/>
                    <a:pt x="363045" y="508358"/>
                    <a:pt x="368154" y="505957"/>
                  </a:cubicBezTo>
                  <a:cubicBezTo>
                    <a:pt x="369388" y="505252"/>
                    <a:pt x="370762" y="504822"/>
                    <a:pt x="372177" y="504691"/>
                  </a:cubicBezTo>
                  <a:cubicBezTo>
                    <a:pt x="374573" y="504691"/>
                    <a:pt x="375161" y="505369"/>
                    <a:pt x="376970" y="510297"/>
                  </a:cubicBezTo>
                  <a:cubicBezTo>
                    <a:pt x="378367" y="517124"/>
                    <a:pt x="383706" y="522464"/>
                    <a:pt x="390533" y="523861"/>
                  </a:cubicBezTo>
                  <a:cubicBezTo>
                    <a:pt x="397749" y="524932"/>
                    <a:pt x="405109" y="523476"/>
                    <a:pt x="411375" y="519747"/>
                  </a:cubicBezTo>
                  <a:cubicBezTo>
                    <a:pt x="415810" y="517197"/>
                    <a:pt x="419875" y="514050"/>
                    <a:pt x="423447" y="510388"/>
                  </a:cubicBezTo>
                  <a:cubicBezTo>
                    <a:pt x="426896" y="506925"/>
                    <a:pt x="430753" y="503887"/>
                    <a:pt x="434930" y="501346"/>
                  </a:cubicBezTo>
                  <a:cubicBezTo>
                    <a:pt x="439655" y="498728"/>
                    <a:pt x="444768" y="496883"/>
                    <a:pt x="450076" y="495875"/>
                  </a:cubicBezTo>
                  <a:cubicBezTo>
                    <a:pt x="456939" y="493949"/>
                    <a:pt x="463987" y="492769"/>
                    <a:pt x="471099" y="492349"/>
                  </a:cubicBezTo>
                  <a:cubicBezTo>
                    <a:pt x="475159" y="492267"/>
                    <a:pt x="479174" y="491458"/>
                    <a:pt x="482944" y="489952"/>
                  </a:cubicBezTo>
                  <a:cubicBezTo>
                    <a:pt x="494971" y="484979"/>
                    <a:pt x="508082" y="471054"/>
                    <a:pt x="523047" y="447409"/>
                  </a:cubicBezTo>
                  <a:lnTo>
                    <a:pt x="526302" y="437010"/>
                  </a:lnTo>
                  <a:lnTo>
                    <a:pt x="531501" y="421141"/>
                  </a:lnTo>
                  <a:lnTo>
                    <a:pt x="559080" y="421141"/>
                  </a:lnTo>
                  <a:lnTo>
                    <a:pt x="565228" y="437915"/>
                  </a:lnTo>
                  <a:lnTo>
                    <a:pt x="568393" y="447273"/>
                  </a:lnTo>
                  <a:lnTo>
                    <a:pt x="568891" y="448313"/>
                  </a:lnTo>
                  <a:cubicBezTo>
                    <a:pt x="584579" y="472320"/>
                    <a:pt x="598006" y="486652"/>
                    <a:pt x="609942" y="492077"/>
                  </a:cubicBezTo>
                  <a:cubicBezTo>
                    <a:pt x="613636" y="493705"/>
                    <a:pt x="617583" y="494686"/>
                    <a:pt x="621607" y="494971"/>
                  </a:cubicBezTo>
                  <a:cubicBezTo>
                    <a:pt x="628641" y="495798"/>
                    <a:pt x="635577" y="497313"/>
                    <a:pt x="642313" y="499492"/>
                  </a:cubicBezTo>
                  <a:cubicBezTo>
                    <a:pt x="647635" y="500794"/>
                    <a:pt x="652748" y="502833"/>
                    <a:pt x="657504" y="505550"/>
                  </a:cubicBezTo>
                  <a:cubicBezTo>
                    <a:pt x="661740" y="508353"/>
                    <a:pt x="665678" y="511577"/>
                    <a:pt x="669259" y="515180"/>
                  </a:cubicBezTo>
                  <a:cubicBezTo>
                    <a:pt x="672871" y="518933"/>
                    <a:pt x="676945" y="522211"/>
                    <a:pt x="681376" y="524946"/>
                  </a:cubicBezTo>
                  <a:cubicBezTo>
                    <a:pt x="687479" y="528870"/>
                    <a:pt x="694717" y="530651"/>
                    <a:pt x="701947" y="530009"/>
                  </a:cubicBezTo>
                  <a:cubicBezTo>
                    <a:pt x="711351" y="528744"/>
                    <a:pt x="713656" y="521600"/>
                    <a:pt x="715148" y="516853"/>
                  </a:cubicBezTo>
                  <a:cubicBezTo>
                    <a:pt x="716640" y="512106"/>
                    <a:pt x="717138" y="511880"/>
                    <a:pt x="719036" y="511970"/>
                  </a:cubicBezTo>
                  <a:cubicBezTo>
                    <a:pt x="720483" y="512119"/>
                    <a:pt x="721867" y="512630"/>
                    <a:pt x="723060" y="513462"/>
                  </a:cubicBezTo>
                  <a:cubicBezTo>
                    <a:pt x="728137" y="516035"/>
                    <a:pt x="733414" y="518196"/>
                    <a:pt x="738839" y="519927"/>
                  </a:cubicBezTo>
                  <a:cubicBezTo>
                    <a:pt x="743898" y="521917"/>
                    <a:pt x="749161" y="523359"/>
                    <a:pt x="754527" y="524222"/>
                  </a:cubicBezTo>
                  <a:cubicBezTo>
                    <a:pt x="754301" y="526573"/>
                    <a:pt x="754120" y="528427"/>
                    <a:pt x="753985" y="529603"/>
                  </a:cubicBezTo>
                  <a:cubicBezTo>
                    <a:pt x="752402" y="544296"/>
                    <a:pt x="745485" y="592898"/>
                    <a:pt x="722699" y="599996"/>
                  </a:cubicBezTo>
                  <a:lnTo>
                    <a:pt x="720528" y="600674"/>
                  </a:lnTo>
                  <a:lnTo>
                    <a:pt x="719805" y="602845"/>
                  </a:lnTo>
                  <a:cubicBezTo>
                    <a:pt x="713611" y="620703"/>
                    <a:pt x="688157" y="681467"/>
                    <a:pt x="622330" y="711984"/>
                  </a:cubicBezTo>
                  <a:cubicBezTo>
                    <a:pt x="619075" y="713476"/>
                    <a:pt x="541809" y="748379"/>
                    <a:pt x="470602" y="712210"/>
                  </a:cubicBezTo>
                  <a:cubicBezTo>
                    <a:pt x="449036" y="700636"/>
                    <a:pt x="429835" y="685115"/>
                    <a:pt x="413998" y="666457"/>
                  </a:cubicBezTo>
                  <a:close/>
                  <a:moveTo>
                    <a:pt x="473676" y="823068"/>
                  </a:moveTo>
                  <a:lnTo>
                    <a:pt x="477835" y="822706"/>
                  </a:lnTo>
                  <a:lnTo>
                    <a:pt x="477835" y="818501"/>
                  </a:lnTo>
                  <a:cubicBezTo>
                    <a:pt x="477835" y="812805"/>
                    <a:pt x="477835" y="788843"/>
                    <a:pt x="477835" y="764881"/>
                  </a:cubicBezTo>
                  <a:lnTo>
                    <a:pt x="477835" y="741914"/>
                  </a:lnTo>
                  <a:cubicBezTo>
                    <a:pt x="520962" y="758506"/>
                    <a:pt x="568714" y="758506"/>
                    <a:pt x="611841" y="741914"/>
                  </a:cubicBezTo>
                  <a:lnTo>
                    <a:pt x="611841" y="760631"/>
                  </a:lnTo>
                  <a:cubicBezTo>
                    <a:pt x="611841" y="785949"/>
                    <a:pt x="611841" y="812488"/>
                    <a:pt x="611841" y="818501"/>
                  </a:cubicBezTo>
                  <a:lnTo>
                    <a:pt x="611841" y="822706"/>
                  </a:lnTo>
                  <a:lnTo>
                    <a:pt x="616001" y="823068"/>
                  </a:lnTo>
                  <a:cubicBezTo>
                    <a:pt x="639121" y="824926"/>
                    <a:pt x="662129" y="827941"/>
                    <a:pt x="684947" y="832110"/>
                  </a:cubicBezTo>
                  <a:cubicBezTo>
                    <a:pt x="645162" y="873433"/>
                    <a:pt x="595882" y="896084"/>
                    <a:pt x="545336" y="896084"/>
                  </a:cubicBezTo>
                  <a:cubicBezTo>
                    <a:pt x="494790" y="896084"/>
                    <a:pt x="445419" y="873478"/>
                    <a:pt x="405588" y="831974"/>
                  </a:cubicBezTo>
                  <a:cubicBezTo>
                    <a:pt x="426114" y="828131"/>
                    <a:pt x="449036" y="825147"/>
                    <a:pt x="473676" y="823068"/>
                  </a:cubicBezTo>
                  <a:close/>
                  <a:moveTo>
                    <a:pt x="210412" y="952914"/>
                  </a:moveTo>
                  <a:cubicBezTo>
                    <a:pt x="216109" y="957616"/>
                    <a:pt x="221896" y="962137"/>
                    <a:pt x="227773" y="966477"/>
                  </a:cubicBezTo>
                  <a:cubicBezTo>
                    <a:pt x="241743" y="908743"/>
                    <a:pt x="279585" y="861045"/>
                    <a:pt x="381943" y="836767"/>
                  </a:cubicBezTo>
                  <a:cubicBezTo>
                    <a:pt x="427154" y="888353"/>
                    <a:pt x="485024" y="916700"/>
                    <a:pt x="545155" y="916700"/>
                  </a:cubicBezTo>
                  <a:cubicBezTo>
                    <a:pt x="605285" y="916700"/>
                    <a:pt x="663020" y="888398"/>
                    <a:pt x="708231" y="836947"/>
                  </a:cubicBezTo>
                  <a:cubicBezTo>
                    <a:pt x="810860" y="861452"/>
                    <a:pt x="848385" y="909602"/>
                    <a:pt x="861949" y="967834"/>
                  </a:cubicBezTo>
                  <a:cubicBezTo>
                    <a:pt x="667365" y="1113965"/>
                    <a:pt x="397997" y="1107739"/>
                    <a:pt x="210367" y="952778"/>
                  </a:cubicBezTo>
                  <a:close/>
                </a:path>
              </a:pathLst>
            </a:custGeom>
            <a:solidFill>
              <a:schemeClr val="accent2"/>
            </a:solidFill>
            <a:ln w="4498" cap="flat">
              <a:noFill/>
              <a:prstDash val="solid"/>
              <a:miter/>
            </a:ln>
          </p:spPr>
          <p:txBody>
            <a:bodyPr rtlCol="0" anchor="ctr"/>
            <a:lstStyle/>
            <a:p>
              <a:endParaRPr lang="en-US"/>
            </a:p>
          </p:txBody>
        </p:sp>
      </p:grpSp>
      <p:grpSp>
        <p:nvGrpSpPr>
          <p:cNvPr id="28" name="Group 27">
            <a:extLst>
              <a:ext uri="{FF2B5EF4-FFF2-40B4-BE49-F238E27FC236}">
                <a16:creationId xmlns:a16="http://schemas.microsoft.com/office/drawing/2014/main" id="{1F27C2B2-47B2-314E-8929-12A37B25CCB9}"/>
              </a:ext>
            </a:extLst>
          </p:cNvPr>
          <p:cNvGrpSpPr/>
          <p:nvPr/>
        </p:nvGrpSpPr>
        <p:grpSpPr>
          <a:xfrm>
            <a:off x="3855570" y="5568043"/>
            <a:ext cx="690107" cy="628711"/>
            <a:chOff x="9596743" y="2073746"/>
            <a:chExt cx="1200195" cy="1093418"/>
          </a:xfrm>
        </p:grpSpPr>
        <p:sp>
          <p:nvSpPr>
            <p:cNvPr id="29" name="Graphic 33">
              <a:extLst>
                <a:ext uri="{FF2B5EF4-FFF2-40B4-BE49-F238E27FC236}">
                  <a16:creationId xmlns:a16="http://schemas.microsoft.com/office/drawing/2014/main" id="{A6C8D640-8DB1-8043-90AE-06FE0FCF7F81}"/>
                </a:ext>
              </a:extLst>
            </p:cNvPr>
            <p:cNvSpPr/>
            <p:nvPr/>
          </p:nvSpPr>
          <p:spPr>
            <a:xfrm>
              <a:off x="9596743" y="2266188"/>
              <a:ext cx="235956" cy="333640"/>
            </a:xfrm>
            <a:custGeom>
              <a:avLst/>
              <a:gdLst>
                <a:gd name="connsiteX0" fmla="*/ 29116 w 235956"/>
                <a:gd name="connsiteY0" fmla="*/ 247328 h 333640"/>
                <a:gd name="connsiteX1" fmla="*/ 41820 w 235956"/>
                <a:gd name="connsiteY1" fmla="*/ 208808 h 333640"/>
                <a:gd name="connsiteX2" fmla="*/ 90332 w 235956"/>
                <a:gd name="connsiteY2" fmla="*/ 242084 h 333640"/>
                <a:gd name="connsiteX3" fmla="*/ 90332 w 235956"/>
                <a:gd name="connsiteY3" fmla="*/ 111740 h 333640"/>
                <a:gd name="connsiteX4" fmla="*/ 119189 w 235956"/>
                <a:gd name="connsiteY4" fmla="*/ 85123 h 333640"/>
                <a:gd name="connsiteX5" fmla="*/ 145806 w 235956"/>
                <a:gd name="connsiteY5" fmla="*/ 111740 h 333640"/>
                <a:gd name="connsiteX6" fmla="*/ 145806 w 235956"/>
                <a:gd name="connsiteY6" fmla="*/ 190000 h 333640"/>
                <a:gd name="connsiteX7" fmla="*/ 202365 w 235956"/>
                <a:gd name="connsiteY7" fmla="*/ 209170 h 333640"/>
                <a:gd name="connsiteX8" fmla="*/ 221896 w 235956"/>
                <a:gd name="connsiteY8" fmla="*/ 251985 h 333640"/>
                <a:gd name="connsiteX9" fmla="*/ 208332 w 235956"/>
                <a:gd name="connsiteY9" fmla="*/ 327939 h 333640"/>
                <a:gd name="connsiteX10" fmla="*/ 201234 w 235956"/>
                <a:gd name="connsiteY10" fmla="*/ 333636 h 333640"/>
                <a:gd name="connsiteX11" fmla="*/ 90332 w 235956"/>
                <a:gd name="connsiteY11" fmla="*/ 333636 h 333640"/>
                <a:gd name="connsiteX12" fmla="*/ 84545 w 235956"/>
                <a:gd name="connsiteY12" fmla="*/ 330516 h 333640"/>
                <a:gd name="connsiteX13" fmla="*/ 235956 w 235956"/>
                <a:gd name="connsiteY13" fmla="*/ 97860 h 333640"/>
                <a:gd name="connsiteX14" fmla="*/ 222077 w 235956"/>
                <a:gd name="connsiteY14" fmla="*/ 84026 h 333640"/>
                <a:gd name="connsiteX15" fmla="*/ 180482 w 235956"/>
                <a:gd name="connsiteY15" fmla="*/ 84026 h 333640"/>
                <a:gd name="connsiteX16" fmla="*/ 165834 w 235956"/>
                <a:gd name="connsiteY16" fmla="*/ 97091 h 333640"/>
                <a:gd name="connsiteX17" fmla="*/ 178899 w 235956"/>
                <a:gd name="connsiteY17" fmla="*/ 111740 h 333640"/>
                <a:gd name="connsiteX18" fmla="*/ 180482 w 235956"/>
                <a:gd name="connsiteY18" fmla="*/ 111740 h 333640"/>
                <a:gd name="connsiteX19" fmla="*/ 222077 w 235956"/>
                <a:gd name="connsiteY19" fmla="*/ 111740 h 333640"/>
                <a:gd name="connsiteX20" fmla="*/ 235956 w 235956"/>
                <a:gd name="connsiteY20" fmla="*/ 97860 h 333640"/>
                <a:gd name="connsiteX21" fmla="*/ 176413 w 235956"/>
                <a:gd name="connsiteY21" fmla="*/ 72994 h 333640"/>
                <a:gd name="connsiteX22" fmla="*/ 204128 w 235956"/>
                <a:gd name="connsiteY22" fmla="*/ 45280 h 333640"/>
                <a:gd name="connsiteX23" fmla="*/ 203066 w 235956"/>
                <a:gd name="connsiteY23" fmla="*/ 25679 h 333640"/>
                <a:gd name="connsiteX24" fmla="*/ 184551 w 235956"/>
                <a:gd name="connsiteY24" fmla="*/ 25658 h 333640"/>
                <a:gd name="connsiteX25" fmla="*/ 156792 w 235956"/>
                <a:gd name="connsiteY25" fmla="*/ 53418 h 333640"/>
                <a:gd name="connsiteX26" fmla="*/ 157899 w 235956"/>
                <a:gd name="connsiteY26" fmla="*/ 73015 h 333640"/>
                <a:gd name="connsiteX27" fmla="*/ 176413 w 235956"/>
                <a:gd name="connsiteY27" fmla="*/ 72994 h 333640"/>
                <a:gd name="connsiteX28" fmla="*/ 131926 w 235956"/>
                <a:gd name="connsiteY28" fmla="*/ 56266 h 333640"/>
                <a:gd name="connsiteX29" fmla="*/ 131926 w 235956"/>
                <a:gd name="connsiteY29" fmla="*/ 14672 h 333640"/>
                <a:gd name="connsiteX30" fmla="*/ 118860 w 235956"/>
                <a:gd name="connsiteY30" fmla="*/ 23 h 333640"/>
                <a:gd name="connsiteX31" fmla="*/ 104211 w 235956"/>
                <a:gd name="connsiteY31" fmla="*/ 13088 h 333640"/>
                <a:gd name="connsiteX32" fmla="*/ 104211 w 235956"/>
                <a:gd name="connsiteY32" fmla="*/ 14672 h 333640"/>
                <a:gd name="connsiteX33" fmla="*/ 104211 w 235956"/>
                <a:gd name="connsiteY33" fmla="*/ 56266 h 333640"/>
                <a:gd name="connsiteX34" fmla="*/ 117277 w 235956"/>
                <a:gd name="connsiteY34" fmla="*/ 70915 h 333640"/>
                <a:gd name="connsiteX35" fmla="*/ 131926 w 235956"/>
                <a:gd name="connsiteY35" fmla="*/ 57850 h 333640"/>
                <a:gd name="connsiteX36" fmla="*/ 131926 w 235956"/>
                <a:gd name="connsiteY36" fmla="*/ 56266 h 333640"/>
                <a:gd name="connsiteX37" fmla="*/ 79165 w 235956"/>
                <a:gd name="connsiteY37" fmla="*/ 72994 h 333640"/>
                <a:gd name="connsiteX38" fmla="*/ 79240 w 235956"/>
                <a:gd name="connsiteY38" fmla="*/ 53493 h 333640"/>
                <a:gd name="connsiteX39" fmla="*/ 79165 w 235956"/>
                <a:gd name="connsiteY39" fmla="*/ 53418 h 333640"/>
                <a:gd name="connsiteX40" fmla="*/ 51586 w 235956"/>
                <a:gd name="connsiteY40" fmla="*/ 25658 h 333640"/>
                <a:gd name="connsiteX41" fmla="*/ 31988 w 235956"/>
                <a:gd name="connsiteY41" fmla="*/ 26765 h 333640"/>
                <a:gd name="connsiteX42" fmla="*/ 32009 w 235956"/>
                <a:gd name="connsiteY42" fmla="*/ 45280 h 333640"/>
                <a:gd name="connsiteX43" fmla="*/ 59724 w 235956"/>
                <a:gd name="connsiteY43" fmla="*/ 72994 h 333640"/>
                <a:gd name="connsiteX44" fmla="*/ 79165 w 235956"/>
                <a:gd name="connsiteY44" fmla="*/ 72994 h 333640"/>
                <a:gd name="connsiteX45" fmla="*/ 0 w 235956"/>
                <a:gd name="connsiteY45" fmla="*/ 97860 h 333640"/>
                <a:gd name="connsiteX46" fmla="*/ 13880 w 235956"/>
                <a:gd name="connsiteY46" fmla="*/ 111740 h 333640"/>
                <a:gd name="connsiteX47" fmla="*/ 55474 w 235956"/>
                <a:gd name="connsiteY47" fmla="*/ 111740 h 333640"/>
                <a:gd name="connsiteX48" fmla="*/ 70123 w 235956"/>
                <a:gd name="connsiteY48" fmla="*/ 98675 h 333640"/>
                <a:gd name="connsiteX49" fmla="*/ 57058 w 235956"/>
                <a:gd name="connsiteY49" fmla="*/ 84026 h 333640"/>
                <a:gd name="connsiteX50" fmla="*/ 55474 w 235956"/>
                <a:gd name="connsiteY50" fmla="*/ 84026 h 333640"/>
                <a:gd name="connsiteX51" fmla="*/ 14061 w 235956"/>
                <a:gd name="connsiteY51" fmla="*/ 84026 h 333640"/>
                <a:gd name="connsiteX52" fmla="*/ 181 w 235956"/>
                <a:gd name="connsiteY52" fmla="*/ 97860 h 3336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235956" h="333640">
                  <a:moveTo>
                    <a:pt x="29116" y="247328"/>
                  </a:moveTo>
                  <a:cubicBezTo>
                    <a:pt x="19079" y="232047"/>
                    <a:pt x="22515" y="208808"/>
                    <a:pt x="41820" y="208808"/>
                  </a:cubicBezTo>
                  <a:cubicBezTo>
                    <a:pt x="56514" y="208808"/>
                    <a:pt x="69896" y="214731"/>
                    <a:pt x="90332" y="242084"/>
                  </a:cubicBezTo>
                  <a:lnTo>
                    <a:pt x="90332" y="111740"/>
                  </a:lnTo>
                  <a:cubicBezTo>
                    <a:pt x="90950" y="96421"/>
                    <a:pt x="103870" y="84504"/>
                    <a:pt x="119189" y="85123"/>
                  </a:cubicBezTo>
                  <a:cubicBezTo>
                    <a:pt x="133640" y="85707"/>
                    <a:pt x="145222" y="97289"/>
                    <a:pt x="145806" y="111740"/>
                  </a:cubicBezTo>
                  <a:lnTo>
                    <a:pt x="145806" y="190000"/>
                  </a:lnTo>
                  <a:lnTo>
                    <a:pt x="202365" y="209170"/>
                  </a:lnTo>
                  <a:cubicBezTo>
                    <a:pt x="220449" y="214957"/>
                    <a:pt x="225784" y="235076"/>
                    <a:pt x="221896" y="251985"/>
                  </a:cubicBezTo>
                  <a:lnTo>
                    <a:pt x="208332" y="327939"/>
                  </a:lnTo>
                  <a:cubicBezTo>
                    <a:pt x="207707" y="331335"/>
                    <a:pt x="204686" y="333763"/>
                    <a:pt x="201234" y="333636"/>
                  </a:cubicBezTo>
                  <a:lnTo>
                    <a:pt x="90332" y="333636"/>
                  </a:lnTo>
                  <a:cubicBezTo>
                    <a:pt x="88004" y="333622"/>
                    <a:pt x="85836" y="332451"/>
                    <a:pt x="84545" y="330516"/>
                  </a:cubicBezTo>
                  <a:close/>
                  <a:moveTo>
                    <a:pt x="235956" y="97860"/>
                  </a:moveTo>
                  <a:cubicBezTo>
                    <a:pt x="235932" y="90212"/>
                    <a:pt x="229725" y="84026"/>
                    <a:pt x="222077" y="84026"/>
                  </a:cubicBezTo>
                  <a:lnTo>
                    <a:pt x="180482" y="84026"/>
                  </a:lnTo>
                  <a:cubicBezTo>
                    <a:pt x="172829" y="83588"/>
                    <a:pt x="166271" y="89438"/>
                    <a:pt x="165834" y="97091"/>
                  </a:cubicBezTo>
                  <a:cubicBezTo>
                    <a:pt x="165396" y="104744"/>
                    <a:pt x="171246" y="111303"/>
                    <a:pt x="178899" y="111740"/>
                  </a:cubicBezTo>
                  <a:cubicBezTo>
                    <a:pt x="179426" y="111770"/>
                    <a:pt x="179955" y="111770"/>
                    <a:pt x="180482" y="111740"/>
                  </a:cubicBezTo>
                  <a:lnTo>
                    <a:pt x="222077" y="111740"/>
                  </a:lnTo>
                  <a:cubicBezTo>
                    <a:pt x="229742" y="111740"/>
                    <a:pt x="235956" y="105526"/>
                    <a:pt x="235956" y="97860"/>
                  </a:cubicBezTo>
                  <a:close/>
                  <a:moveTo>
                    <a:pt x="176413" y="72994"/>
                  </a:moveTo>
                  <a:lnTo>
                    <a:pt x="204128" y="45280"/>
                  </a:lnTo>
                  <a:cubicBezTo>
                    <a:pt x="209247" y="39574"/>
                    <a:pt x="208771" y="30799"/>
                    <a:pt x="203066" y="25679"/>
                  </a:cubicBezTo>
                  <a:cubicBezTo>
                    <a:pt x="197801" y="20956"/>
                    <a:pt x="189827" y="20947"/>
                    <a:pt x="184551" y="25658"/>
                  </a:cubicBezTo>
                  <a:lnTo>
                    <a:pt x="156792" y="53418"/>
                  </a:lnTo>
                  <a:cubicBezTo>
                    <a:pt x="151686" y="59135"/>
                    <a:pt x="152182" y="67909"/>
                    <a:pt x="157899" y="73015"/>
                  </a:cubicBezTo>
                  <a:cubicBezTo>
                    <a:pt x="163174" y="77727"/>
                    <a:pt x="171149" y="77717"/>
                    <a:pt x="176413" y="72994"/>
                  </a:cubicBezTo>
                  <a:close/>
                  <a:moveTo>
                    <a:pt x="131926" y="56266"/>
                  </a:moveTo>
                  <a:lnTo>
                    <a:pt x="131926" y="14672"/>
                  </a:lnTo>
                  <a:cubicBezTo>
                    <a:pt x="132363" y="7019"/>
                    <a:pt x="126514" y="460"/>
                    <a:pt x="118860" y="23"/>
                  </a:cubicBezTo>
                  <a:cubicBezTo>
                    <a:pt x="111207" y="-415"/>
                    <a:pt x="104649" y="5435"/>
                    <a:pt x="104211" y="13088"/>
                  </a:cubicBezTo>
                  <a:cubicBezTo>
                    <a:pt x="104181" y="13616"/>
                    <a:pt x="104181" y="14144"/>
                    <a:pt x="104211" y="14672"/>
                  </a:cubicBezTo>
                  <a:lnTo>
                    <a:pt x="104211" y="56266"/>
                  </a:lnTo>
                  <a:cubicBezTo>
                    <a:pt x="103774" y="63919"/>
                    <a:pt x="109624" y="70478"/>
                    <a:pt x="117277" y="70915"/>
                  </a:cubicBezTo>
                  <a:cubicBezTo>
                    <a:pt x="124930" y="71353"/>
                    <a:pt x="131489" y="65503"/>
                    <a:pt x="131926" y="57850"/>
                  </a:cubicBezTo>
                  <a:cubicBezTo>
                    <a:pt x="131956" y="57322"/>
                    <a:pt x="131956" y="56794"/>
                    <a:pt x="131926" y="56266"/>
                  </a:cubicBezTo>
                  <a:close/>
                  <a:moveTo>
                    <a:pt x="79165" y="72994"/>
                  </a:moveTo>
                  <a:cubicBezTo>
                    <a:pt x="84570" y="67630"/>
                    <a:pt x="84604" y="58899"/>
                    <a:pt x="79240" y="53493"/>
                  </a:cubicBezTo>
                  <a:cubicBezTo>
                    <a:pt x="79215" y="53468"/>
                    <a:pt x="79190" y="53443"/>
                    <a:pt x="79165" y="53418"/>
                  </a:cubicBezTo>
                  <a:lnTo>
                    <a:pt x="51586" y="25658"/>
                  </a:lnTo>
                  <a:cubicBezTo>
                    <a:pt x="45868" y="20552"/>
                    <a:pt x="37094" y="21048"/>
                    <a:pt x="31988" y="26765"/>
                  </a:cubicBezTo>
                  <a:cubicBezTo>
                    <a:pt x="27277" y="32041"/>
                    <a:pt x="27286" y="40015"/>
                    <a:pt x="32009" y="45280"/>
                  </a:cubicBezTo>
                  <a:lnTo>
                    <a:pt x="59724" y="72994"/>
                  </a:lnTo>
                  <a:cubicBezTo>
                    <a:pt x="65122" y="78290"/>
                    <a:pt x="73766" y="78290"/>
                    <a:pt x="79165" y="72994"/>
                  </a:cubicBezTo>
                  <a:close/>
                  <a:moveTo>
                    <a:pt x="0" y="97860"/>
                  </a:moveTo>
                  <a:cubicBezTo>
                    <a:pt x="0" y="105526"/>
                    <a:pt x="6214" y="111740"/>
                    <a:pt x="13880" y="111740"/>
                  </a:cubicBezTo>
                  <a:lnTo>
                    <a:pt x="55474" y="111740"/>
                  </a:lnTo>
                  <a:cubicBezTo>
                    <a:pt x="63127" y="112177"/>
                    <a:pt x="69686" y="106328"/>
                    <a:pt x="70123" y="98675"/>
                  </a:cubicBezTo>
                  <a:cubicBezTo>
                    <a:pt x="70560" y="91022"/>
                    <a:pt x="64711" y="84463"/>
                    <a:pt x="57058" y="84026"/>
                  </a:cubicBezTo>
                  <a:cubicBezTo>
                    <a:pt x="56530" y="83995"/>
                    <a:pt x="56002" y="83995"/>
                    <a:pt x="55474" y="84026"/>
                  </a:cubicBezTo>
                  <a:lnTo>
                    <a:pt x="14061" y="84026"/>
                  </a:lnTo>
                  <a:cubicBezTo>
                    <a:pt x="6413" y="84026"/>
                    <a:pt x="206" y="90212"/>
                    <a:pt x="181" y="97860"/>
                  </a:cubicBezTo>
                  <a:close/>
                </a:path>
              </a:pathLst>
            </a:custGeom>
            <a:solidFill>
              <a:schemeClr val="accent1"/>
            </a:solidFill>
            <a:ln w="4498" cap="flat">
              <a:noFill/>
              <a:prstDash val="solid"/>
              <a:miter/>
            </a:ln>
          </p:spPr>
          <p:txBody>
            <a:bodyPr rtlCol="0" anchor="ctr"/>
            <a:lstStyle/>
            <a:p>
              <a:endParaRPr lang="en-US"/>
            </a:p>
          </p:txBody>
        </p:sp>
        <p:sp>
          <p:nvSpPr>
            <p:cNvPr id="30" name="Graphic 33">
              <a:extLst>
                <a:ext uri="{FF2B5EF4-FFF2-40B4-BE49-F238E27FC236}">
                  <a16:creationId xmlns:a16="http://schemas.microsoft.com/office/drawing/2014/main" id="{AD28BBB0-84B0-7743-A879-F691405E1650}"/>
                </a:ext>
              </a:extLst>
            </p:cNvPr>
            <p:cNvSpPr/>
            <p:nvPr/>
          </p:nvSpPr>
          <p:spPr>
            <a:xfrm>
              <a:off x="10541550" y="2751817"/>
              <a:ext cx="71029" cy="72221"/>
            </a:xfrm>
            <a:custGeom>
              <a:avLst/>
              <a:gdLst>
                <a:gd name="connsiteX0" fmla="*/ 11452 w 71029"/>
                <a:gd name="connsiteY0" fmla="*/ 43815 h 72221"/>
                <a:gd name="connsiteX1" fmla="*/ 29084 w 71029"/>
                <a:gd name="connsiteY1" fmla="*/ 42911 h 72221"/>
                <a:gd name="connsiteX2" fmla="*/ 30034 w 71029"/>
                <a:gd name="connsiteY2" fmla="*/ 61674 h 72221"/>
                <a:gd name="connsiteX3" fmla="*/ 37448 w 71029"/>
                <a:gd name="connsiteY3" fmla="*/ 72095 h 72221"/>
                <a:gd name="connsiteX4" fmla="*/ 47865 w 71029"/>
                <a:gd name="connsiteY4" fmla="*/ 64680 h 72221"/>
                <a:gd name="connsiteX5" fmla="*/ 47666 w 71029"/>
                <a:gd name="connsiteY5" fmla="*/ 60770 h 72221"/>
                <a:gd name="connsiteX6" fmla="*/ 46716 w 71029"/>
                <a:gd name="connsiteY6" fmla="*/ 42007 h 72221"/>
                <a:gd name="connsiteX7" fmla="*/ 64394 w 71029"/>
                <a:gd name="connsiteY7" fmla="*/ 41103 h 72221"/>
                <a:gd name="connsiteX8" fmla="*/ 70701 w 71029"/>
                <a:gd name="connsiteY8" fmla="*/ 29981 h 72221"/>
                <a:gd name="connsiteX9" fmla="*/ 63490 w 71029"/>
                <a:gd name="connsiteY9" fmla="*/ 23470 h 72221"/>
                <a:gd name="connsiteX10" fmla="*/ 45812 w 71029"/>
                <a:gd name="connsiteY10" fmla="*/ 24375 h 72221"/>
                <a:gd name="connsiteX11" fmla="*/ 44953 w 71029"/>
                <a:gd name="connsiteY11" fmla="*/ 6742 h 72221"/>
                <a:gd name="connsiteX12" fmla="*/ 33908 w 71029"/>
                <a:gd name="connsiteY12" fmla="*/ 300 h 72221"/>
                <a:gd name="connsiteX13" fmla="*/ 27276 w 71029"/>
                <a:gd name="connsiteY13" fmla="*/ 7647 h 72221"/>
                <a:gd name="connsiteX14" fmla="*/ 28180 w 71029"/>
                <a:gd name="connsiteY14" fmla="*/ 25279 h 72221"/>
                <a:gd name="connsiteX15" fmla="*/ 10548 w 71029"/>
                <a:gd name="connsiteY15" fmla="*/ 26183 h 72221"/>
                <a:gd name="connsiteX16" fmla="*/ 126 w 71029"/>
                <a:gd name="connsiteY16" fmla="*/ 33598 h 72221"/>
                <a:gd name="connsiteX17" fmla="*/ 7541 w 71029"/>
                <a:gd name="connsiteY17" fmla="*/ 44014 h 72221"/>
                <a:gd name="connsiteX18" fmla="*/ 11452 w 71029"/>
                <a:gd name="connsiteY18" fmla="*/ 43815 h 722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71029" h="72221">
                  <a:moveTo>
                    <a:pt x="11452" y="43815"/>
                  </a:moveTo>
                  <a:lnTo>
                    <a:pt x="29084" y="42911"/>
                  </a:lnTo>
                  <a:lnTo>
                    <a:pt x="30034" y="61674"/>
                  </a:lnTo>
                  <a:cubicBezTo>
                    <a:pt x="29202" y="66597"/>
                    <a:pt x="32525" y="71263"/>
                    <a:pt x="37448" y="72095"/>
                  </a:cubicBezTo>
                  <a:cubicBezTo>
                    <a:pt x="42372" y="72922"/>
                    <a:pt x="47037" y="69604"/>
                    <a:pt x="47865" y="64680"/>
                  </a:cubicBezTo>
                  <a:cubicBezTo>
                    <a:pt x="48086" y="63378"/>
                    <a:pt x="48019" y="62045"/>
                    <a:pt x="47666" y="60770"/>
                  </a:cubicBezTo>
                  <a:lnTo>
                    <a:pt x="46716" y="42007"/>
                  </a:lnTo>
                  <a:lnTo>
                    <a:pt x="64394" y="41103"/>
                  </a:lnTo>
                  <a:cubicBezTo>
                    <a:pt x="69209" y="39774"/>
                    <a:pt x="72030" y="34791"/>
                    <a:pt x="70701" y="29981"/>
                  </a:cubicBezTo>
                  <a:cubicBezTo>
                    <a:pt x="69765" y="26595"/>
                    <a:pt x="66953" y="24054"/>
                    <a:pt x="63490" y="23470"/>
                  </a:cubicBezTo>
                  <a:lnTo>
                    <a:pt x="45812" y="24375"/>
                  </a:lnTo>
                  <a:lnTo>
                    <a:pt x="44953" y="6742"/>
                  </a:lnTo>
                  <a:cubicBezTo>
                    <a:pt x="43683" y="1914"/>
                    <a:pt x="38737" y="-971"/>
                    <a:pt x="33908" y="300"/>
                  </a:cubicBezTo>
                  <a:cubicBezTo>
                    <a:pt x="30431" y="1218"/>
                    <a:pt x="27832" y="4097"/>
                    <a:pt x="27276" y="7647"/>
                  </a:cubicBezTo>
                  <a:lnTo>
                    <a:pt x="28180" y="25279"/>
                  </a:lnTo>
                  <a:lnTo>
                    <a:pt x="10548" y="26183"/>
                  </a:lnTo>
                  <a:cubicBezTo>
                    <a:pt x="5624" y="25351"/>
                    <a:pt x="958" y="28674"/>
                    <a:pt x="126" y="33598"/>
                  </a:cubicBezTo>
                  <a:cubicBezTo>
                    <a:pt x="-701" y="38521"/>
                    <a:pt x="2618" y="43187"/>
                    <a:pt x="7541" y="44014"/>
                  </a:cubicBezTo>
                  <a:cubicBezTo>
                    <a:pt x="8843" y="44236"/>
                    <a:pt x="10177" y="44168"/>
                    <a:pt x="11452" y="43815"/>
                  </a:cubicBezTo>
                  <a:close/>
                </a:path>
              </a:pathLst>
            </a:custGeom>
            <a:solidFill>
              <a:schemeClr val="accent1"/>
            </a:solidFill>
            <a:ln w="4498" cap="flat">
              <a:noFill/>
              <a:prstDash val="solid"/>
              <a:miter/>
            </a:ln>
          </p:spPr>
          <p:txBody>
            <a:bodyPr rtlCol="0" anchor="ctr"/>
            <a:lstStyle/>
            <a:p>
              <a:endParaRPr lang="en-US"/>
            </a:p>
          </p:txBody>
        </p:sp>
        <p:sp>
          <p:nvSpPr>
            <p:cNvPr id="31" name="Graphic 33">
              <a:extLst>
                <a:ext uri="{FF2B5EF4-FFF2-40B4-BE49-F238E27FC236}">
                  <a16:creationId xmlns:a16="http://schemas.microsoft.com/office/drawing/2014/main" id="{F702350F-F82C-7945-90FD-CFF830FE0DB0}"/>
                </a:ext>
              </a:extLst>
            </p:cNvPr>
            <p:cNvSpPr/>
            <p:nvPr/>
          </p:nvSpPr>
          <p:spPr>
            <a:xfrm>
              <a:off x="9795853" y="2498370"/>
              <a:ext cx="935823" cy="340394"/>
            </a:xfrm>
            <a:custGeom>
              <a:avLst/>
              <a:gdLst>
                <a:gd name="connsiteX0" fmla="*/ 905170 w 935823"/>
                <a:gd name="connsiteY0" fmla="*/ 149875 h 340394"/>
                <a:gd name="connsiteX1" fmla="*/ 783101 w 935823"/>
                <a:gd name="connsiteY1" fmla="*/ 149875 h 340394"/>
                <a:gd name="connsiteX2" fmla="*/ 774058 w 935823"/>
                <a:gd name="connsiteY2" fmla="*/ 140832 h 340394"/>
                <a:gd name="connsiteX3" fmla="*/ 783101 w 935823"/>
                <a:gd name="connsiteY3" fmla="*/ 131790 h 340394"/>
                <a:gd name="connsiteX4" fmla="*/ 905170 w 935823"/>
                <a:gd name="connsiteY4" fmla="*/ 131790 h 340394"/>
                <a:gd name="connsiteX5" fmla="*/ 914212 w 935823"/>
                <a:gd name="connsiteY5" fmla="*/ 140832 h 340394"/>
                <a:gd name="connsiteX6" fmla="*/ 905170 w 935823"/>
                <a:gd name="connsiteY6" fmla="*/ 149875 h 340394"/>
                <a:gd name="connsiteX7" fmla="*/ 868549 w 935823"/>
                <a:gd name="connsiteY7" fmla="*/ 74824 h 340394"/>
                <a:gd name="connsiteX8" fmla="*/ 859507 w 935823"/>
                <a:gd name="connsiteY8" fmla="*/ 65782 h 340394"/>
                <a:gd name="connsiteX9" fmla="*/ 748107 w 935823"/>
                <a:gd name="connsiteY9" fmla="*/ 65782 h 340394"/>
                <a:gd name="connsiteX10" fmla="*/ 739065 w 935823"/>
                <a:gd name="connsiteY10" fmla="*/ 74824 h 340394"/>
                <a:gd name="connsiteX11" fmla="*/ 748107 w 935823"/>
                <a:gd name="connsiteY11" fmla="*/ 83867 h 340394"/>
                <a:gd name="connsiteX12" fmla="*/ 859733 w 935823"/>
                <a:gd name="connsiteY12" fmla="*/ 83867 h 340394"/>
                <a:gd name="connsiteX13" fmla="*/ 868549 w 935823"/>
                <a:gd name="connsiteY13" fmla="*/ 74824 h 340394"/>
                <a:gd name="connsiteX14" fmla="*/ 184371 w 935823"/>
                <a:gd name="connsiteY14" fmla="*/ 331352 h 340394"/>
                <a:gd name="connsiteX15" fmla="*/ 175328 w 935823"/>
                <a:gd name="connsiteY15" fmla="*/ 322310 h 340394"/>
                <a:gd name="connsiteX16" fmla="*/ 55022 w 935823"/>
                <a:gd name="connsiteY16" fmla="*/ 322310 h 340394"/>
                <a:gd name="connsiteX17" fmla="*/ 45980 w 935823"/>
                <a:gd name="connsiteY17" fmla="*/ 331352 h 340394"/>
                <a:gd name="connsiteX18" fmla="*/ 55022 w 935823"/>
                <a:gd name="connsiteY18" fmla="*/ 340394 h 340394"/>
                <a:gd name="connsiteX19" fmla="*/ 175283 w 935823"/>
                <a:gd name="connsiteY19" fmla="*/ 340394 h 340394"/>
                <a:gd name="connsiteX20" fmla="*/ 184371 w 935823"/>
                <a:gd name="connsiteY20" fmla="*/ 331397 h 340394"/>
                <a:gd name="connsiteX21" fmla="*/ 184371 w 935823"/>
                <a:gd name="connsiteY21" fmla="*/ 331352 h 340394"/>
                <a:gd name="connsiteX22" fmla="*/ 212492 w 935823"/>
                <a:gd name="connsiteY22" fmla="*/ 265751 h 340394"/>
                <a:gd name="connsiteX23" fmla="*/ 203450 w 935823"/>
                <a:gd name="connsiteY23" fmla="*/ 256708 h 340394"/>
                <a:gd name="connsiteX24" fmla="*/ 9042 w 935823"/>
                <a:gd name="connsiteY24" fmla="*/ 256708 h 340394"/>
                <a:gd name="connsiteX25" fmla="*/ 0 w 935823"/>
                <a:gd name="connsiteY25" fmla="*/ 265751 h 340394"/>
                <a:gd name="connsiteX26" fmla="*/ 9042 w 935823"/>
                <a:gd name="connsiteY26" fmla="*/ 274793 h 340394"/>
                <a:gd name="connsiteX27" fmla="*/ 203450 w 935823"/>
                <a:gd name="connsiteY27" fmla="*/ 274793 h 340394"/>
                <a:gd name="connsiteX28" fmla="*/ 212492 w 935823"/>
                <a:gd name="connsiteY28" fmla="*/ 265751 h 340394"/>
                <a:gd name="connsiteX29" fmla="*/ 100007 w 935823"/>
                <a:gd name="connsiteY29" fmla="*/ 200149 h 340394"/>
                <a:gd name="connsiteX30" fmla="*/ 90965 w 935823"/>
                <a:gd name="connsiteY30" fmla="*/ 191107 h 340394"/>
                <a:gd name="connsiteX31" fmla="*/ 23962 w 935823"/>
                <a:gd name="connsiteY31" fmla="*/ 191107 h 340394"/>
                <a:gd name="connsiteX32" fmla="*/ 14920 w 935823"/>
                <a:gd name="connsiteY32" fmla="*/ 200149 h 340394"/>
                <a:gd name="connsiteX33" fmla="*/ 23962 w 935823"/>
                <a:gd name="connsiteY33" fmla="*/ 209192 h 340394"/>
                <a:gd name="connsiteX34" fmla="*/ 90919 w 935823"/>
                <a:gd name="connsiteY34" fmla="*/ 209192 h 340394"/>
                <a:gd name="connsiteX35" fmla="*/ 100007 w 935823"/>
                <a:gd name="connsiteY35" fmla="*/ 200195 h 340394"/>
                <a:gd name="connsiteX36" fmla="*/ 100007 w 935823"/>
                <a:gd name="connsiteY36" fmla="*/ 200149 h 340394"/>
                <a:gd name="connsiteX37" fmla="*/ 935823 w 935823"/>
                <a:gd name="connsiteY37" fmla="*/ 9042 h 340394"/>
                <a:gd name="connsiteX38" fmla="*/ 926781 w 935823"/>
                <a:gd name="connsiteY38" fmla="*/ 0 h 340394"/>
                <a:gd name="connsiteX39" fmla="*/ 803671 w 935823"/>
                <a:gd name="connsiteY39" fmla="*/ 0 h 340394"/>
                <a:gd name="connsiteX40" fmla="*/ 794629 w 935823"/>
                <a:gd name="connsiteY40" fmla="*/ 9042 h 340394"/>
                <a:gd name="connsiteX41" fmla="*/ 803671 w 935823"/>
                <a:gd name="connsiteY41" fmla="*/ 18084 h 340394"/>
                <a:gd name="connsiteX42" fmla="*/ 926781 w 935823"/>
                <a:gd name="connsiteY42" fmla="*/ 18084 h 340394"/>
                <a:gd name="connsiteX43" fmla="*/ 935823 w 935823"/>
                <a:gd name="connsiteY43" fmla="*/ 9042 h 3403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935823" h="340394">
                  <a:moveTo>
                    <a:pt x="905170" y="149875"/>
                  </a:moveTo>
                  <a:lnTo>
                    <a:pt x="783101" y="149875"/>
                  </a:lnTo>
                  <a:cubicBezTo>
                    <a:pt x="778105" y="149875"/>
                    <a:pt x="774058" y="145828"/>
                    <a:pt x="774058" y="140832"/>
                  </a:cubicBezTo>
                  <a:cubicBezTo>
                    <a:pt x="774058" y="135837"/>
                    <a:pt x="778105" y="131790"/>
                    <a:pt x="783101" y="131790"/>
                  </a:cubicBezTo>
                  <a:lnTo>
                    <a:pt x="905170" y="131790"/>
                  </a:lnTo>
                  <a:cubicBezTo>
                    <a:pt x="910166" y="131790"/>
                    <a:pt x="914212" y="135837"/>
                    <a:pt x="914212" y="140832"/>
                  </a:cubicBezTo>
                  <a:cubicBezTo>
                    <a:pt x="914212" y="145828"/>
                    <a:pt x="910166" y="149875"/>
                    <a:pt x="905170" y="149875"/>
                  </a:cubicBezTo>
                  <a:close/>
                  <a:moveTo>
                    <a:pt x="868549" y="74824"/>
                  </a:moveTo>
                  <a:cubicBezTo>
                    <a:pt x="868549" y="69829"/>
                    <a:pt x="864503" y="65782"/>
                    <a:pt x="859507" y="65782"/>
                  </a:cubicBezTo>
                  <a:lnTo>
                    <a:pt x="748107" y="65782"/>
                  </a:lnTo>
                  <a:cubicBezTo>
                    <a:pt x="743111" y="65782"/>
                    <a:pt x="739065" y="69829"/>
                    <a:pt x="739065" y="74824"/>
                  </a:cubicBezTo>
                  <a:cubicBezTo>
                    <a:pt x="739065" y="79820"/>
                    <a:pt x="743111" y="83867"/>
                    <a:pt x="748107" y="83867"/>
                  </a:cubicBezTo>
                  <a:lnTo>
                    <a:pt x="859733" y="83867"/>
                  </a:lnTo>
                  <a:cubicBezTo>
                    <a:pt x="864639" y="83744"/>
                    <a:pt x="868549" y="79730"/>
                    <a:pt x="868549" y="74824"/>
                  </a:cubicBezTo>
                  <a:close/>
                  <a:moveTo>
                    <a:pt x="184371" y="331352"/>
                  </a:moveTo>
                  <a:cubicBezTo>
                    <a:pt x="184371" y="326356"/>
                    <a:pt x="180322" y="322310"/>
                    <a:pt x="175328" y="322310"/>
                  </a:cubicBezTo>
                  <a:lnTo>
                    <a:pt x="55022" y="322310"/>
                  </a:lnTo>
                  <a:cubicBezTo>
                    <a:pt x="50028" y="322310"/>
                    <a:pt x="45980" y="326356"/>
                    <a:pt x="45980" y="331352"/>
                  </a:cubicBezTo>
                  <a:cubicBezTo>
                    <a:pt x="45980" y="336348"/>
                    <a:pt x="50028" y="340394"/>
                    <a:pt x="55022" y="340394"/>
                  </a:cubicBezTo>
                  <a:lnTo>
                    <a:pt x="175283" y="340394"/>
                  </a:lnTo>
                  <a:cubicBezTo>
                    <a:pt x="180277" y="340421"/>
                    <a:pt x="184346" y="336393"/>
                    <a:pt x="184371" y="331397"/>
                  </a:cubicBezTo>
                  <a:cubicBezTo>
                    <a:pt x="184371" y="331384"/>
                    <a:pt x="184371" y="331366"/>
                    <a:pt x="184371" y="331352"/>
                  </a:cubicBezTo>
                  <a:close/>
                  <a:moveTo>
                    <a:pt x="212492" y="265751"/>
                  </a:moveTo>
                  <a:cubicBezTo>
                    <a:pt x="212492" y="260755"/>
                    <a:pt x="208446" y="256708"/>
                    <a:pt x="203450" y="256708"/>
                  </a:cubicBezTo>
                  <a:lnTo>
                    <a:pt x="9042" y="256708"/>
                  </a:lnTo>
                  <a:cubicBezTo>
                    <a:pt x="4048" y="256708"/>
                    <a:pt x="0" y="260755"/>
                    <a:pt x="0" y="265751"/>
                  </a:cubicBezTo>
                  <a:cubicBezTo>
                    <a:pt x="0" y="270747"/>
                    <a:pt x="4048" y="274793"/>
                    <a:pt x="9042" y="274793"/>
                  </a:cubicBezTo>
                  <a:lnTo>
                    <a:pt x="203450" y="274793"/>
                  </a:lnTo>
                  <a:cubicBezTo>
                    <a:pt x="208446" y="274793"/>
                    <a:pt x="212492" y="270747"/>
                    <a:pt x="212492" y="265751"/>
                  </a:cubicBezTo>
                  <a:close/>
                  <a:moveTo>
                    <a:pt x="100007" y="200149"/>
                  </a:moveTo>
                  <a:cubicBezTo>
                    <a:pt x="100007" y="195154"/>
                    <a:pt x="95959" y="191107"/>
                    <a:pt x="90965" y="191107"/>
                  </a:cubicBezTo>
                  <a:lnTo>
                    <a:pt x="23962" y="191107"/>
                  </a:lnTo>
                  <a:cubicBezTo>
                    <a:pt x="18968" y="191107"/>
                    <a:pt x="14920" y="195154"/>
                    <a:pt x="14920" y="200149"/>
                  </a:cubicBezTo>
                  <a:cubicBezTo>
                    <a:pt x="14920" y="205145"/>
                    <a:pt x="18968" y="209192"/>
                    <a:pt x="23962" y="209192"/>
                  </a:cubicBezTo>
                  <a:lnTo>
                    <a:pt x="90919" y="209192"/>
                  </a:lnTo>
                  <a:cubicBezTo>
                    <a:pt x="95913" y="209219"/>
                    <a:pt x="99982" y="205190"/>
                    <a:pt x="100007" y="200195"/>
                  </a:cubicBezTo>
                  <a:cubicBezTo>
                    <a:pt x="100007" y="200181"/>
                    <a:pt x="100007" y="200163"/>
                    <a:pt x="100007" y="200149"/>
                  </a:cubicBezTo>
                  <a:close/>
                  <a:moveTo>
                    <a:pt x="935823" y="9042"/>
                  </a:moveTo>
                  <a:cubicBezTo>
                    <a:pt x="935823" y="4046"/>
                    <a:pt x="931777" y="0"/>
                    <a:pt x="926781" y="0"/>
                  </a:cubicBezTo>
                  <a:lnTo>
                    <a:pt x="803671" y="0"/>
                  </a:lnTo>
                  <a:cubicBezTo>
                    <a:pt x="798676" y="0"/>
                    <a:pt x="794629" y="4046"/>
                    <a:pt x="794629" y="9042"/>
                  </a:cubicBezTo>
                  <a:cubicBezTo>
                    <a:pt x="794629" y="14038"/>
                    <a:pt x="798676" y="18084"/>
                    <a:pt x="803671" y="18084"/>
                  </a:cubicBezTo>
                  <a:lnTo>
                    <a:pt x="926781" y="18084"/>
                  </a:lnTo>
                  <a:cubicBezTo>
                    <a:pt x="931777" y="18084"/>
                    <a:pt x="935823" y="14038"/>
                    <a:pt x="935823" y="9042"/>
                  </a:cubicBezTo>
                  <a:close/>
                </a:path>
              </a:pathLst>
            </a:custGeom>
            <a:solidFill>
              <a:schemeClr val="accent2"/>
            </a:solidFill>
            <a:ln w="4498" cap="flat">
              <a:noFill/>
              <a:prstDash val="solid"/>
              <a:miter/>
            </a:ln>
          </p:spPr>
          <p:txBody>
            <a:bodyPr rtlCol="0" anchor="ctr"/>
            <a:lstStyle/>
            <a:p>
              <a:endParaRPr lang="en-US"/>
            </a:p>
          </p:txBody>
        </p:sp>
        <p:sp>
          <p:nvSpPr>
            <p:cNvPr id="32" name="Graphic 33">
              <a:extLst>
                <a:ext uri="{FF2B5EF4-FFF2-40B4-BE49-F238E27FC236}">
                  <a16:creationId xmlns:a16="http://schemas.microsoft.com/office/drawing/2014/main" id="{22C5DD59-17F9-1144-B384-E133FED7928B}"/>
                </a:ext>
              </a:extLst>
            </p:cNvPr>
            <p:cNvSpPr/>
            <p:nvPr/>
          </p:nvSpPr>
          <p:spPr>
            <a:xfrm>
              <a:off x="9705521" y="2073746"/>
              <a:ext cx="1091417" cy="1093418"/>
            </a:xfrm>
            <a:custGeom>
              <a:avLst/>
              <a:gdLst>
                <a:gd name="connsiteX0" fmla="*/ 544567 w 1091417"/>
                <a:gd name="connsiteY0" fmla="*/ 2 h 1093418"/>
                <a:gd name="connsiteX1" fmla="*/ 156747 w 1091417"/>
                <a:gd name="connsiteY1" fmla="*/ 161406 h 1093418"/>
                <a:gd name="connsiteX2" fmla="*/ 169587 w 1091417"/>
                <a:gd name="connsiteY2" fmla="*/ 174155 h 1093418"/>
                <a:gd name="connsiteX3" fmla="*/ 916957 w 1091417"/>
                <a:gd name="connsiteY3" fmla="*/ 172014 h 1093418"/>
                <a:gd name="connsiteX4" fmla="*/ 919095 w 1091417"/>
                <a:gd name="connsiteY4" fmla="*/ 919383 h 1093418"/>
                <a:gd name="connsiteX5" fmla="*/ 894681 w 1091417"/>
                <a:gd name="connsiteY5" fmla="*/ 942427 h 1093418"/>
                <a:gd name="connsiteX6" fmla="*/ 887312 w 1091417"/>
                <a:gd name="connsiteY6" fmla="*/ 920093 h 1093418"/>
                <a:gd name="connsiteX7" fmla="*/ 636978 w 1091417"/>
                <a:gd name="connsiteY7" fmla="*/ 784821 h 1093418"/>
                <a:gd name="connsiteX8" fmla="*/ 636978 w 1091417"/>
                <a:gd name="connsiteY8" fmla="*/ 743543 h 1093418"/>
                <a:gd name="connsiteX9" fmla="*/ 636978 w 1091417"/>
                <a:gd name="connsiteY9" fmla="*/ 730658 h 1093418"/>
                <a:gd name="connsiteX10" fmla="*/ 743812 w 1091417"/>
                <a:gd name="connsiteY10" fmla="*/ 594528 h 1093418"/>
                <a:gd name="connsiteX11" fmla="*/ 743812 w 1091417"/>
                <a:gd name="connsiteY11" fmla="*/ 594528 h 1093418"/>
                <a:gd name="connsiteX12" fmla="*/ 747067 w 1091417"/>
                <a:gd name="connsiteY12" fmla="*/ 587927 h 1093418"/>
                <a:gd name="connsiteX13" fmla="*/ 786717 w 1091417"/>
                <a:gd name="connsiteY13" fmla="*/ 503066 h 1093418"/>
                <a:gd name="connsiteX14" fmla="*/ 774420 w 1091417"/>
                <a:gd name="connsiteY14" fmla="*/ 414678 h 1093418"/>
                <a:gd name="connsiteX15" fmla="*/ 737889 w 1091417"/>
                <a:gd name="connsiteY15" fmla="*/ 191968 h 1093418"/>
                <a:gd name="connsiteX16" fmla="*/ 545697 w 1091417"/>
                <a:gd name="connsiteY16" fmla="*/ 133601 h 1093418"/>
                <a:gd name="connsiteX17" fmla="*/ 544703 w 1091417"/>
                <a:gd name="connsiteY17" fmla="*/ 133601 h 1093418"/>
                <a:gd name="connsiteX18" fmla="*/ 347763 w 1091417"/>
                <a:gd name="connsiteY18" fmla="*/ 194455 h 1093418"/>
                <a:gd name="connsiteX19" fmla="*/ 316116 w 1091417"/>
                <a:gd name="connsiteY19" fmla="*/ 405545 h 1093418"/>
                <a:gd name="connsiteX20" fmla="*/ 316613 w 1091417"/>
                <a:gd name="connsiteY20" fmla="*/ 414045 h 1093418"/>
                <a:gd name="connsiteX21" fmla="*/ 303050 w 1091417"/>
                <a:gd name="connsiteY21" fmla="*/ 502930 h 1093418"/>
                <a:gd name="connsiteX22" fmla="*/ 345955 w 1091417"/>
                <a:gd name="connsiteY22" fmla="*/ 588470 h 1093418"/>
                <a:gd name="connsiteX23" fmla="*/ 346452 w 1091417"/>
                <a:gd name="connsiteY23" fmla="*/ 588470 h 1093418"/>
                <a:gd name="connsiteX24" fmla="*/ 454371 w 1091417"/>
                <a:gd name="connsiteY24" fmla="*/ 729619 h 1093418"/>
                <a:gd name="connsiteX25" fmla="*/ 454371 w 1091417"/>
                <a:gd name="connsiteY25" fmla="*/ 742413 h 1093418"/>
                <a:gd name="connsiteX26" fmla="*/ 454371 w 1091417"/>
                <a:gd name="connsiteY26" fmla="*/ 784550 h 1093418"/>
                <a:gd name="connsiteX27" fmla="*/ 203992 w 1091417"/>
                <a:gd name="connsiteY27" fmla="*/ 919822 h 1093418"/>
                <a:gd name="connsiteX28" fmla="*/ 196216 w 1091417"/>
                <a:gd name="connsiteY28" fmla="*/ 943829 h 1093418"/>
                <a:gd name="connsiteX29" fmla="*/ 186360 w 1091417"/>
                <a:gd name="connsiteY29" fmla="*/ 934786 h 1093418"/>
                <a:gd name="connsiteX30" fmla="*/ 18084 w 1091417"/>
                <a:gd name="connsiteY30" fmla="*/ 591860 h 1093418"/>
                <a:gd name="connsiteX31" fmla="*/ 0 w 1091417"/>
                <a:gd name="connsiteY31" fmla="*/ 593398 h 1093418"/>
                <a:gd name="connsiteX32" fmla="*/ 591397 w 1091417"/>
                <a:gd name="connsiteY32" fmla="*/ 1091389 h 1093418"/>
                <a:gd name="connsiteX33" fmla="*/ 1089387 w 1091417"/>
                <a:gd name="connsiteY33" fmla="*/ 499991 h 1093418"/>
                <a:gd name="connsiteX34" fmla="*/ 544567 w 1091417"/>
                <a:gd name="connsiteY34" fmla="*/ 2 h 1093418"/>
                <a:gd name="connsiteX35" fmla="*/ 637295 w 1091417"/>
                <a:gd name="connsiteY35" fmla="*/ 802815 h 1093418"/>
                <a:gd name="connsiteX36" fmla="*/ 545562 w 1091417"/>
                <a:gd name="connsiteY36" fmla="*/ 814751 h 1093418"/>
                <a:gd name="connsiteX37" fmla="*/ 454687 w 1091417"/>
                <a:gd name="connsiteY37" fmla="*/ 802589 h 1093418"/>
                <a:gd name="connsiteX38" fmla="*/ 472772 w 1091417"/>
                <a:gd name="connsiteY38" fmla="*/ 795175 h 1093418"/>
                <a:gd name="connsiteX39" fmla="*/ 475530 w 1091417"/>
                <a:gd name="connsiteY39" fmla="*/ 793999 h 1093418"/>
                <a:gd name="connsiteX40" fmla="*/ 475530 w 1091417"/>
                <a:gd name="connsiteY40" fmla="*/ 790834 h 1093418"/>
                <a:gd name="connsiteX41" fmla="*/ 475530 w 1091417"/>
                <a:gd name="connsiteY41" fmla="*/ 741102 h 1093418"/>
                <a:gd name="connsiteX42" fmla="*/ 546149 w 1091417"/>
                <a:gd name="connsiteY42" fmla="*/ 755751 h 1093418"/>
                <a:gd name="connsiteX43" fmla="*/ 615820 w 1091417"/>
                <a:gd name="connsiteY43" fmla="*/ 741645 h 1093418"/>
                <a:gd name="connsiteX44" fmla="*/ 615820 w 1091417"/>
                <a:gd name="connsiteY44" fmla="*/ 790789 h 1093418"/>
                <a:gd name="connsiteX45" fmla="*/ 615820 w 1091417"/>
                <a:gd name="connsiteY45" fmla="*/ 793863 h 1093418"/>
                <a:gd name="connsiteX46" fmla="*/ 735900 w 1091417"/>
                <a:gd name="connsiteY46" fmla="*/ 447230 h 1093418"/>
                <a:gd name="connsiteX47" fmla="*/ 758144 w 1091417"/>
                <a:gd name="connsiteY47" fmla="*/ 428874 h 1093418"/>
                <a:gd name="connsiteX48" fmla="*/ 764609 w 1091417"/>
                <a:gd name="connsiteY48" fmla="*/ 443206 h 1093418"/>
                <a:gd name="connsiteX49" fmla="*/ 746208 w 1091417"/>
                <a:gd name="connsiteY49" fmla="*/ 563242 h 1093418"/>
                <a:gd name="connsiteX50" fmla="*/ 735900 w 1091417"/>
                <a:gd name="connsiteY50" fmla="*/ 447230 h 1093418"/>
                <a:gd name="connsiteX51" fmla="*/ 345638 w 1091417"/>
                <a:gd name="connsiteY51" fmla="*/ 564372 h 1093418"/>
                <a:gd name="connsiteX52" fmla="*/ 323033 w 1091417"/>
                <a:gd name="connsiteY52" fmla="*/ 482992 h 1093418"/>
                <a:gd name="connsiteX53" fmla="*/ 331533 w 1091417"/>
                <a:gd name="connsiteY53" fmla="*/ 429914 h 1093418"/>
                <a:gd name="connsiteX54" fmla="*/ 354726 w 1091417"/>
                <a:gd name="connsiteY54" fmla="*/ 446733 h 1093418"/>
                <a:gd name="connsiteX55" fmla="*/ 345638 w 1091417"/>
                <a:gd name="connsiteY55" fmla="*/ 564372 h 1093418"/>
                <a:gd name="connsiteX56" fmla="*/ 422497 w 1091417"/>
                <a:gd name="connsiteY56" fmla="*/ 568441 h 1093418"/>
                <a:gd name="connsiteX57" fmla="*/ 387685 w 1091417"/>
                <a:gd name="connsiteY57" fmla="*/ 419244 h 1093418"/>
                <a:gd name="connsiteX58" fmla="*/ 405136 w 1091417"/>
                <a:gd name="connsiteY58" fmla="*/ 355587 h 1093418"/>
                <a:gd name="connsiteX59" fmla="*/ 431539 w 1091417"/>
                <a:gd name="connsiteY59" fmla="*/ 302148 h 1093418"/>
                <a:gd name="connsiteX60" fmla="*/ 564008 w 1091417"/>
                <a:gd name="connsiteY60" fmla="*/ 323126 h 1093418"/>
                <a:gd name="connsiteX61" fmla="*/ 703348 w 1091417"/>
                <a:gd name="connsiteY61" fmla="*/ 419606 h 1093418"/>
                <a:gd name="connsiteX62" fmla="*/ 703348 w 1091417"/>
                <a:gd name="connsiteY62" fmla="*/ 429146 h 1093418"/>
                <a:gd name="connsiteX63" fmla="*/ 669711 w 1091417"/>
                <a:gd name="connsiteY63" fmla="*/ 568577 h 1093418"/>
                <a:gd name="connsiteX64" fmla="*/ 595746 w 1091417"/>
                <a:gd name="connsiteY64" fmla="*/ 570882 h 1093418"/>
                <a:gd name="connsiteX65" fmla="*/ 546014 w 1091417"/>
                <a:gd name="connsiteY65" fmla="*/ 564372 h 1093418"/>
                <a:gd name="connsiteX66" fmla="*/ 546014 w 1091417"/>
                <a:gd name="connsiteY66" fmla="*/ 564372 h 1093418"/>
                <a:gd name="connsiteX67" fmla="*/ 496282 w 1091417"/>
                <a:gd name="connsiteY67" fmla="*/ 570882 h 1093418"/>
                <a:gd name="connsiteX68" fmla="*/ 422497 w 1091417"/>
                <a:gd name="connsiteY68" fmla="*/ 568441 h 1093418"/>
                <a:gd name="connsiteX69" fmla="*/ 544567 w 1091417"/>
                <a:gd name="connsiteY69" fmla="*/ 1075257 h 1093418"/>
                <a:gd name="connsiteX70" fmla="*/ 214526 w 1091417"/>
                <a:gd name="connsiteY70" fmla="*/ 959472 h 1093418"/>
                <a:gd name="connsiteX71" fmla="*/ 415444 w 1091417"/>
                <a:gd name="connsiteY71" fmla="*/ 811270 h 1093418"/>
                <a:gd name="connsiteX72" fmla="*/ 545652 w 1091417"/>
                <a:gd name="connsiteY72" fmla="*/ 836045 h 1093418"/>
                <a:gd name="connsiteX73" fmla="*/ 675860 w 1091417"/>
                <a:gd name="connsiteY73" fmla="*/ 811270 h 1093418"/>
                <a:gd name="connsiteX74" fmla="*/ 876461 w 1091417"/>
                <a:gd name="connsiteY74" fmla="*/ 957844 h 1093418"/>
                <a:gd name="connsiteX75" fmla="*/ 544567 w 1091417"/>
                <a:gd name="connsiteY75" fmla="*/ 1075257 h 10934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Lst>
              <a:rect l="l" t="t" r="r" b="b"/>
              <a:pathLst>
                <a:path w="1091417" h="1093418">
                  <a:moveTo>
                    <a:pt x="544567" y="2"/>
                  </a:moveTo>
                  <a:cubicBezTo>
                    <a:pt x="398874" y="-405"/>
                    <a:pt x="259131" y="57754"/>
                    <a:pt x="156747" y="161406"/>
                  </a:cubicBezTo>
                  <a:lnTo>
                    <a:pt x="169587" y="174155"/>
                  </a:lnTo>
                  <a:cubicBezTo>
                    <a:pt x="375374" y="-32816"/>
                    <a:pt x="709985" y="-33775"/>
                    <a:pt x="916957" y="172014"/>
                  </a:cubicBezTo>
                  <a:cubicBezTo>
                    <a:pt x="1123928" y="377804"/>
                    <a:pt x="1124887" y="712411"/>
                    <a:pt x="919095" y="919383"/>
                  </a:cubicBezTo>
                  <a:cubicBezTo>
                    <a:pt x="911206" y="927322"/>
                    <a:pt x="903063" y="935008"/>
                    <a:pt x="894681" y="942427"/>
                  </a:cubicBezTo>
                  <a:cubicBezTo>
                    <a:pt x="892629" y="934854"/>
                    <a:pt x="890169" y="927399"/>
                    <a:pt x="887312" y="920093"/>
                  </a:cubicBezTo>
                  <a:cubicBezTo>
                    <a:pt x="846622" y="817780"/>
                    <a:pt x="725999" y="793502"/>
                    <a:pt x="636978" y="784821"/>
                  </a:cubicBezTo>
                  <a:cubicBezTo>
                    <a:pt x="636978" y="770173"/>
                    <a:pt x="636978" y="757107"/>
                    <a:pt x="636978" y="743543"/>
                  </a:cubicBezTo>
                  <a:lnTo>
                    <a:pt x="636978" y="730658"/>
                  </a:lnTo>
                  <a:cubicBezTo>
                    <a:pt x="680924" y="703758"/>
                    <a:pt x="717725" y="656829"/>
                    <a:pt x="743812" y="594528"/>
                  </a:cubicBezTo>
                  <a:lnTo>
                    <a:pt x="743812" y="594528"/>
                  </a:lnTo>
                  <a:lnTo>
                    <a:pt x="747067" y="587927"/>
                  </a:lnTo>
                  <a:cubicBezTo>
                    <a:pt x="774601" y="577348"/>
                    <a:pt x="783733" y="530464"/>
                    <a:pt x="786717" y="503066"/>
                  </a:cubicBezTo>
                  <a:cubicBezTo>
                    <a:pt x="787983" y="491627"/>
                    <a:pt x="793092" y="434933"/>
                    <a:pt x="774420" y="414678"/>
                  </a:cubicBezTo>
                  <a:cubicBezTo>
                    <a:pt x="786446" y="298757"/>
                    <a:pt x="775821" y="234150"/>
                    <a:pt x="737889" y="191968"/>
                  </a:cubicBezTo>
                  <a:cubicBezTo>
                    <a:pt x="702082" y="152137"/>
                    <a:pt x="641002" y="133601"/>
                    <a:pt x="545697" y="133601"/>
                  </a:cubicBezTo>
                  <a:lnTo>
                    <a:pt x="544703" y="133601"/>
                  </a:lnTo>
                  <a:cubicBezTo>
                    <a:pt x="446369" y="133601"/>
                    <a:pt x="383797" y="152951"/>
                    <a:pt x="347763" y="194455"/>
                  </a:cubicBezTo>
                  <a:cubicBezTo>
                    <a:pt x="311730" y="235959"/>
                    <a:pt x="301784" y="301379"/>
                    <a:pt x="316116" y="405545"/>
                  </a:cubicBezTo>
                  <a:lnTo>
                    <a:pt x="316613" y="414045"/>
                  </a:lnTo>
                  <a:cubicBezTo>
                    <a:pt x="296901" y="433983"/>
                    <a:pt x="301648" y="491356"/>
                    <a:pt x="303050" y="502930"/>
                  </a:cubicBezTo>
                  <a:cubicBezTo>
                    <a:pt x="305853" y="530825"/>
                    <a:pt x="315211" y="578975"/>
                    <a:pt x="345955" y="588470"/>
                  </a:cubicBezTo>
                  <a:lnTo>
                    <a:pt x="346452" y="588470"/>
                  </a:lnTo>
                  <a:cubicBezTo>
                    <a:pt x="372403" y="653076"/>
                    <a:pt x="409748" y="701768"/>
                    <a:pt x="454371" y="729619"/>
                  </a:cubicBezTo>
                  <a:lnTo>
                    <a:pt x="454371" y="742413"/>
                  </a:lnTo>
                  <a:cubicBezTo>
                    <a:pt x="454371" y="756293"/>
                    <a:pt x="454371" y="769540"/>
                    <a:pt x="454371" y="784550"/>
                  </a:cubicBezTo>
                  <a:cubicBezTo>
                    <a:pt x="365305" y="793592"/>
                    <a:pt x="244773" y="817554"/>
                    <a:pt x="203992" y="919822"/>
                  </a:cubicBezTo>
                  <a:cubicBezTo>
                    <a:pt x="200906" y="927657"/>
                    <a:pt x="198309" y="935672"/>
                    <a:pt x="196216" y="943829"/>
                  </a:cubicBezTo>
                  <a:cubicBezTo>
                    <a:pt x="192870" y="940935"/>
                    <a:pt x="189615" y="937951"/>
                    <a:pt x="186360" y="934786"/>
                  </a:cubicBezTo>
                  <a:cubicBezTo>
                    <a:pt x="89330" y="845562"/>
                    <a:pt x="29285" y="723199"/>
                    <a:pt x="18084" y="591860"/>
                  </a:cubicBezTo>
                  <a:lnTo>
                    <a:pt x="0" y="593398"/>
                  </a:lnTo>
                  <a:cubicBezTo>
                    <a:pt x="25793" y="894223"/>
                    <a:pt x="290571" y="1117182"/>
                    <a:pt x="591397" y="1091389"/>
                  </a:cubicBezTo>
                  <a:cubicBezTo>
                    <a:pt x="892222" y="1065596"/>
                    <a:pt x="1115180" y="800817"/>
                    <a:pt x="1089387" y="499991"/>
                  </a:cubicBezTo>
                  <a:cubicBezTo>
                    <a:pt x="1065136" y="217154"/>
                    <a:pt x="828443" y="-63"/>
                    <a:pt x="544567" y="2"/>
                  </a:cubicBezTo>
                  <a:close/>
                  <a:moveTo>
                    <a:pt x="637295" y="802815"/>
                  </a:moveTo>
                  <a:cubicBezTo>
                    <a:pt x="611344" y="811134"/>
                    <a:pt x="583042" y="814751"/>
                    <a:pt x="545562" y="814751"/>
                  </a:cubicBezTo>
                  <a:cubicBezTo>
                    <a:pt x="514854" y="814878"/>
                    <a:pt x="484278" y="810786"/>
                    <a:pt x="454687" y="802589"/>
                  </a:cubicBezTo>
                  <a:cubicBezTo>
                    <a:pt x="463458" y="799063"/>
                    <a:pt x="472184" y="795401"/>
                    <a:pt x="472772" y="795175"/>
                  </a:cubicBezTo>
                  <a:lnTo>
                    <a:pt x="475530" y="793999"/>
                  </a:lnTo>
                  <a:lnTo>
                    <a:pt x="475530" y="790834"/>
                  </a:lnTo>
                  <a:cubicBezTo>
                    <a:pt x="475530" y="790834"/>
                    <a:pt x="475530" y="767008"/>
                    <a:pt x="475530" y="741102"/>
                  </a:cubicBezTo>
                  <a:cubicBezTo>
                    <a:pt x="497647" y="751302"/>
                    <a:pt x="521803" y="756311"/>
                    <a:pt x="546149" y="755751"/>
                  </a:cubicBezTo>
                  <a:cubicBezTo>
                    <a:pt x="570138" y="756329"/>
                    <a:pt x="593947" y="751510"/>
                    <a:pt x="615820" y="741645"/>
                  </a:cubicBezTo>
                  <a:cubicBezTo>
                    <a:pt x="615820" y="767144"/>
                    <a:pt x="615820" y="790789"/>
                    <a:pt x="615820" y="790789"/>
                  </a:cubicBezTo>
                  <a:lnTo>
                    <a:pt x="615820" y="793863"/>
                  </a:lnTo>
                  <a:close/>
                  <a:moveTo>
                    <a:pt x="735900" y="447230"/>
                  </a:moveTo>
                  <a:cubicBezTo>
                    <a:pt x="739852" y="437831"/>
                    <a:pt x="748166" y="430972"/>
                    <a:pt x="758144" y="428874"/>
                  </a:cubicBezTo>
                  <a:cubicBezTo>
                    <a:pt x="759772" y="429779"/>
                    <a:pt x="762665" y="433396"/>
                    <a:pt x="764609" y="443206"/>
                  </a:cubicBezTo>
                  <a:cubicBezTo>
                    <a:pt x="771572" y="475668"/>
                    <a:pt x="764609" y="542671"/>
                    <a:pt x="746208" y="563242"/>
                  </a:cubicBezTo>
                  <a:cubicBezTo>
                    <a:pt x="732148" y="532860"/>
                    <a:pt x="721704" y="476482"/>
                    <a:pt x="735900" y="447230"/>
                  </a:cubicBezTo>
                  <a:close/>
                  <a:moveTo>
                    <a:pt x="345638" y="564372"/>
                  </a:moveTo>
                  <a:cubicBezTo>
                    <a:pt x="331171" y="551442"/>
                    <a:pt x="323711" y="514233"/>
                    <a:pt x="323033" y="482992"/>
                  </a:cubicBezTo>
                  <a:cubicBezTo>
                    <a:pt x="322264" y="454328"/>
                    <a:pt x="326650" y="434978"/>
                    <a:pt x="331533" y="429914"/>
                  </a:cubicBezTo>
                  <a:cubicBezTo>
                    <a:pt x="341624" y="431207"/>
                    <a:pt x="350363" y="437546"/>
                    <a:pt x="354726" y="446733"/>
                  </a:cubicBezTo>
                  <a:cubicBezTo>
                    <a:pt x="370278" y="475758"/>
                    <a:pt x="359970" y="534261"/>
                    <a:pt x="345638" y="564372"/>
                  </a:cubicBezTo>
                  <a:close/>
                  <a:moveTo>
                    <a:pt x="422497" y="568441"/>
                  </a:moveTo>
                  <a:cubicBezTo>
                    <a:pt x="387685" y="537381"/>
                    <a:pt x="387685" y="463687"/>
                    <a:pt x="387685" y="419244"/>
                  </a:cubicBezTo>
                  <a:cubicBezTo>
                    <a:pt x="385741" y="380227"/>
                    <a:pt x="394286" y="369512"/>
                    <a:pt x="405136" y="355587"/>
                  </a:cubicBezTo>
                  <a:cubicBezTo>
                    <a:pt x="418216" y="340230"/>
                    <a:pt x="427290" y="321869"/>
                    <a:pt x="431539" y="302148"/>
                  </a:cubicBezTo>
                  <a:cubicBezTo>
                    <a:pt x="473947" y="319690"/>
                    <a:pt x="521690" y="321498"/>
                    <a:pt x="564008" y="323126"/>
                  </a:cubicBezTo>
                  <a:cubicBezTo>
                    <a:pt x="641861" y="326110"/>
                    <a:pt x="703348" y="328415"/>
                    <a:pt x="703348" y="419606"/>
                  </a:cubicBezTo>
                  <a:lnTo>
                    <a:pt x="703348" y="429146"/>
                  </a:lnTo>
                  <a:cubicBezTo>
                    <a:pt x="703348" y="472594"/>
                    <a:pt x="703665" y="538285"/>
                    <a:pt x="669711" y="568577"/>
                  </a:cubicBezTo>
                  <a:cubicBezTo>
                    <a:pt x="654566" y="582140"/>
                    <a:pt x="625992" y="576624"/>
                    <a:pt x="595746" y="570882"/>
                  </a:cubicBezTo>
                  <a:cubicBezTo>
                    <a:pt x="579402" y="567202"/>
                    <a:pt x="562755" y="565023"/>
                    <a:pt x="546014" y="564372"/>
                  </a:cubicBezTo>
                  <a:lnTo>
                    <a:pt x="546014" y="564372"/>
                  </a:lnTo>
                  <a:cubicBezTo>
                    <a:pt x="529277" y="565064"/>
                    <a:pt x="512634" y="567243"/>
                    <a:pt x="496282" y="570882"/>
                  </a:cubicBezTo>
                  <a:cubicBezTo>
                    <a:pt x="466397" y="576489"/>
                    <a:pt x="437779" y="581959"/>
                    <a:pt x="422497" y="568441"/>
                  </a:cubicBezTo>
                  <a:close/>
                  <a:moveTo>
                    <a:pt x="544567" y="1075257"/>
                  </a:moveTo>
                  <a:cubicBezTo>
                    <a:pt x="424577" y="1075379"/>
                    <a:pt x="308140" y="1034531"/>
                    <a:pt x="214526" y="959472"/>
                  </a:cubicBezTo>
                  <a:cubicBezTo>
                    <a:pt x="229491" y="890027"/>
                    <a:pt x="275335" y="833649"/>
                    <a:pt x="415444" y="811270"/>
                  </a:cubicBezTo>
                  <a:cubicBezTo>
                    <a:pt x="462825" y="831524"/>
                    <a:pt x="512332" y="836045"/>
                    <a:pt x="545652" y="836045"/>
                  </a:cubicBezTo>
                  <a:cubicBezTo>
                    <a:pt x="578973" y="836045"/>
                    <a:pt x="628434" y="831524"/>
                    <a:pt x="675860" y="811270"/>
                  </a:cubicBezTo>
                  <a:cubicBezTo>
                    <a:pt x="814884" y="833468"/>
                    <a:pt x="861225" y="889168"/>
                    <a:pt x="876461" y="957844"/>
                  </a:cubicBezTo>
                  <a:cubicBezTo>
                    <a:pt x="782590" y="1033925"/>
                    <a:pt x="665398" y="1075384"/>
                    <a:pt x="544567" y="1075257"/>
                  </a:cubicBezTo>
                  <a:close/>
                </a:path>
              </a:pathLst>
            </a:custGeom>
            <a:solidFill>
              <a:schemeClr val="accent2"/>
            </a:solidFill>
            <a:ln w="4498" cap="flat">
              <a:noFill/>
              <a:prstDash val="solid"/>
              <a:miter/>
            </a:ln>
          </p:spPr>
          <p:txBody>
            <a:bodyPr rtlCol="0" anchor="ctr"/>
            <a:lstStyle/>
            <a:p>
              <a:endParaRPr lang="en-US"/>
            </a:p>
          </p:txBody>
        </p:sp>
      </p:grpSp>
      <p:grpSp>
        <p:nvGrpSpPr>
          <p:cNvPr id="33" name="Group 32">
            <a:extLst>
              <a:ext uri="{FF2B5EF4-FFF2-40B4-BE49-F238E27FC236}">
                <a16:creationId xmlns:a16="http://schemas.microsoft.com/office/drawing/2014/main" id="{C96E2638-3696-8546-829D-F832C5C94B12}"/>
              </a:ext>
            </a:extLst>
          </p:cNvPr>
          <p:cNvGrpSpPr/>
          <p:nvPr/>
        </p:nvGrpSpPr>
        <p:grpSpPr>
          <a:xfrm>
            <a:off x="3832659" y="2690528"/>
            <a:ext cx="713018" cy="627671"/>
            <a:chOff x="2357254" y="2075692"/>
            <a:chExt cx="1240039" cy="1091609"/>
          </a:xfrm>
        </p:grpSpPr>
        <p:sp>
          <p:nvSpPr>
            <p:cNvPr id="34" name="Graphic 34">
              <a:extLst>
                <a:ext uri="{FF2B5EF4-FFF2-40B4-BE49-F238E27FC236}">
                  <a16:creationId xmlns:a16="http://schemas.microsoft.com/office/drawing/2014/main" id="{9267D74C-3365-8841-97DA-FB375CD07E30}"/>
                </a:ext>
              </a:extLst>
            </p:cNvPr>
            <p:cNvSpPr/>
            <p:nvPr/>
          </p:nvSpPr>
          <p:spPr>
            <a:xfrm>
              <a:off x="2357254" y="2257118"/>
              <a:ext cx="351199" cy="364363"/>
            </a:xfrm>
            <a:custGeom>
              <a:avLst/>
              <a:gdLst>
                <a:gd name="connsiteX0" fmla="*/ 270046 w 351199"/>
                <a:gd name="connsiteY0" fmla="*/ 136907 h 364363"/>
                <a:gd name="connsiteX1" fmla="*/ 198522 w 351199"/>
                <a:gd name="connsiteY1" fmla="*/ 165435 h 364363"/>
                <a:gd name="connsiteX2" fmla="*/ 198522 w 351199"/>
                <a:gd name="connsiteY2" fmla="*/ 59234 h 364363"/>
                <a:gd name="connsiteX3" fmla="*/ 274838 w 351199"/>
                <a:gd name="connsiteY3" fmla="*/ 37940 h 364363"/>
                <a:gd name="connsiteX4" fmla="*/ 274838 w 351199"/>
                <a:gd name="connsiteY4" fmla="*/ 129809 h 364363"/>
                <a:gd name="connsiteX5" fmla="*/ 270046 w 351199"/>
                <a:gd name="connsiteY5" fmla="*/ 136907 h 364363"/>
                <a:gd name="connsiteX6" fmla="*/ 190881 w 351199"/>
                <a:gd name="connsiteY6" fmla="*/ 45264 h 364363"/>
                <a:gd name="connsiteX7" fmla="*/ 269865 w 351199"/>
                <a:gd name="connsiteY7" fmla="*/ 23472 h 364363"/>
                <a:gd name="connsiteX8" fmla="*/ 193006 w 351199"/>
                <a:gd name="connsiteY8" fmla="*/ 324 h 364363"/>
                <a:gd name="connsiteX9" fmla="*/ 188485 w 351199"/>
                <a:gd name="connsiteY9" fmla="*/ 324 h 364363"/>
                <a:gd name="connsiteX10" fmla="*/ 111626 w 351199"/>
                <a:gd name="connsiteY10" fmla="*/ 23472 h 364363"/>
                <a:gd name="connsiteX11" fmla="*/ 111671 w 351199"/>
                <a:gd name="connsiteY11" fmla="*/ 136907 h 364363"/>
                <a:gd name="connsiteX12" fmla="*/ 183240 w 351199"/>
                <a:gd name="connsiteY12" fmla="*/ 165435 h 364363"/>
                <a:gd name="connsiteX13" fmla="*/ 183240 w 351199"/>
                <a:gd name="connsiteY13" fmla="*/ 59234 h 364363"/>
                <a:gd name="connsiteX14" fmla="*/ 106879 w 351199"/>
                <a:gd name="connsiteY14" fmla="*/ 37940 h 364363"/>
                <a:gd name="connsiteX15" fmla="*/ 106879 w 351199"/>
                <a:gd name="connsiteY15" fmla="*/ 129809 h 364363"/>
                <a:gd name="connsiteX16" fmla="*/ 111671 w 351199"/>
                <a:gd name="connsiteY16" fmla="*/ 136907 h 364363"/>
                <a:gd name="connsiteX17" fmla="*/ 213758 w 351199"/>
                <a:gd name="connsiteY17" fmla="*/ 259610 h 364363"/>
                <a:gd name="connsiteX18" fmla="*/ 217962 w 351199"/>
                <a:gd name="connsiteY18" fmla="*/ 266437 h 364363"/>
                <a:gd name="connsiteX19" fmla="*/ 274838 w 351199"/>
                <a:gd name="connsiteY19" fmla="*/ 294874 h 364363"/>
                <a:gd name="connsiteX20" fmla="*/ 274838 w 351199"/>
                <a:gd name="connsiteY20" fmla="*/ 219281 h 364363"/>
                <a:gd name="connsiteX21" fmla="*/ 213758 w 351199"/>
                <a:gd name="connsiteY21" fmla="*/ 198394 h 364363"/>
                <a:gd name="connsiteX22" fmla="*/ 285191 w 351199"/>
                <a:gd name="connsiteY22" fmla="*/ 160914 h 364363"/>
                <a:gd name="connsiteX23" fmla="*/ 279811 w 351199"/>
                <a:gd name="connsiteY23" fmla="*/ 160914 h 364363"/>
                <a:gd name="connsiteX24" fmla="*/ 218505 w 351199"/>
                <a:gd name="connsiteY24" fmla="*/ 183972 h 364363"/>
                <a:gd name="connsiteX25" fmla="*/ 282479 w 351199"/>
                <a:gd name="connsiteY25" fmla="*/ 205673 h 364363"/>
                <a:gd name="connsiteX26" fmla="*/ 346497 w 351199"/>
                <a:gd name="connsiteY26" fmla="*/ 183972 h 364363"/>
                <a:gd name="connsiteX27" fmla="*/ 290119 w 351199"/>
                <a:gd name="connsiteY27" fmla="*/ 219372 h 364363"/>
                <a:gd name="connsiteX28" fmla="*/ 290119 w 351199"/>
                <a:gd name="connsiteY28" fmla="*/ 294965 h 364363"/>
                <a:gd name="connsiteX29" fmla="*/ 346995 w 351199"/>
                <a:gd name="connsiteY29" fmla="*/ 266527 h 364363"/>
                <a:gd name="connsiteX30" fmla="*/ 351199 w 351199"/>
                <a:gd name="connsiteY30" fmla="*/ 259700 h 364363"/>
                <a:gd name="connsiteX31" fmla="*/ 351199 w 351199"/>
                <a:gd name="connsiteY31" fmla="*/ 198394 h 364363"/>
                <a:gd name="connsiteX32" fmla="*/ 101680 w 351199"/>
                <a:gd name="connsiteY32" fmla="*/ 168374 h 364363"/>
                <a:gd name="connsiteX33" fmla="*/ 96842 w 351199"/>
                <a:gd name="connsiteY33" fmla="*/ 168374 h 364363"/>
                <a:gd name="connsiteX34" fmla="*/ 15010 w 351199"/>
                <a:gd name="connsiteY34" fmla="*/ 195500 h 364363"/>
                <a:gd name="connsiteX35" fmla="*/ 99238 w 351199"/>
                <a:gd name="connsiteY35" fmla="*/ 228731 h 364363"/>
                <a:gd name="connsiteX36" fmla="*/ 183466 w 351199"/>
                <a:gd name="connsiteY36" fmla="*/ 195862 h 364363"/>
                <a:gd name="connsiteX37" fmla="*/ 0 w 351199"/>
                <a:gd name="connsiteY37" fmla="*/ 328195 h 364363"/>
                <a:gd name="connsiteX38" fmla="*/ 5199 w 351199"/>
                <a:gd name="connsiteY38" fmla="*/ 335429 h 364363"/>
                <a:gd name="connsiteX39" fmla="*/ 91688 w 351199"/>
                <a:gd name="connsiteY39" fmla="*/ 364364 h 364363"/>
                <a:gd name="connsiteX40" fmla="*/ 91688 w 351199"/>
                <a:gd name="connsiteY40" fmla="*/ 241932 h 364363"/>
                <a:gd name="connsiteX41" fmla="*/ 0 w 351199"/>
                <a:gd name="connsiteY41" fmla="*/ 206125 h 364363"/>
                <a:gd name="connsiteX42" fmla="*/ 106879 w 351199"/>
                <a:gd name="connsiteY42" fmla="*/ 364364 h 364363"/>
                <a:gd name="connsiteX43" fmla="*/ 193277 w 351199"/>
                <a:gd name="connsiteY43" fmla="*/ 335564 h 364363"/>
                <a:gd name="connsiteX44" fmla="*/ 198522 w 351199"/>
                <a:gd name="connsiteY44" fmla="*/ 328331 h 364363"/>
                <a:gd name="connsiteX45" fmla="*/ 198522 w 351199"/>
                <a:gd name="connsiteY45" fmla="*/ 206125 h 364363"/>
                <a:gd name="connsiteX46" fmla="*/ 106879 w 351199"/>
                <a:gd name="connsiteY46" fmla="*/ 241887 h 3643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351199" h="364363">
                  <a:moveTo>
                    <a:pt x="270046" y="136907"/>
                  </a:moveTo>
                  <a:lnTo>
                    <a:pt x="198522" y="165435"/>
                  </a:lnTo>
                  <a:lnTo>
                    <a:pt x="198522" y="59234"/>
                  </a:lnTo>
                  <a:lnTo>
                    <a:pt x="274838" y="37940"/>
                  </a:lnTo>
                  <a:lnTo>
                    <a:pt x="274838" y="129809"/>
                  </a:lnTo>
                  <a:cubicBezTo>
                    <a:pt x="274829" y="132928"/>
                    <a:pt x="272936" y="135733"/>
                    <a:pt x="270046" y="136907"/>
                  </a:cubicBezTo>
                  <a:close/>
                  <a:moveTo>
                    <a:pt x="190881" y="45264"/>
                  </a:moveTo>
                  <a:lnTo>
                    <a:pt x="269865" y="23472"/>
                  </a:lnTo>
                  <a:lnTo>
                    <a:pt x="193006" y="324"/>
                  </a:lnTo>
                  <a:cubicBezTo>
                    <a:pt x="191530" y="-108"/>
                    <a:pt x="189961" y="-108"/>
                    <a:pt x="188485" y="324"/>
                  </a:cubicBezTo>
                  <a:lnTo>
                    <a:pt x="111626" y="23472"/>
                  </a:lnTo>
                  <a:close/>
                  <a:moveTo>
                    <a:pt x="111671" y="136907"/>
                  </a:moveTo>
                  <a:lnTo>
                    <a:pt x="183240" y="165435"/>
                  </a:lnTo>
                  <a:lnTo>
                    <a:pt x="183240" y="59234"/>
                  </a:lnTo>
                  <a:lnTo>
                    <a:pt x="106879" y="37940"/>
                  </a:lnTo>
                  <a:lnTo>
                    <a:pt x="106879" y="129809"/>
                  </a:lnTo>
                  <a:cubicBezTo>
                    <a:pt x="106888" y="132928"/>
                    <a:pt x="108781" y="135733"/>
                    <a:pt x="111671" y="136907"/>
                  </a:cubicBezTo>
                  <a:close/>
                  <a:moveTo>
                    <a:pt x="213758" y="259610"/>
                  </a:moveTo>
                  <a:cubicBezTo>
                    <a:pt x="213757" y="262499"/>
                    <a:pt x="215384" y="265139"/>
                    <a:pt x="217962" y="266437"/>
                  </a:cubicBezTo>
                  <a:lnTo>
                    <a:pt x="274838" y="294874"/>
                  </a:lnTo>
                  <a:lnTo>
                    <a:pt x="274838" y="219281"/>
                  </a:lnTo>
                  <a:lnTo>
                    <a:pt x="213758" y="198394"/>
                  </a:lnTo>
                  <a:close/>
                  <a:moveTo>
                    <a:pt x="285191" y="160914"/>
                  </a:moveTo>
                  <a:cubicBezTo>
                    <a:pt x="283454" y="160281"/>
                    <a:pt x="281549" y="160281"/>
                    <a:pt x="279811" y="160914"/>
                  </a:cubicBezTo>
                  <a:lnTo>
                    <a:pt x="218505" y="183972"/>
                  </a:lnTo>
                  <a:lnTo>
                    <a:pt x="282479" y="205673"/>
                  </a:lnTo>
                  <a:lnTo>
                    <a:pt x="346497" y="183972"/>
                  </a:lnTo>
                  <a:close/>
                  <a:moveTo>
                    <a:pt x="290119" y="219372"/>
                  </a:moveTo>
                  <a:lnTo>
                    <a:pt x="290119" y="294965"/>
                  </a:lnTo>
                  <a:lnTo>
                    <a:pt x="346995" y="266527"/>
                  </a:lnTo>
                  <a:cubicBezTo>
                    <a:pt x="349574" y="265229"/>
                    <a:pt x="351200" y="262589"/>
                    <a:pt x="351199" y="259700"/>
                  </a:cubicBezTo>
                  <a:lnTo>
                    <a:pt x="351199" y="198394"/>
                  </a:lnTo>
                  <a:close/>
                  <a:moveTo>
                    <a:pt x="101680" y="168374"/>
                  </a:moveTo>
                  <a:cubicBezTo>
                    <a:pt x="100105" y="167876"/>
                    <a:pt x="98416" y="167876"/>
                    <a:pt x="96842" y="168374"/>
                  </a:cubicBezTo>
                  <a:lnTo>
                    <a:pt x="15010" y="195500"/>
                  </a:lnTo>
                  <a:lnTo>
                    <a:pt x="99238" y="228731"/>
                  </a:lnTo>
                  <a:lnTo>
                    <a:pt x="183466" y="195862"/>
                  </a:lnTo>
                  <a:close/>
                  <a:moveTo>
                    <a:pt x="0" y="328195"/>
                  </a:moveTo>
                  <a:cubicBezTo>
                    <a:pt x="-11" y="331477"/>
                    <a:pt x="2086" y="334393"/>
                    <a:pt x="5199" y="335429"/>
                  </a:cubicBezTo>
                  <a:lnTo>
                    <a:pt x="91688" y="364364"/>
                  </a:lnTo>
                  <a:lnTo>
                    <a:pt x="91688" y="241932"/>
                  </a:lnTo>
                  <a:lnTo>
                    <a:pt x="0" y="206125"/>
                  </a:lnTo>
                  <a:close/>
                  <a:moveTo>
                    <a:pt x="106879" y="364364"/>
                  </a:moveTo>
                  <a:lnTo>
                    <a:pt x="193277" y="335564"/>
                  </a:lnTo>
                  <a:cubicBezTo>
                    <a:pt x="196400" y="334533"/>
                    <a:pt x="198513" y="331617"/>
                    <a:pt x="198522" y="328331"/>
                  </a:cubicBezTo>
                  <a:lnTo>
                    <a:pt x="198522" y="206125"/>
                  </a:lnTo>
                  <a:lnTo>
                    <a:pt x="106879" y="241887"/>
                  </a:lnTo>
                  <a:close/>
                </a:path>
              </a:pathLst>
            </a:custGeom>
            <a:solidFill>
              <a:schemeClr val="accent1"/>
            </a:solidFill>
            <a:ln w="4498" cap="flat">
              <a:noFill/>
              <a:prstDash val="solid"/>
              <a:miter/>
            </a:ln>
          </p:spPr>
          <p:txBody>
            <a:bodyPr rtlCol="0" anchor="ctr"/>
            <a:lstStyle/>
            <a:p>
              <a:endParaRPr lang="en-US"/>
            </a:p>
          </p:txBody>
        </p:sp>
        <p:sp>
          <p:nvSpPr>
            <p:cNvPr id="35" name="Graphic 34">
              <a:extLst>
                <a:ext uri="{FF2B5EF4-FFF2-40B4-BE49-F238E27FC236}">
                  <a16:creationId xmlns:a16="http://schemas.microsoft.com/office/drawing/2014/main" id="{8F43601F-C51E-4E40-9BED-1C9F986AE103}"/>
                </a:ext>
              </a:extLst>
            </p:cNvPr>
            <p:cNvSpPr/>
            <p:nvPr/>
          </p:nvSpPr>
          <p:spPr>
            <a:xfrm>
              <a:off x="2592533" y="2572247"/>
              <a:ext cx="952958" cy="282388"/>
            </a:xfrm>
            <a:custGeom>
              <a:avLst/>
              <a:gdLst>
                <a:gd name="connsiteX0" fmla="*/ 926555 w 952958"/>
                <a:gd name="connsiteY0" fmla="*/ 18084 h 282388"/>
                <a:gd name="connsiteX1" fmla="*/ 783236 w 952958"/>
                <a:gd name="connsiteY1" fmla="*/ 18084 h 282388"/>
                <a:gd name="connsiteX2" fmla="*/ 774194 w 952958"/>
                <a:gd name="connsiteY2" fmla="*/ 9042 h 282388"/>
                <a:gd name="connsiteX3" fmla="*/ 783236 w 952958"/>
                <a:gd name="connsiteY3" fmla="*/ 0 h 282388"/>
                <a:gd name="connsiteX4" fmla="*/ 926555 w 952958"/>
                <a:gd name="connsiteY4" fmla="*/ 0 h 282388"/>
                <a:gd name="connsiteX5" fmla="*/ 935597 w 952958"/>
                <a:gd name="connsiteY5" fmla="*/ 9042 h 282388"/>
                <a:gd name="connsiteX6" fmla="*/ 926555 w 952958"/>
                <a:gd name="connsiteY6" fmla="*/ 18084 h 282388"/>
                <a:gd name="connsiteX7" fmla="*/ 923119 w 952958"/>
                <a:gd name="connsiteY7" fmla="*/ 177589 h 282388"/>
                <a:gd name="connsiteX8" fmla="*/ 914077 w 952958"/>
                <a:gd name="connsiteY8" fmla="*/ 168547 h 282388"/>
                <a:gd name="connsiteX9" fmla="*/ 792550 w 952958"/>
                <a:gd name="connsiteY9" fmla="*/ 168547 h 282388"/>
                <a:gd name="connsiteX10" fmla="*/ 783507 w 952958"/>
                <a:gd name="connsiteY10" fmla="*/ 177589 h 282388"/>
                <a:gd name="connsiteX11" fmla="*/ 792550 w 952958"/>
                <a:gd name="connsiteY11" fmla="*/ 186631 h 282388"/>
                <a:gd name="connsiteX12" fmla="*/ 914077 w 952958"/>
                <a:gd name="connsiteY12" fmla="*/ 186631 h 282388"/>
                <a:gd name="connsiteX13" fmla="*/ 923119 w 952958"/>
                <a:gd name="connsiteY13" fmla="*/ 177589 h 282388"/>
                <a:gd name="connsiteX14" fmla="*/ 890341 w 952958"/>
                <a:gd name="connsiteY14" fmla="*/ 121573 h 282388"/>
                <a:gd name="connsiteX15" fmla="*/ 881299 w 952958"/>
                <a:gd name="connsiteY15" fmla="*/ 112530 h 282388"/>
                <a:gd name="connsiteX16" fmla="*/ 749870 w 952958"/>
                <a:gd name="connsiteY16" fmla="*/ 112530 h 282388"/>
                <a:gd name="connsiteX17" fmla="*/ 740828 w 952958"/>
                <a:gd name="connsiteY17" fmla="*/ 121573 h 282388"/>
                <a:gd name="connsiteX18" fmla="*/ 749870 w 952958"/>
                <a:gd name="connsiteY18" fmla="*/ 130615 h 282388"/>
                <a:gd name="connsiteX19" fmla="*/ 881299 w 952958"/>
                <a:gd name="connsiteY19" fmla="*/ 130615 h 282388"/>
                <a:gd name="connsiteX20" fmla="*/ 890341 w 952958"/>
                <a:gd name="connsiteY20" fmla="*/ 121573 h 282388"/>
                <a:gd name="connsiteX21" fmla="*/ 952958 w 952958"/>
                <a:gd name="connsiteY21" fmla="*/ 65375 h 282388"/>
                <a:gd name="connsiteX22" fmla="*/ 943916 w 952958"/>
                <a:gd name="connsiteY22" fmla="*/ 56333 h 282388"/>
                <a:gd name="connsiteX23" fmla="*/ 832968 w 952958"/>
                <a:gd name="connsiteY23" fmla="*/ 56333 h 282388"/>
                <a:gd name="connsiteX24" fmla="*/ 823926 w 952958"/>
                <a:gd name="connsiteY24" fmla="*/ 65375 h 282388"/>
                <a:gd name="connsiteX25" fmla="*/ 832968 w 952958"/>
                <a:gd name="connsiteY25" fmla="*/ 74417 h 282388"/>
                <a:gd name="connsiteX26" fmla="*/ 943826 w 952958"/>
                <a:gd name="connsiteY26" fmla="*/ 74417 h 282388"/>
                <a:gd name="connsiteX27" fmla="*/ 952958 w 952958"/>
                <a:gd name="connsiteY27" fmla="*/ 65470 h 282388"/>
                <a:gd name="connsiteX28" fmla="*/ 952958 w 952958"/>
                <a:gd name="connsiteY28" fmla="*/ 65194 h 282388"/>
                <a:gd name="connsiteX29" fmla="*/ 207790 w 952958"/>
                <a:gd name="connsiteY29" fmla="*/ 273346 h 282388"/>
                <a:gd name="connsiteX30" fmla="*/ 198748 w 952958"/>
                <a:gd name="connsiteY30" fmla="*/ 264304 h 282388"/>
                <a:gd name="connsiteX31" fmla="*/ 71705 w 952958"/>
                <a:gd name="connsiteY31" fmla="*/ 264304 h 282388"/>
                <a:gd name="connsiteX32" fmla="*/ 62663 w 952958"/>
                <a:gd name="connsiteY32" fmla="*/ 273346 h 282388"/>
                <a:gd name="connsiteX33" fmla="*/ 71705 w 952958"/>
                <a:gd name="connsiteY33" fmla="*/ 282388 h 282388"/>
                <a:gd name="connsiteX34" fmla="*/ 198748 w 952958"/>
                <a:gd name="connsiteY34" fmla="*/ 282388 h 282388"/>
                <a:gd name="connsiteX35" fmla="*/ 207794 w 952958"/>
                <a:gd name="connsiteY35" fmla="*/ 273351 h 282388"/>
                <a:gd name="connsiteX36" fmla="*/ 207790 w 952958"/>
                <a:gd name="connsiteY36" fmla="*/ 273075 h 282388"/>
                <a:gd name="connsiteX37" fmla="*/ 150779 w 952958"/>
                <a:gd name="connsiteY37" fmla="*/ 219093 h 282388"/>
                <a:gd name="connsiteX38" fmla="*/ 141737 w 952958"/>
                <a:gd name="connsiteY38" fmla="*/ 210051 h 282388"/>
                <a:gd name="connsiteX39" fmla="*/ 9042 w 952958"/>
                <a:gd name="connsiteY39" fmla="*/ 210051 h 282388"/>
                <a:gd name="connsiteX40" fmla="*/ 0 w 952958"/>
                <a:gd name="connsiteY40" fmla="*/ 219093 h 282388"/>
                <a:gd name="connsiteX41" fmla="*/ 9042 w 952958"/>
                <a:gd name="connsiteY41" fmla="*/ 228135 h 282388"/>
                <a:gd name="connsiteX42" fmla="*/ 141737 w 952958"/>
                <a:gd name="connsiteY42" fmla="*/ 228135 h 282388"/>
                <a:gd name="connsiteX43" fmla="*/ 150780 w 952958"/>
                <a:gd name="connsiteY43" fmla="*/ 219093 h 282388"/>
                <a:gd name="connsiteX44" fmla="*/ 150779 w 952958"/>
                <a:gd name="connsiteY44" fmla="*/ 218957 h 282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952958" h="282388">
                  <a:moveTo>
                    <a:pt x="926555" y="18084"/>
                  </a:moveTo>
                  <a:lnTo>
                    <a:pt x="783236" y="18084"/>
                  </a:lnTo>
                  <a:cubicBezTo>
                    <a:pt x="778240" y="18084"/>
                    <a:pt x="774194" y="14038"/>
                    <a:pt x="774194" y="9042"/>
                  </a:cubicBezTo>
                  <a:cubicBezTo>
                    <a:pt x="774194" y="4046"/>
                    <a:pt x="778240" y="0"/>
                    <a:pt x="783236" y="0"/>
                  </a:cubicBezTo>
                  <a:lnTo>
                    <a:pt x="926555" y="0"/>
                  </a:lnTo>
                  <a:cubicBezTo>
                    <a:pt x="931551" y="0"/>
                    <a:pt x="935597" y="4046"/>
                    <a:pt x="935597" y="9042"/>
                  </a:cubicBezTo>
                  <a:cubicBezTo>
                    <a:pt x="935597" y="14038"/>
                    <a:pt x="931551" y="18084"/>
                    <a:pt x="926555" y="18084"/>
                  </a:cubicBezTo>
                  <a:close/>
                  <a:moveTo>
                    <a:pt x="923119" y="177589"/>
                  </a:moveTo>
                  <a:cubicBezTo>
                    <a:pt x="923119" y="172593"/>
                    <a:pt x="919073" y="168547"/>
                    <a:pt x="914077" y="168547"/>
                  </a:cubicBezTo>
                  <a:lnTo>
                    <a:pt x="792550" y="168547"/>
                  </a:lnTo>
                  <a:cubicBezTo>
                    <a:pt x="787554" y="168547"/>
                    <a:pt x="783507" y="172593"/>
                    <a:pt x="783507" y="177589"/>
                  </a:cubicBezTo>
                  <a:cubicBezTo>
                    <a:pt x="783507" y="182585"/>
                    <a:pt x="787554" y="186631"/>
                    <a:pt x="792550" y="186631"/>
                  </a:cubicBezTo>
                  <a:lnTo>
                    <a:pt x="914077" y="186631"/>
                  </a:lnTo>
                  <a:cubicBezTo>
                    <a:pt x="919073" y="186631"/>
                    <a:pt x="923119" y="182585"/>
                    <a:pt x="923119" y="177589"/>
                  </a:cubicBezTo>
                  <a:close/>
                  <a:moveTo>
                    <a:pt x="890341" y="121573"/>
                  </a:moveTo>
                  <a:cubicBezTo>
                    <a:pt x="890341" y="116577"/>
                    <a:pt x="886295" y="112530"/>
                    <a:pt x="881299" y="112530"/>
                  </a:cubicBezTo>
                  <a:lnTo>
                    <a:pt x="749870" y="112530"/>
                  </a:lnTo>
                  <a:cubicBezTo>
                    <a:pt x="744875" y="112530"/>
                    <a:pt x="740828" y="116577"/>
                    <a:pt x="740828" y="121573"/>
                  </a:cubicBezTo>
                  <a:cubicBezTo>
                    <a:pt x="740828" y="126568"/>
                    <a:pt x="744875" y="130615"/>
                    <a:pt x="749870" y="130615"/>
                  </a:cubicBezTo>
                  <a:lnTo>
                    <a:pt x="881299" y="130615"/>
                  </a:lnTo>
                  <a:cubicBezTo>
                    <a:pt x="886295" y="130615"/>
                    <a:pt x="890341" y="126568"/>
                    <a:pt x="890341" y="121573"/>
                  </a:cubicBezTo>
                  <a:close/>
                  <a:moveTo>
                    <a:pt x="952958" y="65375"/>
                  </a:moveTo>
                  <a:cubicBezTo>
                    <a:pt x="952958" y="60379"/>
                    <a:pt x="948912" y="56333"/>
                    <a:pt x="943916" y="56333"/>
                  </a:cubicBezTo>
                  <a:lnTo>
                    <a:pt x="832968" y="56333"/>
                  </a:lnTo>
                  <a:cubicBezTo>
                    <a:pt x="827972" y="56333"/>
                    <a:pt x="823926" y="60379"/>
                    <a:pt x="823926" y="65375"/>
                  </a:cubicBezTo>
                  <a:cubicBezTo>
                    <a:pt x="823926" y="70371"/>
                    <a:pt x="827972" y="74417"/>
                    <a:pt x="832968" y="74417"/>
                  </a:cubicBezTo>
                  <a:lnTo>
                    <a:pt x="943826" y="74417"/>
                  </a:lnTo>
                  <a:cubicBezTo>
                    <a:pt x="948822" y="74467"/>
                    <a:pt x="952909" y="70461"/>
                    <a:pt x="952958" y="65470"/>
                  </a:cubicBezTo>
                  <a:cubicBezTo>
                    <a:pt x="952958" y="65375"/>
                    <a:pt x="952958" y="65285"/>
                    <a:pt x="952958" y="65194"/>
                  </a:cubicBezTo>
                  <a:close/>
                  <a:moveTo>
                    <a:pt x="207790" y="273346"/>
                  </a:moveTo>
                  <a:cubicBezTo>
                    <a:pt x="207790" y="268350"/>
                    <a:pt x="203744" y="264304"/>
                    <a:pt x="198748" y="264304"/>
                  </a:cubicBezTo>
                  <a:lnTo>
                    <a:pt x="71705" y="264304"/>
                  </a:lnTo>
                  <a:cubicBezTo>
                    <a:pt x="66711" y="264304"/>
                    <a:pt x="62663" y="268350"/>
                    <a:pt x="62663" y="273346"/>
                  </a:cubicBezTo>
                  <a:cubicBezTo>
                    <a:pt x="62663" y="278342"/>
                    <a:pt x="66711" y="282388"/>
                    <a:pt x="71705" y="282388"/>
                  </a:cubicBezTo>
                  <a:lnTo>
                    <a:pt x="198748" y="282388"/>
                  </a:lnTo>
                  <a:cubicBezTo>
                    <a:pt x="203744" y="282393"/>
                    <a:pt x="207790" y="278342"/>
                    <a:pt x="207794" y="273351"/>
                  </a:cubicBezTo>
                  <a:cubicBezTo>
                    <a:pt x="207794" y="273260"/>
                    <a:pt x="207794" y="273165"/>
                    <a:pt x="207790" y="273075"/>
                  </a:cubicBezTo>
                  <a:close/>
                  <a:moveTo>
                    <a:pt x="150779" y="219093"/>
                  </a:moveTo>
                  <a:cubicBezTo>
                    <a:pt x="150779" y="214097"/>
                    <a:pt x="146731" y="210051"/>
                    <a:pt x="141737" y="210051"/>
                  </a:cubicBezTo>
                  <a:lnTo>
                    <a:pt x="9042" y="210051"/>
                  </a:lnTo>
                  <a:cubicBezTo>
                    <a:pt x="4048" y="210051"/>
                    <a:pt x="0" y="214097"/>
                    <a:pt x="0" y="219093"/>
                  </a:cubicBezTo>
                  <a:cubicBezTo>
                    <a:pt x="0" y="224089"/>
                    <a:pt x="4048" y="228135"/>
                    <a:pt x="9042" y="228135"/>
                  </a:cubicBezTo>
                  <a:lnTo>
                    <a:pt x="141737" y="228135"/>
                  </a:lnTo>
                  <a:cubicBezTo>
                    <a:pt x="146731" y="228135"/>
                    <a:pt x="150779" y="224089"/>
                    <a:pt x="150780" y="219093"/>
                  </a:cubicBezTo>
                  <a:cubicBezTo>
                    <a:pt x="150780" y="219048"/>
                    <a:pt x="150779" y="219002"/>
                    <a:pt x="150779" y="218957"/>
                  </a:cubicBezTo>
                  <a:close/>
                </a:path>
              </a:pathLst>
            </a:custGeom>
            <a:solidFill>
              <a:schemeClr val="accent2"/>
            </a:solidFill>
            <a:ln w="4498" cap="flat">
              <a:noFill/>
              <a:prstDash val="solid"/>
              <a:miter/>
            </a:ln>
          </p:spPr>
          <p:txBody>
            <a:bodyPr rtlCol="0" anchor="ctr"/>
            <a:lstStyle/>
            <a:p>
              <a:endParaRPr lang="en-US"/>
            </a:p>
          </p:txBody>
        </p:sp>
        <p:sp>
          <p:nvSpPr>
            <p:cNvPr id="36" name="Graphic 34">
              <a:extLst>
                <a:ext uri="{FF2B5EF4-FFF2-40B4-BE49-F238E27FC236}">
                  <a16:creationId xmlns:a16="http://schemas.microsoft.com/office/drawing/2014/main" id="{D81C32CA-F3B5-7645-AE1D-C08418AE7FE6}"/>
                </a:ext>
              </a:extLst>
            </p:cNvPr>
            <p:cNvSpPr/>
            <p:nvPr/>
          </p:nvSpPr>
          <p:spPr>
            <a:xfrm>
              <a:off x="3307184" y="2387967"/>
              <a:ext cx="170716" cy="493827"/>
            </a:xfrm>
            <a:custGeom>
              <a:avLst/>
              <a:gdLst>
                <a:gd name="connsiteX0" fmla="*/ 0 w 170716"/>
                <a:gd name="connsiteY0" fmla="*/ 458621 h 493827"/>
                <a:gd name="connsiteX1" fmla="*/ 8364 w 170716"/>
                <a:gd name="connsiteY1" fmla="*/ 449579 h 493827"/>
                <a:gd name="connsiteX2" fmla="*/ 25996 w 170716"/>
                <a:gd name="connsiteY2" fmla="*/ 448675 h 493827"/>
                <a:gd name="connsiteX3" fmla="*/ 25092 w 170716"/>
                <a:gd name="connsiteY3" fmla="*/ 431088 h 493827"/>
                <a:gd name="connsiteX4" fmla="*/ 31399 w 170716"/>
                <a:gd name="connsiteY4" fmla="*/ 419966 h 493827"/>
                <a:gd name="connsiteX5" fmla="*/ 42526 w 170716"/>
                <a:gd name="connsiteY5" fmla="*/ 426273 h 493827"/>
                <a:gd name="connsiteX6" fmla="*/ 42724 w 170716"/>
                <a:gd name="connsiteY6" fmla="*/ 430183 h 493827"/>
                <a:gd name="connsiteX7" fmla="*/ 43583 w 170716"/>
                <a:gd name="connsiteY7" fmla="*/ 447771 h 493827"/>
                <a:gd name="connsiteX8" fmla="*/ 61216 w 170716"/>
                <a:gd name="connsiteY8" fmla="*/ 446911 h 493827"/>
                <a:gd name="connsiteX9" fmla="*/ 70877 w 170716"/>
                <a:gd name="connsiteY9" fmla="*/ 454792 h 493827"/>
                <a:gd name="connsiteX10" fmla="*/ 62997 w 170716"/>
                <a:gd name="connsiteY10" fmla="*/ 464453 h 493827"/>
                <a:gd name="connsiteX11" fmla="*/ 62120 w 170716"/>
                <a:gd name="connsiteY11" fmla="*/ 464499 h 493827"/>
                <a:gd name="connsiteX12" fmla="*/ 44488 w 170716"/>
                <a:gd name="connsiteY12" fmla="*/ 465403 h 493827"/>
                <a:gd name="connsiteX13" fmla="*/ 45437 w 170716"/>
                <a:gd name="connsiteY13" fmla="*/ 484120 h 493827"/>
                <a:gd name="connsiteX14" fmla="*/ 37557 w 170716"/>
                <a:gd name="connsiteY14" fmla="*/ 493782 h 493827"/>
                <a:gd name="connsiteX15" fmla="*/ 27895 w 170716"/>
                <a:gd name="connsiteY15" fmla="*/ 485902 h 493827"/>
                <a:gd name="connsiteX16" fmla="*/ 27850 w 170716"/>
                <a:gd name="connsiteY16" fmla="*/ 485024 h 493827"/>
                <a:gd name="connsiteX17" fmla="*/ 26901 w 170716"/>
                <a:gd name="connsiteY17" fmla="*/ 466307 h 493827"/>
                <a:gd name="connsiteX18" fmla="*/ 9268 w 170716"/>
                <a:gd name="connsiteY18" fmla="*/ 467211 h 493827"/>
                <a:gd name="connsiteX19" fmla="*/ 0 w 170716"/>
                <a:gd name="connsiteY19" fmla="*/ 458621 h 493827"/>
                <a:gd name="connsiteX20" fmla="*/ 163257 w 170716"/>
                <a:gd name="connsiteY20" fmla="*/ 44669 h 493827"/>
                <a:gd name="connsiteX21" fmla="*/ 125868 w 170716"/>
                <a:gd name="connsiteY21" fmla="*/ 7460 h 493827"/>
                <a:gd name="connsiteX22" fmla="*/ 118408 w 170716"/>
                <a:gd name="connsiteY22" fmla="*/ 0 h 493827"/>
                <a:gd name="connsiteX23" fmla="*/ 110948 w 170716"/>
                <a:gd name="connsiteY23" fmla="*/ 7460 h 493827"/>
                <a:gd name="connsiteX24" fmla="*/ 73558 w 170716"/>
                <a:gd name="connsiteY24" fmla="*/ 44849 h 493827"/>
                <a:gd name="connsiteX25" fmla="*/ 66099 w 170716"/>
                <a:gd name="connsiteY25" fmla="*/ 52309 h 493827"/>
                <a:gd name="connsiteX26" fmla="*/ 73558 w 170716"/>
                <a:gd name="connsiteY26" fmla="*/ 59769 h 493827"/>
                <a:gd name="connsiteX27" fmla="*/ 110948 w 170716"/>
                <a:gd name="connsiteY27" fmla="*/ 97159 h 493827"/>
                <a:gd name="connsiteX28" fmla="*/ 118408 w 170716"/>
                <a:gd name="connsiteY28" fmla="*/ 104618 h 493827"/>
                <a:gd name="connsiteX29" fmla="*/ 125868 w 170716"/>
                <a:gd name="connsiteY29" fmla="*/ 97159 h 493827"/>
                <a:gd name="connsiteX30" fmla="*/ 163257 w 170716"/>
                <a:gd name="connsiteY30" fmla="*/ 59769 h 493827"/>
                <a:gd name="connsiteX31" fmla="*/ 170717 w 170716"/>
                <a:gd name="connsiteY31" fmla="*/ 52309 h 493827"/>
                <a:gd name="connsiteX32" fmla="*/ 163257 w 170716"/>
                <a:gd name="connsiteY32" fmla="*/ 44849 h 4938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70716" h="493827">
                  <a:moveTo>
                    <a:pt x="0" y="458621"/>
                  </a:moveTo>
                  <a:cubicBezTo>
                    <a:pt x="-14" y="453879"/>
                    <a:pt x="3635" y="449936"/>
                    <a:pt x="8364" y="449579"/>
                  </a:cubicBezTo>
                  <a:lnTo>
                    <a:pt x="25996" y="448675"/>
                  </a:lnTo>
                  <a:lnTo>
                    <a:pt x="25092" y="431088"/>
                  </a:lnTo>
                  <a:cubicBezTo>
                    <a:pt x="23763" y="426273"/>
                    <a:pt x="26589" y="421295"/>
                    <a:pt x="31399" y="419966"/>
                  </a:cubicBezTo>
                  <a:cubicBezTo>
                    <a:pt x="36214" y="418637"/>
                    <a:pt x="41196" y="421458"/>
                    <a:pt x="42526" y="426273"/>
                  </a:cubicBezTo>
                  <a:cubicBezTo>
                    <a:pt x="42874" y="427548"/>
                    <a:pt x="42946" y="428881"/>
                    <a:pt x="42724" y="430183"/>
                  </a:cubicBezTo>
                  <a:lnTo>
                    <a:pt x="43583" y="447771"/>
                  </a:lnTo>
                  <a:lnTo>
                    <a:pt x="61216" y="446911"/>
                  </a:lnTo>
                  <a:cubicBezTo>
                    <a:pt x="66058" y="446419"/>
                    <a:pt x="70385" y="449945"/>
                    <a:pt x="70877" y="454792"/>
                  </a:cubicBezTo>
                  <a:cubicBezTo>
                    <a:pt x="71370" y="459634"/>
                    <a:pt x="67844" y="463961"/>
                    <a:pt x="62997" y="464453"/>
                  </a:cubicBezTo>
                  <a:cubicBezTo>
                    <a:pt x="62708" y="464485"/>
                    <a:pt x="62414" y="464499"/>
                    <a:pt x="62120" y="464499"/>
                  </a:cubicBezTo>
                  <a:lnTo>
                    <a:pt x="44488" y="465403"/>
                  </a:lnTo>
                  <a:lnTo>
                    <a:pt x="45437" y="484120"/>
                  </a:lnTo>
                  <a:cubicBezTo>
                    <a:pt x="45930" y="488962"/>
                    <a:pt x="42403" y="493289"/>
                    <a:pt x="37557" y="493782"/>
                  </a:cubicBezTo>
                  <a:cubicBezTo>
                    <a:pt x="32715" y="494275"/>
                    <a:pt x="28388" y="490748"/>
                    <a:pt x="27895" y="485902"/>
                  </a:cubicBezTo>
                  <a:cubicBezTo>
                    <a:pt x="27864" y="485612"/>
                    <a:pt x="27850" y="485318"/>
                    <a:pt x="27850" y="485024"/>
                  </a:cubicBezTo>
                  <a:lnTo>
                    <a:pt x="26901" y="466307"/>
                  </a:lnTo>
                  <a:lnTo>
                    <a:pt x="9268" y="467211"/>
                  </a:lnTo>
                  <a:cubicBezTo>
                    <a:pt x="4358" y="467342"/>
                    <a:pt x="244" y="463527"/>
                    <a:pt x="0" y="458621"/>
                  </a:cubicBezTo>
                  <a:close/>
                  <a:moveTo>
                    <a:pt x="163257" y="44669"/>
                  </a:moveTo>
                  <a:cubicBezTo>
                    <a:pt x="142686" y="44646"/>
                    <a:pt x="125990" y="28029"/>
                    <a:pt x="125868" y="7460"/>
                  </a:cubicBezTo>
                  <a:cubicBezTo>
                    <a:pt x="125868" y="3340"/>
                    <a:pt x="122526" y="0"/>
                    <a:pt x="118408" y="0"/>
                  </a:cubicBezTo>
                  <a:cubicBezTo>
                    <a:pt x="114289" y="0"/>
                    <a:pt x="110948" y="3340"/>
                    <a:pt x="110948" y="7460"/>
                  </a:cubicBezTo>
                  <a:cubicBezTo>
                    <a:pt x="110925" y="28099"/>
                    <a:pt x="94197" y="44822"/>
                    <a:pt x="73558" y="44849"/>
                  </a:cubicBezTo>
                  <a:cubicBezTo>
                    <a:pt x="69440" y="44849"/>
                    <a:pt x="66099" y="48191"/>
                    <a:pt x="66099" y="52309"/>
                  </a:cubicBezTo>
                  <a:cubicBezTo>
                    <a:pt x="66099" y="56428"/>
                    <a:pt x="69440" y="59769"/>
                    <a:pt x="73558" y="59769"/>
                  </a:cubicBezTo>
                  <a:cubicBezTo>
                    <a:pt x="94197" y="59796"/>
                    <a:pt x="110925" y="76520"/>
                    <a:pt x="110948" y="97159"/>
                  </a:cubicBezTo>
                  <a:cubicBezTo>
                    <a:pt x="110948" y="101277"/>
                    <a:pt x="114289" y="104618"/>
                    <a:pt x="118408" y="104618"/>
                  </a:cubicBezTo>
                  <a:cubicBezTo>
                    <a:pt x="122526" y="104618"/>
                    <a:pt x="125868" y="101277"/>
                    <a:pt x="125868" y="97159"/>
                  </a:cubicBezTo>
                  <a:cubicBezTo>
                    <a:pt x="125895" y="76520"/>
                    <a:pt x="142618" y="59796"/>
                    <a:pt x="163257" y="59769"/>
                  </a:cubicBezTo>
                  <a:cubicBezTo>
                    <a:pt x="167376" y="59769"/>
                    <a:pt x="170717" y="56428"/>
                    <a:pt x="170717" y="52309"/>
                  </a:cubicBezTo>
                  <a:cubicBezTo>
                    <a:pt x="170717" y="48191"/>
                    <a:pt x="167376" y="44849"/>
                    <a:pt x="163257" y="44849"/>
                  </a:cubicBezTo>
                  <a:close/>
                </a:path>
              </a:pathLst>
            </a:custGeom>
            <a:solidFill>
              <a:schemeClr val="accent1"/>
            </a:solidFill>
            <a:ln w="4498" cap="flat">
              <a:noFill/>
              <a:prstDash val="solid"/>
              <a:miter/>
            </a:ln>
          </p:spPr>
          <p:txBody>
            <a:bodyPr rtlCol="0" anchor="ctr"/>
            <a:lstStyle/>
            <a:p>
              <a:endParaRPr lang="en-US"/>
            </a:p>
          </p:txBody>
        </p:sp>
        <p:sp>
          <p:nvSpPr>
            <p:cNvPr id="37" name="Graphic 34">
              <a:extLst>
                <a:ext uri="{FF2B5EF4-FFF2-40B4-BE49-F238E27FC236}">
                  <a16:creationId xmlns:a16="http://schemas.microsoft.com/office/drawing/2014/main" id="{C8F16755-F57F-554F-9210-AF05DD73DA3C}"/>
                </a:ext>
              </a:extLst>
            </p:cNvPr>
            <p:cNvSpPr/>
            <p:nvPr/>
          </p:nvSpPr>
          <p:spPr>
            <a:xfrm>
              <a:off x="2507717" y="2075692"/>
              <a:ext cx="1089576" cy="1091609"/>
            </a:xfrm>
            <a:custGeom>
              <a:avLst/>
              <a:gdLst>
                <a:gd name="connsiteX0" fmla="*/ 543798 w 1089576"/>
                <a:gd name="connsiteY0" fmla="*/ 2 h 1091609"/>
                <a:gd name="connsiteX1" fmla="*/ 156656 w 1089576"/>
                <a:gd name="connsiteY1" fmla="*/ 161134 h 1091609"/>
                <a:gd name="connsiteX2" fmla="*/ 169451 w 1089576"/>
                <a:gd name="connsiteY2" fmla="*/ 173884 h 1091609"/>
                <a:gd name="connsiteX3" fmla="*/ 915600 w 1089576"/>
                <a:gd name="connsiteY3" fmla="*/ 170835 h 1091609"/>
                <a:gd name="connsiteX4" fmla="*/ 918652 w 1089576"/>
                <a:gd name="connsiteY4" fmla="*/ 916987 h 1091609"/>
                <a:gd name="connsiteX5" fmla="*/ 855438 w 1089576"/>
                <a:gd name="connsiteY5" fmla="*/ 971362 h 1091609"/>
                <a:gd name="connsiteX6" fmla="*/ 847029 w 1089576"/>
                <a:gd name="connsiteY6" fmla="*/ 943964 h 1091609"/>
                <a:gd name="connsiteX7" fmla="*/ 625947 w 1089576"/>
                <a:gd name="connsiteY7" fmla="*/ 824200 h 1091609"/>
                <a:gd name="connsiteX8" fmla="*/ 625947 w 1089576"/>
                <a:gd name="connsiteY8" fmla="*/ 780707 h 1091609"/>
                <a:gd name="connsiteX9" fmla="*/ 625947 w 1089576"/>
                <a:gd name="connsiteY9" fmla="*/ 759141 h 1091609"/>
                <a:gd name="connsiteX10" fmla="*/ 688700 w 1089576"/>
                <a:gd name="connsiteY10" fmla="*/ 706018 h 1091609"/>
                <a:gd name="connsiteX11" fmla="*/ 668355 w 1089576"/>
                <a:gd name="connsiteY11" fmla="*/ 786268 h 1091609"/>
                <a:gd name="connsiteX12" fmla="*/ 661844 w 1089576"/>
                <a:gd name="connsiteY12" fmla="*/ 795310 h 1091609"/>
                <a:gd name="connsiteX13" fmla="*/ 672740 w 1089576"/>
                <a:gd name="connsiteY13" fmla="*/ 793502 h 1091609"/>
                <a:gd name="connsiteX14" fmla="*/ 790289 w 1089576"/>
                <a:gd name="connsiteY14" fmla="*/ 661169 h 1091609"/>
                <a:gd name="connsiteX15" fmla="*/ 700500 w 1089576"/>
                <a:gd name="connsiteY15" fmla="*/ 224882 h 1091609"/>
                <a:gd name="connsiteX16" fmla="*/ 544838 w 1089576"/>
                <a:gd name="connsiteY16" fmla="*/ 203542 h 1091609"/>
                <a:gd name="connsiteX17" fmla="*/ 381581 w 1089576"/>
                <a:gd name="connsiteY17" fmla="*/ 233291 h 1091609"/>
                <a:gd name="connsiteX18" fmla="*/ 291159 w 1089576"/>
                <a:gd name="connsiteY18" fmla="*/ 431271 h 1091609"/>
                <a:gd name="connsiteX19" fmla="*/ 302055 w 1089576"/>
                <a:gd name="connsiteY19" fmla="*/ 665102 h 1091609"/>
                <a:gd name="connsiteX20" fmla="*/ 417298 w 1089576"/>
                <a:gd name="connsiteY20" fmla="*/ 793502 h 1091609"/>
                <a:gd name="connsiteX21" fmla="*/ 428239 w 1089576"/>
                <a:gd name="connsiteY21" fmla="*/ 795310 h 1091609"/>
                <a:gd name="connsiteX22" fmla="*/ 421683 w 1089576"/>
                <a:gd name="connsiteY22" fmla="*/ 786268 h 1091609"/>
                <a:gd name="connsiteX23" fmla="*/ 401293 w 1089576"/>
                <a:gd name="connsiteY23" fmla="*/ 706064 h 1091609"/>
                <a:gd name="connsiteX24" fmla="*/ 463911 w 1089576"/>
                <a:gd name="connsiteY24" fmla="*/ 759322 h 1091609"/>
                <a:gd name="connsiteX25" fmla="*/ 463911 w 1089576"/>
                <a:gd name="connsiteY25" fmla="*/ 781928 h 1091609"/>
                <a:gd name="connsiteX26" fmla="*/ 463911 w 1089576"/>
                <a:gd name="connsiteY26" fmla="*/ 824336 h 1091609"/>
                <a:gd name="connsiteX27" fmla="*/ 242829 w 1089576"/>
                <a:gd name="connsiteY27" fmla="*/ 944100 h 1091609"/>
                <a:gd name="connsiteX28" fmla="*/ 234103 w 1089576"/>
                <a:gd name="connsiteY28" fmla="*/ 972945 h 1091609"/>
                <a:gd name="connsiteX29" fmla="*/ 18084 w 1089576"/>
                <a:gd name="connsiteY29" fmla="*/ 591318 h 1091609"/>
                <a:gd name="connsiteX30" fmla="*/ 0 w 1089576"/>
                <a:gd name="connsiteY30" fmla="*/ 592855 h 1091609"/>
                <a:gd name="connsiteX31" fmla="*/ 590818 w 1089576"/>
                <a:gd name="connsiteY31" fmla="*/ 1089544 h 1091609"/>
                <a:gd name="connsiteX32" fmla="*/ 1087511 w 1089576"/>
                <a:gd name="connsiteY32" fmla="*/ 498726 h 1091609"/>
                <a:gd name="connsiteX33" fmla="*/ 543798 w 1089576"/>
                <a:gd name="connsiteY33" fmla="*/ 2 h 1091609"/>
                <a:gd name="connsiteX34" fmla="*/ 397315 w 1089576"/>
                <a:gd name="connsiteY34" fmla="*/ 666233 h 1091609"/>
                <a:gd name="connsiteX35" fmla="*/ 478695 w 1089576"/>
                <a:gd name="connsiteY35" fmla="*/ 382895 h 1091609"/>
                <a:gd name="connsiteX36" fmla="*/ 610846 w 1089576"/>
                <a:gd name="connsiteY36" fmla="*/ 382895 h 1091609"/>
                <a:gd name="connsiteX37" fmla="*/ 692226 w 1089576"/>
                <a:gd name="connsiteY37" fmla="*/ 666504 h 1091609"/>
                <a:gd name="connsiteX38" fmla="*/ 544386 w 1089576"/>
                <a:gd name="connsiteY38" fmla="*/ 759729 h 1091609"/>
                <a:gd name="connsiteX39" fmla="*/ 397315 w 1089576"/>
                <a:gd name="connsiteY39" fmla="*/ 666233 h 1091609"/>
                <a:gd name="connsiteX40" fmla="*/ 479282 w 1089576"/>
                <a:gd name="connsiteY40" fmla="*/ 842556 h 1091609"/>
                <a:gd name="connsiteX41" fmla="*/ 483487 w 1089576"/>
                <a:gd name="connsiteY41" fmla="*/ 842194 h 1091609"/>
                <a:gd name="connsiteX42" fmla="*/ 483487 w 1089576"/>
                <a:gd name="connsiteY42" fmla="*/ 838035 h 1091609"/>
                <a:gd name="connsiteX43" fmla="*/ 483487 w 1089576"/>
                <a:gd name="connsiteY43" fmla="*/ 783284 h 1091609"/>
                <a:gd name="connsiteX44" fmla="*/ 483487 w 1089576"/>
                <a:gd name="connsiteY44" fmla="*/ 768229 h 1091609"/>
                <a:gd name="connsiteX45" fmla="*/ 606371 w 1089576"/>
                <a:gd name="connsiteY45" fmla="*/ 768229 h 1091609"/>
                <a:gd name="connsiteX46" fmla="*/ 606371 w 1089576"/>
                <a:gd name="connsiteY46" fmla="*/ 838170 h 1091609"/>
                <a:gd name="connsiteX47" fmla="*/ 606371 w 1089576"/>
                <a:gd name="connsiteY47" fmla="*/ 842330 h 1091609"/>
                <a:gd name="connsiteX48" fmla="*/ 610530 w 1089576"/>
                <a:gd name="connsiteY48" fmla="*/ 842691 h 1091609"/>
                <a:gd name="connsiteX49" fmla="*/ 629338 w 1089576"/>
                <a:gd name="connsiteY49" fmla="*/ 844500 h 1091609"/>
                <a:gd name="connsiteX50" fmla="*/ 545064 w 1089576"/>
                <a:gd name="connsiteY50" fmla="*/ 913673 h 1091609"/>
                <a:gd name="connsiteX51" fmla="*/ 460791 w 1089576"/>
                <a:gd name="connsiteY51" fmla="*/ 844500 h 1091609"/>
                <a:gd name="connsiteX52" fmla="*/ 479237 w 1089576"/>
                <a:gd name="connsiteY52" fmla="*/ 842646 h 1091609"/>
                <a:gd name="connsiteX53" fmla="*/ 251645 w 1089576"/>
                <a:gd name="connsiteY53" fmla="*/ 985242 h 1091609"/>
                <a:gd name="connsiteX54" fmla="*/ 400841 w 1089576"/>
                <a:gd name="connsiteY54" fmla="*/ 854130 h 1091609"/>
                <a:gd name="connsiteX55" fmla="*/ 476163 w 1089576"/>
                <a:gd name="connsiteY55" fmla="*/ 1069199 h 1091609"/>
                <a:gd name="connsiteX56" fmla="*/ 251645 w 1089576"/>
                <a:gd name="connsiteY56" fmla="*/ 985242 h 1091609"/>
                <a:gd name="connsiteX57" fmla="*/ 543798 w 1089576"/>
                <a:gd name="connsiteY57" fmla="*/ 1073494 h 1091609"/>
                <a:gd name="connsiteX58" fmla="*/ 498045 w 1089576"/>
                <a:gd name="connsiteY58" fmla="*/ 1071414 h 1091609"/>
                <a:gd name="connsiteX59" fmla="*/ 420463 w 1089576"/>
                <a:gd name="connsiteY59" fmla="*/ 850151 h 1091609"/>
                <a:gd name="connsiteX60" fmla="*/ 440491 w 1089576"/>
                <a:gd name="connsiteY60" fmla="*/ 846941 h 1091609"/>
                <a:gd name="connsiteX61" fmla="*/ 544748 w 1089576"/>
                <a:gd name="connsiteY61" fmla="*/ 933430 h 1091609"/>
                <a:gd name="connsiteX62" fmla="*/ 649050 w 1089576"/>
                <a:gd name="connsiteY62" fmla="*/ 846941 h 1091609"/>
                <a:gd name="connsiteX63" fmla="*/ 669078 w 1089576"/>
                <a:gd name="connsiteY63" fmla="*/ 850151 h 1091609"/>
                <a:gd name="connsiteX64" fmla="*/ 591587 w 1089576"/>
                <a:gd name="connsiteY64" fmla="*/ 1071279 h 1091609"/>
                <a:gd name="connsiteX65" fmla="*/ 543798 w 1089576"/>
                <a:gd name="connsiteY65" fmla="*/ 1073494 h 1091609"/>
                <a:gd name="connsiteX66" fmla="*/ 613469 w 1089576"/>
                <a:gd name="connsiteY66" fmla="*/ 1068973 h 1091609"/>
                <a:gd name="connsiteX67" fmla="*/ 688700 w 1089576"/>
                <a:gd name="connsiteY67" fmla="*/ 854220 h 1091609"/>
                <a:gd name="connsiteX68" fmla="*/ 837896 w 1089576"/>
                <a:gd name="connsiteY68" fmla="*/ 984021 h 1091609"/>
                <a:gd name="connsiteX69" fmla="*/ 613469 w 1089576"/>
                <a:gd name="connsiteY69" fmla="*/ 1068792 h 1091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1089576" h="1091609">
                  <a:moveTo>
                    <a:pt x="543798" y="2"/>
                  </a:moveTo>
                  <a:cubicBezTo>
                    <a:pt x="398359" y="-407"/>
                    <a:pt x="258857" y="57655"/>
                    <a:pt x="156656" y="161134"/>
                  </a:cubicBezTo>
                  <a:lnTo>
                    <a:pt x="169451" y="173884"/>
                  </a:lnTo>
                  <a:cubicBezTo>
                    <a:pt x="374655" y="-33002"/>
                    <a:pt x="708715" y="-34367"/>
                    <a:pt x="915600" y="170835"/>
                  </a:cubicBezTo>
                  <a:cubicBezTo>
                    <a:pt x="1122486" y="376036"/>
                    <a:pt x="1123852" y="710101"/>
                    <a:pt x="918652" y="916987"/>
                  </a:cubicBezTo>
                  <a:cubicBezTo>
                    <a:pt x="899049" y="936753"/>
                    <a:pt x="877913" y="954932"/>
                    <a:pt x="855438" y="971362"/>
                  </a:cubicBezTo>
                  <a:cubicBezTo>
                    <a:pt x="853322" y="962031"/>
                    <a:pt x="850510" y="952875"/>
                    <a:pt x="847029" y="943964"/>
                  </a:cubicBezTo>
                  <a:cubicBezTo>
                    <a:pt x="810860" y="853542"/>
                    <a:pt x="704659" y="832067"/>
                    <a:pt x="625947" y="824200"/>
                  </a:cubicBezTo>
                  <a:cubicBezTo>
                    <a:pt x="625947" y="809733"/>
                    <a:pt x="625947" y="795233"/>
                    <a:pt x="625947" y="780707"/>
                  </a:cubicBezTo>
                  <a:lnTo>
                    <a:pt x="625947" y="759141"/>
                  </a:lnTo>
                  <a:cubicBezTo>
                    <a:pt x="650230" y="745840"/>
                    <a:pt x="671574" y="727774"/>
                    <a:pt x="688700" y="706018"/>
                  </a:cubicBezTo>
                  <a:cubicBezTo>
                    <a:pt x="683953" y="744855"/>
                    <a:pt x="676267" y="775508"/>
                    <a:pt x="668355" y="786268"/>
                  </a:cubicBezTo>
                  <a:lnTo>
                    <a:pt x="661844" y="795310"/>
                  </a:lnTo>
                  <a:lnTo>
                    <a:pt x="672740" y="793502"/>
                  </a:lnTo>
                  <a:cubicBezTo>
                    <a:pt x="726677" y="784460"/>
                    <a:pt x="768362" y="737666"/>
                    <a:pt x="790289" y="661169"/>
                  </a:cubicBezTo>
                  <a:cubicBezTo>
                    <a:pt x="828809" y="525762"/>
                    <a:pt x="798608" y="310376"/>
                    <a:pt x="700500" y="224882"/>
                  </a:cubicBezTo>
                  <a:cubicBezTo>
                    <a:pt x="656148" y="186227"/>
                    <a:pt x="602347" y="178857"/>
                    <a:pt x="544838" y="203542"/>
                  </a:cubicBezTo>
                  <a:cubicBezTo>
                    <a:pt x="483080" y="180937"/>
                    <a:pt x="426657" y="191064"/>
                    <a:pt x="381581" y="233291"/>
                  </a:cubicBezTo>
                  <a:cubicBezTo>
                    <a:pt x="337591" y="274479"/>
                    <a:pt x="305401" y="344782"/>
                    <a:pt x="291159" y="431271"/>
                  </a:cubicBezTo>
                  <a:cubicBezTo>
                    <a:pt x="277596" y="512651"/>
                    <a:pt x="281574" y="597738"/>
                    <a:pt x="302055" y="665102"/>
                  </a:cubicBezTo>
                  <a:cubicBezTo>
                    <a:pt x="324660" y="739429"/>
                    <a:pt x="365577" y="785047"/>
                    <a:pt x="417298" y="793502"/>
                  </a:cubicBezTo>
                  <a:lnTo>
                    <a:pt x="428239" y="795310"/>
                  </a:lnTo>
                  <a:lnTo>
                    <a:pt x="421683" y="786268"/>
                  </a:lnTo>
                  <a:cubicBezTo>
                    <a:pt x="413771" y="775508"/>
                    <a:pt x="406086" y="744855"/>
                    <a:pt x="401293" y="706064"/>
                  </a:cubicBezTo>
                  <a:cubicBezTo>
                    <a:pt x="418351" y="727864"/>
                    <a:pt x="439655" y="745980"/>
                    <a:pt x="463911" y="759322"/>
                  </a:cubicBezTo>
                  <a:lnTo>
                    <a:pt x="463911" y="781928"/>
                  </a:lnTo>
                  <a:cubicBezTo>
                    <a:pt x="463911" y="796034"/>
                    <a:pt x="463911" y="810171"/>
                    <a:pt x="463911" y="824336"/>
                  </a:cubicBezTo>
                  <a:cubicBezTo>
                    <a:pt x="385153" y="832202"/>
                    <a:pt x="278907" y="853678"/>
                    <a:pt x="242829" y="944100"/>
                  </a:cubicBezTo>
                  <a:cubicBezTo>
                    <a:pt x="239158" y="953468"/>
                    <a:pt x="236240" y="963111"/>
                    <a:pt x="234103" y="972945"/>
                  </a:cubicBezTo>
                  <a:cubicBezTo>
                    <a:pt x="110070" y="883164"/>
                    <a:pt x="31224" y="743869"/>
                    <a:pt x="18084" y="591318"/>
                  </a:cubicBezTo>
                  <a:lnTo>
                    <a:pt x="0" y="592855"/>
                  </a:lnTo>
                  <a:cubicBezTo>
                    <a:pt x="25993" y="893161"/>
                    <a:pt x="290513" y="1115540"/>
                    <a:pt x="590818" y="1089544"/>
                  </a:cubicBezTo>
                  <a:cubicBezTo>
                    <a:pt x="891128" y="1063552"/>
                    <a:pt x="1113503" y="799031"/>
                    <a:pt x="1087511" y="498726"/>
                  </a:cubicBezTo>
                  <a:cubicBezTo>
                    <a:pt x="1063093" y="216609"/>
                    <a:pt x="826969" y="25"/>
                    <a:pt x="543798" y="2"/>
                  </a:cubicBezTo>
                  <a:close/>
                  <a:moveTo>
                    <a:pt x="397315" y="666233"/>
                  </a:moveTo>
                  <a:cubicBezTo>
                    <a:pt x="390397" y="555239"/>
                    <a:pt x="407578" y="414859"/>
                    <a:pt x="478695" y="382895"/>
                  </a:cubicBezTo>
                  <a:cubicBezTo>
                    <a:pt x="501617" y="372677"/>
                    <a:pt x="588060" y="372677"/>
                    <a:pt x="610846" y="382895"/>
                  </a:cubicBezTo>
                  <a:cubicBezTo>
                    <a:pt x="682144" y="414543"/>
                    <a:pt x="699279" y="555330"/>
                    <a:pt x="692226" y="666504"/>
                  </a:cubicBezTo>
                  <a:cubicBezTo>
                    <a:pt x="655605" y="726635"/>
                    <a:pt x="603115" y="759729"/>
                    <a:pt x="544386" y="759729"/>
                  </a:cubicBezTo>
                  <a:cubicBezTo>
                    <a:pt x="503108" y="759729"/>
                    <a:pt x="443972" y="743453"/>
                    <a:pt x="397315" y="666233"/>
                  </a:cubicBezTo>
                  <a:close/>
                  <a:moveTo>
                    <a:pt x="479282" y="842556"/>
                  </a:moveTo>
                  <a:lnTo>
                    <a:pt x="483487" y="842194"/>
                  </a:lnTo>
                  <a:lnTo>
                    <a:pt x="483487" y="838035"/>
                  </a:lnTo>
                  <a:cubicBezTo>
                    <a:pt x="483487" y="832338"/>
                    <a:pt x="483487" y="806975"/>
                    <a:pt x="483487" y="783284"/>
                  </a:cubicBezTo>
                  <a:lnTo>
                    <a:pt x="483487" y="768229"/>
                  </a:lnTo>
                  <a:cubicBezTo>
                    <a:pt x="523078" y="783212"/>
                    <a:pt x="566779" y="783212"/>
                    <a:pt x="606371" y="768229"/>
                  </a:cubicBezTo>
                  <a:cubicBezTo>
                    <a:pt x="606371" y="795039"/>
                    <a:pt x="606371" y="831208"/>
                    <a:pt x="606371" y="838170"/>
                  </a:cubicBezTo>
                  <a:lnTo>
                    <a:pt x="606371" y="842330"/>
                  </a:lnTo>
                  <a:lnTo>
                    <a:pt x="610530" y="842691"/>
                  </a:lnTo>
                  <a:cubicBezTo>
                    <a:pt x="616814" y="843189"/>
                    <a:pt x="623099" y="843822"/>
                    <a:pt x="629338" y="844500"/>
                  </a:cubicBezTo>
                  <a:cubicBezTo>
                    <a:pt x="604517" y="889711"/>
                    <a:pt x="575446" y="913673"/>
                    <a:pt x="545064" y="913673"/>
                  </a:cubicBezTo>
                  <a:cubicBezTo>
                    <a:pt x="514682" y="913673"/>
                    <a:pt x="485657" y="889801"/>
                    <a:pt x="460791" y="844500"/>
                  </a:cubicBezTo>
                  <a:cubicBezTo>
                    <a:pt x="466759" y="843777"/>
                    <a:pt x="473043" y="843144"/>
                    <a:pt x="479237" y="842646"/>
                  </a:cubicBezTo>
                  <a:close/>
                  <a:moveTo>
                    <a:pt x="251645" y="985242"/>
                  </a:moveTo>
                  <a:cubicBezTo>
                    <a:pt x="262495" y="926468"/>
                    <a:pt x="296223" y="877323"/>
                    <a:pt x="400841" y="854130"/>
                  </a:cubicBezTo>
                  <a:lnTo>
                    <a:pt x="476163" y="1069199"/>
                  </a:lnTo>
                  <a:cubicBezTo>
                    <a:pt x="395854" y="1058886"/>
                    <a:pt x="319014" y="1030155"/>
                    <a:pt x="251645" y="985242"/>
                  </a:cubicBezTo>
                  <a:close/>
                  <a:moveTo>
                    <a:pt x="543798" y="1073494"/>
                  </a:moveTo>
                  <a:cubicBezTo>
                    <a:pt x="528472" y="1073494"/>
                    <a:pt x="513191" y="1072725"/>
                    <a:pt x="498045" y="1071414"/>
                  </a:cubicBezTo>
                  <a:lnTo>
                    <a:pt x="420463" y="850151"/>
                  </a:lnTo>
                  <a:cubicBezTo>
                    <a:pt x="426883" y="848976"/>
                    <a:pt x="433574" y="847936"/>
                    <a:pt x="440491" y="846941"/>
                  </a:cubicBezTo>
                  <a:cubicBezTo>
                    <a:pt x="469607" y="902732"/>
                    <a:pt x="506544" y="933430"/>
                    <a:pt x="544748" y="933430"/>
                  </a:cubicBezTo>
                  <a:cubicBezTo>
                    <a:pt x="582951" y="933430"/>
                    <a:pt x="619934" y="902732"/>
                    <a:pt x="649050" y="846941"/>
                  </a:cubicBezTo>
                  <a:cubicBezTo>
                    <a:pt x="655922" y="847936"/>
                    <a:pt x="662613" y="848976"/>
                    <a:pt x="669078" y="850151"/>
                  </a:cubicBezTo>
                  <a:lnTo>
                    <a:pt x="591587" y="1071279"/>
                  </a:lnTo>
                  <a:cubicBezTo>
                    <a:pt x="575853" y="1072725"/>
                    <a:pt x="559939" y="1073494"/>
                    <a:pt x="543798" y="1073494"/>
                  </a:cubicBezTo>
                  <a:close/>
                  <a:moveTo>
                    <a:pt x="613469" y="1068973"/>
                  </a:moveTo>
                  <a:lnTo>
                    <a:pt x="688700" y="854220"/>
                  </a:lnTo>
                  <a:cubicBezTo>
                    <a:pt x="792685" y="877323"/>
                    <a:pt x="826548" y="925744"/>
                    <a:pt x="837896" y="984021"/>
                  </a:cubicBezTo>
                  <a:cubicBezTo>
                    <a:pt x="770649" y="1029255"/>
                    <a:pt x="693827" y="1058271"/>
                    <a:pt x="613469" y="1068792"/>
                  </a:cubicBezTo>
                  <a:close/>
                </a:path>
              </a:pathLst>
            </a:custGeom>
            <a:solidFill>
              <a:schemeClr val="accent2"/>
            </a:solidFill>
            <a:ln w="4498" cap="flat">
              <a:noFill/>
              <a:prstDash val="solid"/>
              <a:miter/>
            </a:ln>
          </p:spPr>
          <p:txBody>
            <a:bodyPr rtlCol="0" anchor="ctr"/>
            <a:lstStyle/>
            <a:p>
              <a:endParaRPr lang="en-US"/>
            </a:p>
          </p:txBody>
        </p:sp>
      </p:grpSp>
    </p:spTree>
    <p:custDataLst>
      <p:custData r:id="rId1"/>
      <p:custData r:id="rId2"/>
    </p:custDataLst>
    <p:extLst>
      <p:ext uri="{BB962C8B-B14F-4D97-AF65-F5344CB8AC3E}">
        <p14:creationId xmlns:p14="http://schemas.microsoft.com/office/powerpoint/2010/main" val="134422245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0165D600-61B8-4B06-BD98-C1C1B3501B2C}"/>
              </a:ext>
            </a:extLst>
          </p:cNvPr>
          <p:cNvCxnSpPr>
            <a:cxnSpLocks/>
          </p:cNvCxnSpPr>
          <p:nvPr/>
        </p:nvCxnSpPr>
        <p:spPr>
          <a:xfrm>
            <a:off x="2770530" y="2452844"/>
            <a:ext cx="0" cy="139535"/>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 name="Straight Connector 3">
            <a:extLst>
              <a:ext uri="{FF2B5EF4-FFF2-40B4-BE49-F238E27FC236}">
                <a16:creationId xmlns:a16="http://schemas.microsoft.com/office/drawing/2014/main" id="{CE70B884-6D6A-4BC0-A48E-85A7EAAE36A4}"/>
              </a:ext>
            </a:extLst>
          </p:cNvPr>
          <p:cNvCxnSpPr>
            <a:cxnSpLocks/>
          </p:cNvCxnSpPr>
          <p:nvPr/>
        </p:nvCxnSpPr>
        <p:spPr>
          <a:xfrm>
            <a:off x="2770530" y="3026209"/>
            <a:ext cx="0" cy="139535"/>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sp>
        <p:nvSpPr>
          <p:cNvPr id="5" name="TextBox 4">
            <a:extLst>
              <a:ext uri="{FF2B5EF4-FFF2-40B4-BE49-F238E27FC236}">
                <a16:creationId xmlns:a16="http://schemas.microsoft.com/office/drawing/2014/main" id="{623ADBEC-64F5-4467-8F38-503AFC203C50}"/>
              </a:ext>
            </a:extLst>
          </p:cNvPr>
          <p:cNvSpPr txBox="1"/>
          <p:nvPr/>
        </p:nvSpPr>
        <p:spPr>
          <a:xfrm>
            <a:off x="2081039" y="2600960"/>
            <a:ext cx="1390071" cy="415498"/>
          </a:xfrm>
          <a:prstGeom prst="rect">
            <a:avLst/>
          </a:prstGeom>
          <a:noFill/>
          <a:ln>
            <a:noFill/>
          </a:ln>
        </p:spPr>
        <p:txBody>
          <a:bodyPr wrap="square" rtlCol="0">
            <a:spAutoFit/>
          </a:bodyPr>
          <a:lstStyle/>
          <a:p>
            <a:pPr algn="ctr">
              <a:defRPr/>
            </a:pPr>
            <a:r>
              <a:rPr lang="en-US" sz="1000" b="1" cap="all" spc="45" dirty="0">
                <a:solidFill>
                  <a:schemeClr val="accent2"/>
                </a:solidFill>
                <a:latin typeface="Calibri" panose="020F0502020204030204" pitchFamily="34" charset="0"/>
                <a:cs typeface="Calibri" panose="020F0502020204030204" pitchFamily="34" charset="0"/>
              </a:rPr>
              <a:t>Strategic Alignment</a:t>
            </a:r>
          </a:p>
        </p:txBody>
      </p:sp>
      <p:cxnSp>
        <p:nvCxnSpPr>
          <p:cNvPr id="6" name="Straight Connector 5">
            <a:extLst>
              <a:ext uri="{FF2B5EF4-FFF2-40B4-BE49-F238E27FC236}">
                <a16:creationId xmlns:a16="http://schemas.microsoft.com/office/drawing/2014/main" id="{BFE7532A-29C3-4024-A614-BF07413439DF}"/>
              </a:ext>
            </a:extLst>
          </p:cNvPr>
          <p:cNvCxnSpPr>
            <a:cxnSpLocks/>
          </p:cNvCxnSpPr>
          <p:nvPr/>
        </p:nvCxnSpPr>
        <p:spPr>
          <a:xfrm>
            <a:off x="2066971" y="3168755"/>
            <a:ext cx="1404142" cy="0"/>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7" name="Straight Connector 6">
            <a:extLst>
              <a:ext uri="{FF2B5EF4-FFF2-40B4-BE49-F238E27FC236}">
                <a16:creationId xmlns:a16="http://schemas.microsoft.com/office/drawing/2014/main" id="{1A57BB87-8A7F-47D5-BF13-53C9A4666F07}"/>
              </a:ext>
            </a:extLst>
          </p:cNvPr>
          <p:cNvCxnSpPr>
            <a:cxnSpLocks/>
          </p:cNvCxnSpPr>
          <p:nvPr/>
        </p:nvCxnSpPr>
        <p:spPr>
          <a:xfrm>
            <a:off x="2066971" y="2458895"/>
            <a:ext cx="1404142" cy="0"/>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8" name="Straight Connector 7">
            <a:extLst>
              <a:ext uri="{FF2B5EF4-FFF2-40B4-BE49-F238E27FC236}">
                <a16:creationId xmlns:a16="http://schemas.microsoft.com/office/drawing/2014/main" id="{3B0D7A5E-5502-4895-B23E-F90BB0A24C87}"/>
              </a:ext>
            </a:extLst>
          </p:cNvPr>
          <p:cNvCxnSpPr>
            <a:cxnSpLocks/>
          </p:cNvCxnSpPr>
          <p:nvPr/>
        </p:nvCxnSpPr>
        <p:spPr>
          <a:xfrm>
            <a:off x="4426636" y="2455767"/>
            <a:ext cx="0" cy="139535"/>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9" name="Straight Connector 8">
            <a:extLst>
              <a:ext uri="{FF2B5EF4-FFF2-40B4-BE49-F238E27FC236}">
                <a16:creationId xmlns:a16="http://schemas.microsoft.com/office/drawing/2014/main" id="{1E323125-1077-4318-B478-F2D9FC1805F0}"/>
              </a:ext>
            </a:extLst>
          </p:cNvPr>
          <p:cNvCxnSpPr>
            <a:cxnSpLocks/>
          </p:cNvCxnSpPr>
          <p:nvPr/>
        </p:nvCxnSpPr>
        <p:spPr>
          <a:xfrm>
            <a:off x="4426636" y="3026209"/>
            <a:ext cx="0" cy="139535"/>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sp>
        <p:nvSpPr>
          <p:cNvPr id="10" name="TextBox 9">
            <a:extLst>
              <a:ext uri="{FF2B5EF4-FFF2-40B4-BE49-F238E27FC236}">
                <a16:creationId xmlns:a16="http://schemas.microsoft.com/office/drawing/2014/main" id="{311132FF-F2DE-45B2-85D6-2A522F42F8B3}"/>
              </a:ext>
            </a:extLst>
          </p:cNvPr>
          <p:cNvSpPr txBox="1"/>
          <p:nvPr/>
        </p:nvSpPr>
        <p:spPr>
          <a:xfrm>
            <a:off x="3724043" y="2600960"/>
            <a:ext cx="1411642" cy="253916"/>
          </a:xfrm>
          <a:prstGeom prst="rect">
            <a:avLst/>
          </a:prstGeom>
          <a:noFill/>
          <a:ln>
            <a:noFill/>
          </a:ln>
        </p:spPr>
        <p:txBody>
          <a:bodyPr wrap="square" rtlCol="0">
            <a:spAutoFit/>
          </a:bodyPr>
          <a:lstStyle/>
          <a:p>
            <a:pPr algn="ctr">
              <a:defRPr/>
            </a:pPr>
            <a:r>
              <a:rPr lang="en-US" sz="1000" b="1" cap="all" spc="45">
                <a:solidFill>
                  <a:schemeClr val="accent4"/>
                </a:solidFill>
                <a:latin typeface="Calibri" panose="020F0502020204030204" pitchFamily="34" charset="0"/>
                <a:cs typeface="Calibri" panose="020F0502020204030204" pitchFamily="34" charset="0"/>
              </a:rPr>
              <a:t>Solution Vision</a:t>
            </a:r>
          </a:p>
        </p:txBody>
      </p:sp>
      <p:cxnSp>
        <p:nvCxnSpPr>
          <p:cNvPr id="11" name="Straight Connector 10">
            <a:extLst>
              <a:ext uri="{FF2B5EF4-FFF2-40B4-BE49-F238E27FC236}">
                <a16:creationId xmlns:a16="http://schemas.microsoft.com/office/drawing/2014/main" id="{BF3DD46C-9219-454C-8355-87B3357F9144}"/>
              </a:ext>
            </a:extLst>
          </p:cNvPr>
          <p:cNvCxnSpPr>
            <a:cxnSpLocks/>
          </p:cNvCxnSpPr>
          <p:nvPr/>
        </p:nvCxnSpPr>
        <p:spPr>
          <a:xfrm>
            <a:off x="3724043" y="3162703"/>
            <a:ext cx="1399246" cy="0"/>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 name="Straight Connector 11">
            <a:extLst>
              <a:ext uri="{FF2B5EF4-FFF2-40B4-BE49-F238E27FC236}">
                <a16:creationId xmlns:a16="http://schemas.microsoft.com/office/drawing/2014/main" id="{E1FFDE66-3664-4440-9610-2768EF0649AC}"/>
              </a:ext>
            </a:extLst>
          </p:cNvPr>
          <p:cNvCxnSpPr>
            <a:cxnSpLocks/>
          </p:cNvCxnSpPr>
          <p:nvPr/>
        </p:nvCxnSpPr>
        <p:spPr>
          <a:xfrm>
            <a:off x="3736439" y="2452843"/>
            <a:ext cx="1399246" cy="0"/>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3" name="Straight Connector 12">
            <a:extLst>
              <a:ext uri="{FF2B5EF4-FFF2-40B4-BE49-F238E27FC236}">
                <a16:creationId xmlns:a16="http://schemas.microsoft.com/office/drawing/2014/main" id="{9B9652D7-EBE3-4B3D-B3BE-67B7120FF626}"/>
              </a:ext>
            </a:extLst>
          </p:cNvPr>
          <p:cNvCxnSpPr>
            <a:cxnSpLocks/>
          </p:cNvCxnSpPr>
          <p:nvPr/>
        </p:nvCxnSpPr>
        <p:spPr>
          <a:xfrm>
            <a:off x="6086945" y="2452844"/>
            <a:ext cx="0" cy="139535"/>
          </a:xfrm>
          <a:prstGeom prst="line">
            <a:avLst/>
          </a:prstGeom>
          <a:ln w="19050">
            <a:solidFill>
              <a:schemeClr val="accent6">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4" name="Straight Connector 13">
            <a:extLst>
              <a:ext uri="{FF2B5EF4-FFF2-40B4-BE49-F238E27FC236}">
                <a16:creationId xmlns:a16="http://schemas.microsoft.com/office/drawing/2014/main" id="{E602BDBB-E90F-42E5-8EF6-335FACC09DF9}"/>
              </a:ext>
            </a:extLst>
          </p:cNvPr>
          <p:cNvCxnSpPr>
            <a:cxnSpLocks/>
          </p:cNvCxnSpPr>
          <p:nvPr/>
        </p:nvCxnSpPr>
        <p:spPr>
          <a:xfrm>
            <a:off x="6076269" y="3026209"/>
            <a:ext cx="0" cy="139535"/>
          </a:xfrm>
          <a:prstGeom prst="line">
            <a:avLst/>
          </a:prstGeom>
          <a:ln w="19050">
            <a:solidFill>
              <a:schemeClr val="accent6">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sp>
        <p:nvSpPr>
          <p:cNvPr id="15" name="TextBox 14">
            <a:extLst>
              <a:ext uri="{FF2B5EF4-FFF2-40B4-BE49-F238E27FC236}">
                <a16:creationId xmlns:a16="http://schemas.microsoft.com/office/drawing/2014/main" id="{9318EFEE-C45B-4C3C-B580-0487850E6168}"/>
              </a:ext>
            </a:extLst>
          </p:cNvPr>
          <p:cNvSpPr txBox="1"/>
          <p:nvPr/>
        </p:nvSpPr>
        <p:spPr>
          <a:xfrm>
            <a:off x="5388615" y="2600960"/>
            <a:ext cx="1411254" cy="415498"/>
          </a:xfrm>
          <a:prstGeom prst="rect">
            <a:avLst/>
          </a:prstGeom>
          <a:noFill/>
          <a:ln>
            <a:noFill/>
          </a:ln>
        </p:spPr>
        <p:txBody>
          <a:bodyPr wrap="square" rtlCol="0">
            <a:spAutoFit/>
          </a:bodyPr>
          <a:lstStyle/>
          <a:p>
            <a:pPr algn="ctr">
              <a:defRPr/>
            </a:pPr>
            <a:r>
              <a:rPr lang="en-US" sz="1000" b="1" cap="all" spc="45" dirty="0">
                <a:solidFill>
                  <a:schemeClr val="accent6">
                    <a:lumMod val="50000"/>
                  </a:schemeClr>
                </a:solidFill>
                <a:latin typeface="Calibri" panose="020F0502020204030204" pitchFamily="34" charset="0"/>
                <a:cs typeface="Calibri" panose="020F0502020204030204" pitchFamily="34" charset="0"/>
              </a:rPr>
              <a:t>Clarity and Capacity</a:t>
            </a:r>
          </a:p>
        </p:txBody>
      </p:sp>
      <p:cxnSp>
        <p:nvCxnSpPr>
          <p:cNvPr id="16" name="Straight Connector 15">
            <a:extLst>
              <a:ext uri="{FF2B5EF4-FFF2-40B4-BE49-F238E27FC236}">
                <a16:creationId xmlns:a16="http://schemas.microsoft.com/office/drawing/2014/main" id="{02179EE9-A30A-4AD7-B72B-66DFAAA99E30}"/>
              </a:ext>
            </a:extLst>
          </p:cNvPr>
          <p:cNvCxnSpPr>
            <a:cxnSpLocks/>
          </p:cNvCxnSpPr>
          <p:nvPr/>
        </p:nvCxnSpPr>
        <p:spPr>
          <a:xfrm>
            <a:off x="5388616" y="3160351"/>
            <a:ext cx="1411255" cy="0"/>
          </a:xfrm>
          <a:prstGeom prst="line">
            <a:avLst/>
          </a:prstGeom>
          <a:ln w="19050">
            <a:solidFill>
              <a:schemeClr val="accent6">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7" name="Straight Connector 16">
            <a:extLst>
              <a:ext uri="{FF2B5EF4-FFF2-40B4-BE49-F238E27FC236}">
                <a16:creationId xmlns:a16="http://schemas.microsoft.com/office/drawing/2014/main" id="{075CCC81-84FE-4B09-8BFC-1D86634E870A}"/>
              </a:ext>
            </a:extLst>
          </p:cNvPr>
          <p:cNvCxnSpPr>
            <a:cxnSpLocks/>
          </p:cNvCxnSpPr>
          <p:nvPr/>
        </p:nvCxnSpPr>
        <p:spPr>
          <a:xfrm>
            <a:off x="5400336" y="2454615"/>
            <a:ext cx="1411255" cy="0"/>
          </a:xfrm>
          <a:prstGeom prst="line">
            <a:avLst/>
          </a:prstGeom>
          <a:ln w="19050">
            <a:solidFill>
              <a:schemeClr val="accent6">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8" name="Straight Connector 17">
            <a:extLst>
              <a:ext uri="{FF2B5EF4-FFF2-40B4-BE49-F238E27FC236}">
                <a16:creationId xmlns:a16="http://schemas.microsoft.com/office/drawing/2014/main" id="{00A3793C-CBE1-4DBA-B613-6AB462254A4C}"/>
              </a:ext>
            </a:extLst>
          </p:cNvPr>
          <p:cNvCxnSpPr>
            <a:cxnSpLocks/>
          </p:cNvCxnSpPr>
          <p:nvPr/>
        </p:nvCxnSpPr>
        <p:spPr>
          <a:xfrm>
            <a:off x="7771488" y="2454595"/>
            <a:ext cx="0" cy="139535"/>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9" name="Straight Connector 18">
            <a:extLst>
              <a:ext uri="{FF2B5EF4-FFF2-40B4-BE49-F238E27FC236}">
                <a16:creationId xmlns:a16="http://schemas.microsoft.com/office/drawing/2014/main" id="{B6E5B2F4-EBF3-4249-8AAD-7A14B943EA27}"/>
              </a:ext>
            </a:extLst>
          </p:cNvPr>
          <p:cNvCxnSpPr>
            <a:cxnSpLocks/>
          </p:cNvCxnSpPr>
          <p:nvPr/>
        </p:nvCxnSpPr>
        <p:spPr>
          <a:xfrm>
            <a:off x="7771045" y="3026209"/>
            <a:ext cx="0" cy="139535"/>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20" name="TextBox 19">
            <a:extLst>
              <a:ext uri="{FF2B5EF4-FFF2-40B4-BE49-F238E27FC236}">
                <a16:creationId xmlns:a16="http://schemas.microsoft.com/office/drawing/2014/main" id="{5EFD5A41-C383-4469-AB9F-A0BE8243A687}"/>
              </a:ext>
            </a:extLst>
          </p:cNvPr>
          <p:cNvSpPr txBox="1"/>
          <p:nvPr/>
        </p:nvSpPr>
        <p:spPr>
          <a:xfrm>
            <a:off x="7064521" y="2681751"/>
            <a:ext cx="1423241" cy="253916"/>
          </a:xfrm>
          <a:prstGeom prst="rect">
            <a:avLst/>
          </a:prstGeom>
          <a:noFill/>
        </p:spPr>
        <p:txBody>
          <a:bodyPr wrap="square" rtlCol="0">
            <a:spAutoFit/>
          </a:bodyPr>
          <a:lstStyle/>
          <a:p>
            <a:pPr algn="ctr">
              <a:defRPr/>
            </a:pPr>
            <a:r>
              <a:rPr lang="en-US" sz="1000" b="1" cap="all" spc="45">
                <a:solidFill>
                  <a:schemeClr val="accent1"/>
                </a:solidFill>
                <a:latin typeface="Calibri" panose="020F0502020204030204" pitchFamily="34" charset="0"/>
                <a:cs typeface="Calibri" panose="020F0502020204030204" pitchFamily="34" charset="0"/>
              </a:rPr>
              <a:t>Execution</a:t>
            </a:r>
          </a:p>
        </p:txBody>
      </p:sp>
      <p:cxnSp>
        <p:nvCxnSpPr>
          <p:cNvPr id="21" name="Straight Connector 20">
            <a:extLst>
              <a:ext uri="{FF2B5EF4-FFF2-40B4-BE49-F238E27FC236}">
                <a16:creationId xmlns:a16="http://schemas.microsoft.com/office/drawing/2014/main" id="{B0A3B138-E1B2-471C-89F8-18B9AE26D43B}"/>
              </a:ext>
            </a:extLst>
          </p:cNvPr>
          <p:cNvCxnSpPr>
            <a:cxnSpLocks/>
          </p:cNvCxnSpPr>
          <p:nvPr/>
        </p:nvCxnSpPr>
        <p:spPr>
          <a:xfrm>
            <a:off x="7071977" y="3158574"/>
            <a:ext cx="1418131" cy="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22" name="Straight Connector 21">
            <a:extLst>
              <a:ext uri="{FF2B5EF4-FFF2-40B4-BE49-F238E27FC236}">
                <a16:creationId xmlns:a16="http://schemas.microsoft.com/office/drawing/2014/main" id="{0525A962-5DD1-4395-9BE7-32DD68C6F51D}"/>
              </a:ext>
            </a:extLst>
          </p:cNvPr>
          <p:cNvCxnSpPr>
            <a:cxnSpLocks/>
          </p:cNvCxnSpPr>
          <p:nvPr/>
        </p:nvCxnSpPr>
        <p:spPr>
          <a:xfrm>
            <a:off x="7069631" y="2452843"/>
            <a:ext cx="1418131" cy="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23" name="Straight Connector 22">
            <a:extLst>
              <a:ext uri="{FF2B5EF4-FFF2-40B4-BE49-F238E27FC236}">
                <a16:creationId xmlns:a16="http://schemas.microsoft.com/office/drawing/2014/main" id="{6B8758BE-C21E-4FAC-9AAA-FE5C4B892C8C}"/>
              </a:ext>
            </a:extLst>
          </p:cNvPr>
          <p:cNvCxnSpPr>
            <a:cxnSpLocks/>
          </p:cNvCxnSpPr>
          <p:nvPr/>
        </p:nvCxnSpPr>
        <p:spPr>
          <a:xfrm>
            <a:off x="9474244" y="2452844"/>
            <a:ext cx="0" cy="139535"/>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cxnSp>
        <p:nvCxnSpPr>
          <p:cNvPr id="24" name="Straight Connector 23">
            <a:extLst>
              <a:ext uri="{FF2B5EF4-FFF2-40B4-BE49-F238E27FC236}">
                <a16:creationId xmlns:a16="http://schemas.microsoft.com/office/drawing/2014/main" id="{9E89BE8F-E6F6-4117-B53D-6DA8AAE05941}"/>
              </a:ext>
            </a:extLst>
          </p:cNvPr>
          <p:cNvCxnSpPr>
            <a:cxnSpLocks/>
          </p:cNvCxnSpPr>
          <p:nvPr/>
        </p:nvCxnSpPr>
        <p:spPr>
          <a:xfrm>
            <a:off x="9462871" y="3026209"/>
            <a:ext cx="0" cy="139535"/>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25" name="TextBox 24">
            <a:extLst>
              <a:ext uri="{FF2B5EF4-FFF2-40B4-BE49-F238E27FC236}">
                <a16:creationId xmlns:a16="http://schemas.microsoft.com/office/drawing/2014/main" id="{8580C30D-EB77-4A1A-9F3F-C84FF9B20906}"/>
              </a:ext>
            </a:extLst>
          </p:cNvPr>
          <p:cNvSpPr txBox="1"/>
          <p:nvPr/>
        </p:nvSpPr>
        <p:spPr>
          <a:xfrm>
            <a:off x="8761223" y="2600960"/>
            <a:ext cx="1396920" cy="415498"/>
          </a:xfrm>
          <a:prstGeom prst="rect">
            <a:avLst/>
          </a:prstGeom>
          <a:noFill/>
          <a:ln>
            <a:noFill/>
          </a:ln>
        </p:spPr>
        <p:txBody>
          <a:bodyPr wrap="square" rtlCol="0">
            <a:spAutoFit/>
          </a:bodyPr>
          <a:lstStyle/>
          <a:p>
            <a:pPr algn="ctr">
              <a:defRPr/>
            </a:pPr>
            <a:r>
              <a:rPr lang="en-US" sz="1000" b="1" cap="all" spc="45">
                <a:solidFill>
                  <a:schemeClr val="accent6"/>
                </a:solidFill>
                <a:latin typeface="Calibri" panose="020F0502020204030204" pitchFamily="34" charset="0"/>
                <a:cs typeface="Calibri" panose="020F0502020204030204" pitchFamily="34" charset="0"/>
              </a:rPr>
              <a:t>Measure effectiveness</a:t>
            </a:r>
          </a:p>
        </p:txBody>
      </p:sp>
      <p:cxnSp>
        <p:nvCxnSpPr>
          <p:cNvPr id="26" name="Straight Connector 25">
            <a:extLst>
              <a:ext uri="{FF2B5EF4-FFF2-40B4-BE49-F238E27FC236}">
                <a16:creationId xmlns:a16="http://schemas.microsoft.com/office/drawing/2014/main" id="{E62B48F2-6699-4C9C-BF39-0AAA86ECB742}"/>
              </a:ext>
            </a:extLst>
          </p:cNvPr>
          <p:cNvCxnSpPr>
            <a:cxnSpLocks/>
          </p:cNvCxnSpPr>
          <p:nvPr/>
        </p:nvCxnSpPr>
        <p:spPr>
          <a:xfrm>
            <a:off x="8745386" y="3165800"/>
            <a:ext cx="1433295"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cxnSp>
        <p:nvCxnSpPr>
          <p:cNvPr id="27" name="Straight Connector 26">
            <a:extLst>
              <a:ext uri="{FF2B5EF4-FFF2-40B4-BE49-F238E27FC236}">
                <a16:creationId xmlns:a16="http://schemas.microsoft.com/office/drawing/2014/main" id="{A9B7D70A-6212-4409-85E1-4AA54FBA068E}"/>
              </a:ext>
            </a:extLst>
          </p:cNvPr>
          <p:cNvCxnSpPr>
            <a:cxnSpLocks/>
          </p:cNvCxnSpPr>
          <p:nvPr/>
        </p:nvCxnSpPr>
        <p:spPr>
          <a:xfrm>
            <a:off x="8743037" y="2460071"/>
            <a:ext cx="1433295"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33" name="Freeform 112">
            <a:extLst>
              <a:ext uri="{FF2B5EF4-FFF2-40B4-BE49-F238E27FC236}">
                <a16:creationId xmlns:a16="http://schemas.microsoft.com/office/drawing/2014/main" id="{DEB57E81-2FD8-48BE-8132-887F989D857F}"/>
              </a:ext>
            </a:extLst>
          </p:cNvPr>
          <p:cNvSpPr/>
          <p:nvPr/>
        </p:nvSpPr>
        <p:spPr>
          <a:xfrm>
            <a:off x="1981201" y="1919891"/>
            <a:ext cx="862507" cy="33012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500" b="1" cap="all" spc="70" dirty="0">
                <a:latin typeface="+mj-lt"/>
              </a:rPr>
              <a:t>Portfolio alignment</a:t>
            </a:r>
          </a:p>
        </p:txBody>
      </p:sp>
      <p:sp>
        <p:nvSpPr>
          <p:cNvPr id="34" name="Freeform 207">
            <a:extLst>
              <a:ext uri="{FF2B5EF4-FFF2-40B4-BE49-F238E27FC236}">
                <a16:creationId xmlns:a16="http://schemas.microsoft.com/office/drawing/2014/main" id="{2718D8A5-027F-436B-A664-1892DF31CFC1}"/>
              </a:ext>
            </a:extLst>
          </p:cNvPr>
          <p:cNvSpPr/>
          <p:nvPr/>
        </p:nvSpPr>
        <p:spPr>
          <a:xfrm>
            <a:off x="3992412" y="1916333"/>
            <a:ext cx="862508" cy="33959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500" b="1" cap="all" spc="70">
                <a:latin typeface="+mj-lt"/>
              </a:rPr>
              <a:t>Solution Definition</a:t>
            </a:r>
          </a:p>
        </p:txBody>
      </p:sp>
      <p:sp>
        <p:nvSpPr>
          <p:cNvPr id="37" name="TextBox 36">
            <a:extLst>
              <a:ext uri="{FF2B5EF4-FFF2-40B4-BE49-F238E27FC236}">
                <a16:creationId xmlns:a16="http://schemas.microsoft.com/office/drawing/2014/main" id="{AF4CCEDE-2A14-4E9B-93E0-33536FC24B61}"/>
              </a:ext>
            </a:extLst>
          </p:cNvPr>
          <p:cNvSpPr txBox="1"/>
          <p:nvPr/>
        </p:nvSpPr>
        <p:spPr>
          <a:xfrm>
            <a:off x="2081038" y="3258228"/>
            <a:ext cx="1404142" cy="1948425"/>
          </a:xfrm>
          <a:prstGeom prst="roundRect">
            <a:avLst/>
          </a:prstGeom>
          <a:solidFill>
            <a:schemeClr val="accent2"/>
          </a:solidFill>
        </p:spPr>
        <p:txBody>
          <a:bodyPr wrap="square" rtlCol="0" anchor="ctr">
            <a:noAutofit/>
          </a:bodyPr>
          <a:lstStyle/>
          <a:p>
            <a:pPr defTabSz="914400">
              <a:defRPr/>
            </a:pPr>
            <a:endParaRPr lang="en-US" sz="1000" b="1" kern="0">
              <a:solidFill>
                <a:schemeClr val="bg1"/>
              </a:solidFill>
              <a:cs typeface="Calibri" panose="020F0502020204030204" pitchFamily="34" charset="0"/>
            </a:endParaRPr>
          </a:p>
        </p:txBody>
      </p:sp>
      <p:sp>
        <p:nvSpPr>
          <p:cNvPr id="38" name="TextBox 37">
            <a:extLst>
              <a:ext uri="{FF2B5EF4-FFF2-40B4-BE49-F238E27FC236}">
                <a16:creationId xmlns:a16="http://schemas.microsoft.com/office/drawing/2014/main" id="{8BAB4A86-439A-B446-90AB-9E4551FDFBE6}"/>
              </a:ext>
            </a:extLst>
          </p:cNvPr>
          <p:cNvSpPr txBox="1"/>
          <p:nvPr/>
        </p:nvSpPr>
        <p:spPr>
          <a:xfrm>
            <a:off x="3736439" y="3258228"/>
            <a:ext cx="1404142" cy="1948425"/>
          </a:xfrm>
          <a:prstGeom prst="roundRect">
            <a:avLst/>
          </a:pr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defPPr>
              <a:defRPr lang="en-US"/>
            </a:defPPr>
            <a:lvl1pPr algn="ctr">
              <a:defRPr sz="600" b="1" cap="all" spc="70">
                <a:solidFill>
                  <a:schemeClr val="lt1"/>
                </a:solidFill>
                <a:latin typeface="+mj-lt"/>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a:defRPr/>
            </a:pPr>
            <a:r>
              <a:rPr lang="en-US" sz="800" spc="53" dirty="0">
                <a:solidFill>
                  <a:schemeClr val="bg1"/>
                </a:solidFill>
                <a:cs typeface="Calibri Light" panose="020F0302020204030204" pitchFamily="34" charset="0"/>
              </a:rPr>
              <a:t>CONSIDER OPTIONS</a:t>
            </a:r>
          </a:p>
          <a:p>
            <a:pPr>
              <a:defRPr/>
            </a:pPr>
            <a:endParaRPr lang="en-US" sz="800" spc="53" dirty="0">
              <a:solidFill>
                <a:schemeClr val="bg1"/>
              </a:solidFill>
              <a:cs typeface="Calibri Light" panose="020F0302020204030204" pitchFamily="34" charset="0"/>
            </a:endParaRPr>
          </a:p>
          <a:p>
            <a:pPr>
              <a:defRPr/>
            </a:pPr>
            <a:r>
              <a:rPr lang="en-US" sz="800" spc="53" dirty="0">
                <a:solidFill>
                  <a:schemeClr val="bg1"/>
                </a:solidFill>
                <a:cs typeface="Calibri Light" panose="020F0302020204030204" pitchFamily="34" charset="0"/>
              </a:rPr>
              <a:t>DEFINE THE WORK</a:t>
            </a:r>
          </a:p>
          <a:p>
            <a:pPr>
              <a:defRPr/>
            </a:pPr>
            <a:endParaRPr lang="en-US" sz="800" spc="53" dirty="0">
              <a:solidFill>
                <a:schemeClr val="bg1"/>
              </a:solidFill>
              <a:cs typeface="Calibri Light" panose="020F0302020204030204" pitchFamily="34" charset="0"/>
            </a:endParaRPr>
          </a:p>
          <a:p>
            <a:pPr>
              <a:defRPr/>
            </a:pPr>
            <a:r>
              <a:rPr lang="en-US" sz="800" spc="53" dirty="0">
                <a:solidFill>
                  <a:schemeClr val="bg1"/>
                </a:solidFill>
                <a:cs typeface="Calibri Light" panose="020F0302020204030204" pitchFamily="34" charset="0"/>
              </a:rPr>
              <a:t>IDENTIFY RISKS</a:t>
            </a:r>
          </a:p>
          <a:p>
            <a:pPr>
              <a:defRPr/>
            </a:pPr>
            <a:endParaRPr lang="en-US" sz="800" spc="53" dirty="0">
              <a:solidFill>
                <a:schemeClr val="bg1"/>
              </a:solidFill>
              <a:cs typeface="Calibri Light" panose="020F0302020204030204" pitchFamily="34" charset="0"/>
            </a:endParaRPr>
          </a:p>
          <a:p>
            <a:pPr>
              <a:defRPr/>
            </a:pPr>
            <a:r>
              <a:rPr lang="en-US" sz="800" spc="53" dirty="0">
                <a:solidFill>
                  <a:schemeClr val="bg1"/>
                </a:solidFill>
                <a:cs typeface="Calibri Light" panose="020F0302020204030204" pitchFamily="34" charset="0"/>
              </a:rPr>
              <a:t>VALIDATE SOLUTION TO BUSINESS INTENT</a:t>
            </a:r>
          </a:p>
          <a:p>
            <a:endParaRPr lang="en-US" sz="500" dirty="0"/>
          </a:p>
        </p:txBody>
      </p:sp>
      <p:sp>
        <p:nvSpPr>
          <p:cNvPr id="39" name="TextBox 38">
            <a:extLst>
              <a:ext uri="{FF2B5EF4-FFF2-40B4-BE49-F238E27FC236}">
                <a16:creationId xmlns:a16="http://schemas.microsoft.com/office/drawing/2014/main" id="{08EB9C58-9F3A-4446-9A25-6BF8413CC676}"/>
              </a:ext>
            </a:extLst>
          </p:cNvPr>
          <p:cNvSpPr txBox="1"/>
          <p:nvPr/>
        </p:nvSpPr>
        <p:spPr>
          <a:xfrm>
            <a:off x="5407448" y="3258227"/>
            <a:ext cx="1404142" cy="1948425"/>
          </a:xfrm>
          <a:prstGeom prst="roundRect">
            <a:avLst/>
          </a:prstGeom>
          <a:solidFill>
            <a:schemeClr val="accent6">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defPPr>
              <a:defRPr lang="en-US"/>
            </a:defPPr>
            <a:lvl1pPr algn="ctr">
              <a:defRPr sz="600" b="1" cap="all" spc="70">
                <a:latin typeface="+mj-lt"/>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defTabSz="914400">
              <a:defRPr/>
            </a:pPr>
            <a:r>
              <a:rPr lang="en-US" sz="800" kern="0">
                <a:cs typeface="Calibri" panose="020F0502020204030204" pitchFamily="34" charset="0"/>
              </a:rPr>
              <a:t>BALANCE DEMAND &amp; CAPACITY</a:t>
            </a:r>
          </a:p>
          <a:p>
            <a:pPr defTabSz="914400">
              <a:defRPr/>
            </a:pPr>
            <a:endParaRPr lang="en-US" sz="800" kern="0">
              <a:cs typeface="Calibri" panose="020F0502020204030204" pitchFamily="34" charset="0"/>
            </a:endParaRPr>
          </a:p>
          <a:p>
            <a:pPr defTabSz="914400">
              <a:defRPr/>
            </a:pPr>
            <a:r>
              <a:rPr lang="en-US" sz="800" kern="0">
                <a:cs typeface="Calibri" panose="020F0502020204030204" pitchFamily="34" charset="0"/>
              </a:rPr>
              <a:t>REDUCE TIME TO VALUE</a:t>
            </a:r>
          </a:p>
          <a:p>
            <a:pPr defTabSz="914400">
              <a:defRPr/>
            </a:pPr>
            <a:endParaRPr lang="en-US" sz="800" kern="0">
              <a:cs typeface="Calibri" panose="020F0502020204030204" pitchFamily="34" charset="0"/>
            </a:endParaRPr>
          </a:p>
          <a:p>
            <a:pPr defTabSz="914400">
              <a:defRPr/>
            </a:pPr>
            <a:r>
              <a:rPr lang="en-US" sz="800" kern="0">
                <a:cs typeface="Calibri" panose="020F0502020204030204" pitchFamily="34" charset="0"/>
              </a:rPr>
              <a:t>PLAN FOR DEPENDENCIES</a:t>
            </a:r>
          </a:p>
          <a:p>
            <a:pPr defTabSz="914400">
              <a:defRPr/>
            </a:pPr>
            <a:endParaRPr lang="en-US" sz="800" kern="0">
              <a:cs typeface="Calibri" panose="020F0502020204030204" pitchFamily="34" charset="0"/>
            </a:endParaRPr>
          </a:p>
          <a:p>
            <a:pPr defTabSz="914400">
              <a:defRPr/>
            </a:pPr>
            <a:r>
              <a:rPr lang="en-US" sz="800" kern="0">
                <a:cs typeface="Calibri" panose="020F0502020204030204" pitchFamily="34" charset="0"/>
              </a:rPr>
              <a:t>AVOID REWORK</a:t>
            </a:r>
          </a:p>
          <a:p>
            <a:endParaRPr lang="en-US" sz="800"/>
          </a:p>
        </p:txBody>
      </p:sp>
      <p:sp>
        <p:nvSpPr>
          <p:cNvPr id="41" name="Rectangle 40">
            <a:extLst>
              <a:ext uri="{FF2B5EF4-FFF2-40B4-BE49-F238E27FC236}">
                <a16:creationId xmlns:a16="http://schemas.microsoft.com/office/drawing/2014/main" id="{CFABD5F7-E925-4942-A2C5-D9B6D174A9B2}"/>
              </a:ext>
            </a:extLst>
          </p:cNvPr>
          <p:cNvSpPr/>
          <p:nvPr/>
        </p:nvSpPr>
        <p:spPr>
          <a:xfrm>
            <a:off x="2117848" y="3628886"/>
            <a:ext cx="1330522" cy="1077218"/>
          </a:xfrm>
          <a:prstGeom prst="rect">
            <a:avLst/>
          </a:prstGeom>
        </p:spPr>
        <p:txBody>
          <a:bodyPr wrap="square">
            <a:spAutoFit/>
          </a:bodyPr>
          <a:lstStyle/>
          <a:p>
            <a:pPr algn="ctr"/>
            <a:r>
              <a:rPr lang="en-US" sz="800" b="1" cap="all" spc="53" dirty="0">
                <a:solidFill>
                  <a:schemeClr val="bg1"/>
                </a:solidFill>
                <a:latin typeface="+mj-lt"/>
                <a:cs typeface="Calibri Light" panose="020F0302020204030204" pitchFamily="34" charset="0"/>
              </a:rPr>
              <a:t>DEFINE WHAT IS NEEDED</a:t>
            </a:r>
          </a:p>
          <a:p>
            <a:pPr algn="ctr"/>
            <a:endParaRPr lang="en-US" sz="800" b="1" cap="all" spc="53" dirty="0">
              <a:solidFill>
                <a:schemeClr val="bg1"/>
              </a:solidFill>
              <a:latin typeface="+mj-lt"/>
              <a:cs typeface="Calibri Light" panose="020F0302020204030204" pitchFamily="34" charset="0"/>
            </a:endParaRPr>
          </a:p>
          <a:p>
            <a:pPr algn="ctr"/>
            <a:r>
              <a:rPr lang="en-US" sz="800" b="1" cap="all" spc="53" dirty="0">
                <a:solidFill>
                  <a:schemeClr val="bg1"/>
                </a:solidFill>
                <a:latin typeface="+mj-lt"/>
                <a:cs typeface="Calibri Light" panose="020F0302020204030204" pitchFamily="34" charset="0"/>
              </a:rPr>
              <a:t>Prioritize value </a:t>
            </a:r>
            <a:br>
              <a:rPr lang="en-US" sz="800" b="1" cap="all" spc="53" dirty="0">
                <a:solidFill>
                  <a:schemeClr val="bg1"/>
                </a:solidFill>
                <a:latin typeface="+mj-lt"/>
                <a:cs typeface="Calibri Light" panose="020F0302020204030204" pitchFamily="34" charset="0"/>
              </a:rPr>
            </a:br>
            <a:endParaRPr lang="en-US" sz="800" b="1" cap="all" spc="53" dirty="0">
              <a:solidFill>
                <a:schemeClr val="bg1"/>
              </a:solidFill>
              <a:latin typeface="+mj-lt"/>
              <a:cs typeface="Calibri Light" panose="020F0302020204030204" pitchFamily="34" charset="0"/>
            </a:endParaRPr>
          </a:p>
          <a:p>
            <a:pPr algn="ctr"/>
            <a:r>
              <a:rPr lang="en-US" sz="800" b="1" cap="all" spc="53" dirty="0">
                <a:solidFill>
                  <a:schemeClr val="bg1"/>
                </a:solidFill>
                <a:latin typeface="+mj-lt"/>
                <a:cs typeface="Calibri Light" panose="020F0302020204030204" pitchFamily="34" charset="0"/>
              </a:rPr>
              <a:t>MAXIMIZE  PERFORMANCE OF Capabilities</a:t>
            </a:r>
          </a:p>
        </p:txBody>
      </p:sp>
      <p:sp>
        <p:nvSpPr>
          <p:cNvPr id="42" name="Freeform 41">
            <a:extLst>
              <a:ext uri="{FF2B5EF4-FFF2-40B4-BE49-F238E27FC236}">
                <a16:creationId xmlns:a16="http://schemas.microsoft.com/office/drawing/2014/main" id="{4C09B602-088D-F847-8446-45F0D7EA6820}"/>
              </a:ext>
            </a:extLst>
          </p:cNvPr>
          <p:cNvSpPr/>
          <p:nvPr/>
        </p:nvSpPr>
        <p:spPr>
          <a:xfrm>
            <a:off x="6995574" y="1930183"/>
            <a:ext cx="862508" cy="33959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500" b="1" cap="all" spc="70">
                <a:latin typeface="+mj-lt"/>
              </a:rPr>
              <a:t>In progress</a:t>
            </a:r>
          </a:p>
        </p:txBody>
      </p:sp>
      <p:sp>
        <p:nvSpPr>
          <p:cNvPr id="43" name="Freeform 42">
            <a:extLst>
              <a:ext uri="{FF2B5EF4-FFF2-40B4-BE49-F238E27FC236}">
                <a16:creationId xmlns:a16="http://schemas.microsoft.com/office/drawing/2014/main" id="{B728931C-6CEE-4C41-BAF1-C09CA3E62195}"/>
              </a:ext>
            </a:extLst>
          </p:cNvPr>
          <p:cNvSpPr/>
          <p:nvPr/>
        </p:nvSpPr>
        <p:spPr>
          <a:xfrm>
            <a:off x="7748878" y="1930183"/>
            <a:ext cx="862508" cy="33959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500" b="1" cap="all" spc="70">
                <a:latin typeface="+mj-lt"/>
              </a:rPr>
              <a:t>Epic validation</a:t>
            </a:r>
          </a:p>
        </p:txBody>
      </p:sp>
      <p:sp>
        <p:nvSpPr>
          <p:cNvPr id="44" name="TextBox 43">
            <a:extLst>
              <a:ext uri="{FF2B5EF4-FFF2-40B4-BE49-F238E27FC236}">
                <a16:creationId xmlns:a16="http://schemas.microsoft.com/office/drawing/2014/main" id="{9955217F-4D57-E04E-B673-71567207F689}"/>
              </a:ext>
            </a:extLst>
          </p:cNvPr>
          <p:cNvSpPr txBox="1"/>
          <p:nvPr/>
        </p:nvSpPr>
        <p:spPr>
          <a:xfrm>
            <a:off x="7083619" y="3258227"/>
            <a:ext cx="1404142" cy="1948425"/>
          </a:xfrm>
          <a:prstGeom prst="round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defPPr>
              <a:defRPr lang="en-US"/>
            </a:defPPr>
            <a:lvl1pPr algn="ctr">
              <a:defRPr sz="600" b="1" cap="all" spc="70">
                <a:latin typeface="+mj-lt"/>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defTabSz="914400">
              <a:defRPr/>
            </a:pPr>
            <a:r>
              <a:rPr lang="en-US" sz="800" kern="0">
                <a:cs typeface="Calibri" panose="020F0502020204030204" pitchFamily="34" charset="0"/>
              </a:rPr>
              <a:t>MANAGE FLOW</a:t>
            </a:r>
          </a:p>
          <a:p>
            <a:pPr defTabSz="914400">
              <a:defRPr/>
            </a:pPr>
            <a:endParaRPr lang="en-US" sz="800" kern="0">
              <a:cs typeface="Calibri" panose="020F0502020204030204" pitchFamily="34" charset="0"/>
            </a:endParaRPr>
          </a:p>
          <a:p>
            <a:pPr defTabSz="914400">
              <a:defRPr/>
            </a:pPr>
            <a:r>
              <a:rPr lang="en-US" sz="800" kern="0">
                <a:cs typeface="Calibri" panose="020F0502020204030204" pitchFamily="34" charset="0"/>
              </a:rPr>
              <a:t>GUIDE DELIVERY</a:t>
            </a:r>
          </a:p>
          <a:p>
            <a:pPr defTabSz="914400">
              <a:defRPr/>
            </a:pPr>
            <a:endParaRPr lang="en-US" sz="800" kern="0">
              <a:cs typeface="Calibri" panose="020F0502020204030204" pitchFamily="34" charset="0"/>
            </a:endParaRPr>
          </a:p>
          <a:p>
            <a:pPr defTabSz="914400">
              <a:defRPr/>
            </a:pPr>
            <a:r>
              <a:rPr lang="en-US" sz="800" kern="0">
                <a:cs typeface="Calibri" panose="020F0502020204030204" pitchFamily="34" charset="0"/>
              </a:rPr>
              <a:t>MINIMIZE RISKS</a:t>
            </a:r>
          </a:p>
          <a:p>
            <a:pPr defTabSz="914400">
              <a:defRPr/>
            </a:pPr>
            <a:endParaRPr lang="en-US" sz="800" kern="0">
              <a:cs typeface="Calibri" panose="020F0502020204030204" pitchFamily="34" charset="0"/>
            </a:endParaRPr>
          </a:p>
          <a:p>
            <a:pPr defTabSz="914400">
              <a:defRPr/>
            </a:pPr>
            <a:r>
              <a:rPr lang="en-US" sz="800" kern="0">
                <a:cs typeface="Calibri" panose="020F0502020204030204" pitchFamily="34" charset="0"/>
              </a:rPr>
              <a:t>VALIDATE SOLUTION MEETS SUCCESS CRITERIA</a:t>
            </a:r>
          </a:p>
          <a:p>
            <a:endParaRPr lang="en-US" sz="500"/>
          </a:p>
        </p:txBody>
      </p:sp>
      <p:sp>
        <p:nvSpPr>
          <p:cNvPr id="45" name="TextBox 44">
            <a:extLst>
              <a:ext uri="{FF2B5EF4-FFF2-40B4-BE49-F238E27FC236}">
                <a16:creationId xmlns:a16="http://schemas.microsoft.com/office/drawing/2014/main" id="{A683BDE9-E8C1-2142-A8BE-DC006B9C1958}"/>
              </a:ext>
            </a:extLst>
          </p:cNvPr>
          <p:cNvSpPr txBox="1"/>
          <p:nvPr/>
        </p:nvSpPr>
        <p:spPr>
          <a:xfrm>
            <a:off x="8772189" y="3265689"/>
            <a:ext cx="1404142" cy="1948425"/>
          </a:xfrm>
          <a:prstGeom prst="roundRect">
            <a:avLst/>
          </a:prstGeom>
          <a:solidFill>
            <a:schemeClr val="accent6"/>
          </a:solidFill>
          <a:ln>
            <a:solidFill>
              <a:schemeClr val="accent6"/>
            </a:solid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defPPr>
              <a:defRPr lang="en-US"/>
            </a:defPPr>
            <a:lvl1pPr algn="ctr">
              <a:defRPr sz="600" b="1" cap="all" spc="70">
                <a:latin typeface="+mj-lt"/>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defTabSz="914400">
              <a:defRPr/>
            </a:pPr>
            <a:r>
              <a:rPr lang="en-US" sz="800" kern="0" cap="none">
                <a:solidFill>
                  <a:srgbClr val="FFFFFF"/>
                </a:solidFill>
                <a:cs typeface="Calibri" panose="020F0502020204030204" pitchFamily="34" charset="0"/>
              </a:rPr>
              <a:t>MEASURE EFFECTIVENESS</a:t>
            </a:r>
          </a:p>
          <a:p>
            <a:pPr defTabSz="914400">
              <a:defRPr/>
            </a:pPr>
            <a:endParaRPr lang="en-US" sz="800" kern="0" cap="none">
              <a:solidFill>
                <a:srgbClr val="FFFFFF"/>
              </a:solidFill>
              <a:cs typeface="Calibri" panose="020F0502020204030204" pitchFamily="34" charset="0"/>
            </a:endParaRPr>
          </a:p>
          <a:p>
            <a:pPr defTabSz="914400">
              <a:defRPr/>
            </a:pPr>
            <a:r>
              <a:rPr lang="en-US" sz="800" kern="0" cap="none">
                <a:solidFill>
                  <a:srgbClr val="FFFFFF"/>
                </a:solidFill>
                <a:cs typeface="Calibri" panose="020F0502020204030204" pitchFamily="34" charset="0"/>
              </a:rPr>
              <a:t>VALIDATE CAPABILITY</a:t>
            </a:r>
          </a:p>
          <a:p>
            <a:pPr defTabSz="914400">
              <a:defRPr/>
            </a:pPr>
            <a:endParaRPr lang="en-US" sz="800" kern="0" cap="none">
              <a:solidFill>
                <a:srgbClr val="FFFFFF"/>
              </a:solidFill>
              <a:cs typeface="Calibri" panose="020F0502020204030204" pitchFamily="34" charset="0"/>
            </a:endParaRPr>
          </a:p>
          <a:p>
            <a:pPr defTabSz="914400">
              <a:defRPr/>
            </a:pPr>
            <a:r>
              <a:rPr lang="en-US" sz="800" kern="0" cap="none">
                <a:solidFill>
                  <a:srgbClr val="FFFFFF"/>
                </a:solidFill>
                <a:cs typeface="Calibri" panose="020F0502020204030204" pitchFamily="34" charset="0"/>
              </a:rPr>
              <a:t>VALIDATE SUCCESS CRITERIA</a:t>
            </a:r>
          </a:p>
        </p:txBody>
      </p:sp>
      <p:sp>
        <p:nvSpPr>
          <p:cNvPr id="48" name="Freeform 47">
            <a:extLst>
              <a:ext uri="{FF2B5EF4-FFF2-40B4-BE49-F238E27FC236}">
                <a16:creationId xmlns:a16="http://schemas.microsoft.com/office/drawing/2014/main" id="{F330BDA9-128D-2342-9B15-DD59BEF25021}"/>
              </a:ext>
            </a:extLst>
          </p:cNvPr>
          <p:cNvSpPr/>
          <p:nvPr/>
        </p:nvSpPr>
        <p:spPr>
          <a:xfrm>
            <a:off x="5645015" y="1928690"/>
            <a:ext cx="862508" cy="33959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6">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500" b="1" cap="all" spc="70">
                <a:latin typeface="+mj-lt"/>
              </a:rPr>
              <a:t>Release</a:t>
            </a:r>
          </a:p>
          <a:p>
            <a:pPr algn="ctr"/>
            <a:r>
              <a:rPr lang="en-US" sz="500" b="1" cap="all" spc="70">
                <a:latin typeface="+mj-lt"/>
              </a:rPr>
              <a:t>targeting</a:t>
            </a:r>
          </a:p>
        </p:txBody>
      </p:sp>
      <p:sp>
        <p:nvSpPr>
          <p:cNvPr id="50" name="Freeform 49">
            <a:extLst>
              <a:ext uri="{FF2B5EF4-FFF2-40B4-BE49-F238E27FC236}">
                <a16:creationId xmlns:a16="http://schemas.microsoft.com/office/drawing/2014/main" id="{86B20056-83EA-AD43-ADC2-5264DB428B00}"/>
              </a:ext>
            </a:extLst>
          </p:cNvPr>
          <p:cNvSpPr/>
          <p:nvPr/>
        </p:nvSpPr>
        <p:spPr>
          <a:xfrm>
            <a:off x="2722800" y="1910140"/>
            <a:ext cx="932995" cy="33959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450" b="1" cap="all" spc="70" dirty="0">
                <a:latin typeface="+mj-lt"/>
              </a:rPr>
              <a:t>Portfolio Prioritization</a:t>
            </a:r>
          </a:p>
        </p:txBody>
      </p:sp>
      <p:sp>
        <p:nvSpPr>
          <p:cNvPr id="46" name="Freeform 45">
            <a:extLst>
              <a:ext uri="{FF2B5EF4-FFF2-40B4-BE49-F238E27FC236}">
                <a16:creationId xmlns:a16="http://schemas.microsoft.com/office/drawing/2014/main" id="{4A077762-A7E4-174E-98A8-F3A007BB27A0}"/>
              </a:ext>
            </a:extLst>
          </p:cNvPr>
          <p:cNvSpPr/>
          <p:nvPr/>
        </p:nvSpPr>
        <p:spPr>
          <a:xfrm>
            <a:off x="9029915" y="1928717"/>
            <a:ext cx="859536" cy="338328"/>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500" b="1" cap="all" spc="70">
                <a:latin typeface="+mj-lt"/>
              </a:rPr>
              <a:t>Epic</a:t>
            </a:r>
          </a:p>
          <a:p>
            <a:pPr algn="ctr"/>
            <a:r>
              <a:rPr lang="en-US" sz="500" b="1" cap="all" spc="70">
                <a:latin typeface="+mj-lt"/>
              </a:rPr>
              <a:t>Completed</a:t>
            </a:r>
          </a:p>
        </p:txBody>
      </p:sp>
      <p:sp>
        <p:nvSpPr>
          <p:cNvPr id="32" name="Title 31">
            <a:extLst>
              <a:ext uri="{FF2B5EF4-FFF2-40B4-BE49-F238E27FC236}">
                <a16:creationId xmlns:a16="http://schemas.microsoft.com/office/drawing/2014/main" id="{D41A2BB9-DF94-7142-9CA6-AF1BD8663DAE}"/>
              </a:ext>
            </a:extLst>
          </p:cNvPr>
          <p:cNvSpPr>
            <a:spLocks noGrp="1"/>
          </p:cNvSpPr>
          <p:nvPr>
            <p:ph type="title"/>
          </p:nvPr>
        </p:nvSpPr>
        <p:spPr/>
        <p:txBody>
          <a:bodyPr/>
          <a:lstStyle/>
          <a:p>
            <a:r>
              <a:rPr lang="en-US"/>
              <a:t>Portfolio tier</a:t>
            </a:r>
          </a:p>
        </p:txBody>
      </p:sp>
      <p:sp>
        <p:nvSpPr>
          <p:cNvPr id="36" name="Text Placeholder 35">
            <a:extLst>
              <a:ext uri="{FF2B5EF4-FFF2-40B4-BE49-F238E27FC236}">
                <a16:creationId xmlns:a16="http://schemas.microsoft.com/office/drawing/2014/main" id="{2AEE8143-076B-964B-9DC6-E91CF4238AF8}"/>
              </a:ext>
            </a:extLst>
          </p:cNvPr>
          <p:cNvSpPr>
            <a:spLocks noGrp="1"/>
          </p:cNvSpPr>
          <p:nvPr>
            <p:ph type="body" sz="quarter" idx="10"/>
          </p:nvPr>
        </p:nvSpPr>
        <p:spPr/>
        <p:txBody>
          <a:bodyPr/>
          <a:lstStyle/>
          <a:p>
            <a:r>
              <a:rPr lang="en-US">
                <a:solidFill>
                  <a:schemeClr val="tx1">
                    <a:alpha val="80000"/>
                  </a:schemeClr>
                </a:solidFill>
              </a:rPr>
              <a:t>Capabilities of the Portfolio Team</a:t>
            </a:r>
          </a:p>
          <a:p>
            <a:endParaRPr lang="en-US"/>
          </a:p>
        </p:txBody>
      </p:sp>
      <p:sp>
        <p:nvSpPr>
          <p:cNvPr id="2" name="Slide Number Placeholder 1">
            <a:extLst>
              <a:ext uri="{FF2B5EF4-FFF2-40B4-BE49-F238E27FC236}">
                <a16:creationId xmlns:a16="http://schemas.microsoft.com/office/drawing/2014/main" id="{E85BB220-42F6-0640-B2D7-B92A66E09444}"/>
              </a:ext>
            </a:extLst>
          </p:cNvPr>
          <p:cNvSpPr>
            <a:spLocks noGrp="1"/>
          </p:cNvSpPr>
          <p:nvPr>
            <p:ph type="sldNum" sz="quarter" idx="4"/>
          </p:nvPr>
        </p:nvSpPr>
        <p:spPr/>
        <p:txBody>
          <a:bodyPr/>
          <a:lstStyle/>
          <a:p>
            <a:fld id="{742ED878-647B-DB4D-84DF-0BCCAF9DD0BF}" type="slidenum">
              <a:rPr lang="en-US" smtClean="0"/>
              <a:pPr/>
              <a:t>21</a:t>
            </a:fld>
            <a:endParaRPr lang="en-US" dirty="0"/>
          </a:p>
        </p:txBody>
      </p:sp>
    </p:spTree>
    <p:custDataLst>
      <p:custData r:id="rId1"/>
      <p:custData r:id="rId2"/>
    </p:custDataLst>
    <p:extLst>
      <p:ext uri="{BB962C8B-B14F-4D97-AF65-F5344CB8AC3E}">
        <p14:creationId xmlns:p14="http://schemas.microsoft.com/office/powerpoint/2010/main" val="27071365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1" name="Oval 40">
            <a:extLst>
              <a:ext uri="{FF2B5EF4-FFF2-40B4-BE49-F238E27FC236}">
                <a16:creationId xmlns:a16="http://schemas.microsoft.com/office/drawing/2014/main" id="{033114FF-4B64-764D-8881-2F1AD5B8A860}"/>
              </a:ext>
            </a:extLst>
          </p:cNvPr>
          <p:cNvSpPr>
            <a:spLocks noChangeAspect="1"/>
          </p:cNvSpPr>
          <p:nvPr/>
        </p:nvSpPr>
        <p:spPr>
          <a:xfrm>
            <a:off x="8324663" y="3113088"/>
            <a:ext cx="1499616" cy="1499616"/>
          </a:xfrm>
          <a:prstGeom prst="ellipse">
            <a:avLst/>
          </a:prstGeom>
          <a:solidFill>
            <a:schemeClr val="accent6">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42" name="Oval 41">
            <a:extLst>
              <a:ext uri="{FF2B5EF4-FFF2-40B4-BE49-F238E27FC236}">
                <a16:creationId xmlns:a16="http://schemas.microsoft.com/office/drawing/2014/main" id="{9524FD05-0A8F-ED47-B413-294B5AAD914F}"/>
              </a:ext>
            </a:extLst>
          </p:cNvPr>
          <p:cNvSpPr>
            <a:spLocks noChangeAspect="1"/>
          </p:cNvSpPr>
          <p:nvPr/>
        </p:nvSpPr>
        <p:spPr>
          <a:xfrm>
            <a:off x="6322016" y="3099766"/>
            <a:ext cx="1499616" cy="1499616"/>
          </a:xfrm>
          <a:prstGeom prst="ellipse">
            <a:avLst/>
          </a:pr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43" name="Oval 42">
            <a:extLst>
              <a:ext uri="{FF2B5EF4-FFF2-40B4-BE49-F238E27FC236}">
                <a16:creationId xmlns:a16="http://schemas.microsoft.com/office/drawing/2014/main" id="{B305FB30-A779-A646-940B-CBC72D7A9E97}"/>
              </a:ext>
            </a:extLst>
          </p:cNvPr>
          <p:cNvSpPr>
            <a:spLocks noChangeAspect="1"/>
          </p:cNvSpPr>
          <p:nvPr/>
        </p:nvSpPr>
        <p:spPr>
          <a:xfrm>
            <a:off x="4274664" y="3096071"/>
            <a:ext cx="1499616" cy="1499616"/>
          </a:xfrm>
          <a:prstGeom prst="ellipse">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44" name="Oval 43">
            <a:extLst>
              <a:ext uri="{FF2B5EF4-FFF2-40B4-BE49-F238E27FC236}">
                <a16:creationId xmlns:a16="http://schemas.microsoft.com/office/drawing/2014/main" id="{BB4C1947-0A0F-5649-9FA3-7D1E805000D4}"/>
              </a:ext>
            </a:extLst>
          </p:cNvPr>
          <p:cNvSpPr>
            <a:spLocks noChangeAspect="1"/>
          </p:cNvSpPr>
          <p:nvPr/>
        </p:nvSpPr>
        <p:spPr>
          <a:xfrm>
            <a:off x="2266301" y="3104903"/>
            <a:ext cx="1499616" cy="1499616"/>
          </a:xfrm>
          <a:prstGeom prst="ellipse">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45" name="Arc 44">
            <a:extLst>
              <a:ext uri="{FF2B5EF4-FFF2-40B4-BE49-F238E27FC236}">
                <a16:creationId xmlns:a16="http://schemas.microsoft.com/office/drawing/2014/main" id="{253AC9D8-BEB3-CB42-8686-AF6B9BA2A781}"/>
              </a:ext>
            </a:extLst>
          </p:cNvPr>
          <p:cNvSpPr/>
          <p:nvPr/>
        </p:nvSpPr>
        <p:spPr>
          <a:xfrm rot="8247495">
            <a:off x="2117823" y="2954983"/>
            <a:ext cx="1773936" cy="1773936"/>
          </a:xfrm>
          <a:prstGeom prst="arc">
            <a:avLst>
              <a:gd name="adj1" fmla="val 13008374"/>
              <a:gd name="adj2" fmla="val 2865733"/>
            </a:avLst>
          </a:prstGeom>
          <a:ln w="28575">
            <a:solidFill>
              <a:schemeClr val="accent4"/>
            </a:solidFill>
            <a:prstDash val="sysDash"/>
            <a:headEnd type="arrow"/>
            <a:tailEnd type="none"/>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46" name="Arc 45">
            <a:extLst>
              <a:ext uri="{FF2B5EF4-FFF2-40B4-BE49-F238E27FC236}">
                <a16:creationId xmlns:a16="http://schemas.microsoft.com/office/drawing/2014/main" id="{B7ADE671-778B-F74A-94B2-5B6E826FCD6D}"/>
              </a:ext>
            </a:extLst>
          </p:cNvPr>
          <p:cNvSpPr/>
          <p:nvPr/>
        </p:nvSpPr>
        <p:spPr>
          <a:xfrm rot="19169535">
            <a:off x="4141425" y="2975241"/>
            <a:ext cx="1773936" cy="1771979"/>
          </a:xfrm>
          <a:prstGeom prst="arc">
            <a:avLst>
              <a:gd name="adj1" fmla="val 13008374"/>
              <a:gd name="adj2" fmla="val 2865733"/>
            </a:avLst>
          </a:prstGeom>
          <a:ln w="25400">
            <a:solidFill>
              <a:schemeClr val="accent4"/>
            </a:solidFill>
            <a:prstDash val="sysDash"/>
            <a:headEnd type="none" w="med" len="med"/>
            <a:tailEnd type="arrow"/>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47" name="Arc 46">
            <a:extLst>
              <a:ext uri="{FF2B5EF4-FFF2-40B4-BE49-F238E27FC236}">
                <a16:creationId xmlns:a16="http://schemas.microsoft.com/office/drawing/2014/main" id="{4455336A-F7C3-2A48-AE35-C5ECCB885C4C}"/>
              </a:ext>
            </a:extLst>
          </p:cNvPr>
          <p:cNvSpPr/>
          <p:nvPr/>
        </p:nvSpPr>
        <p:spPr>
          <a:xfrm rot="19169535">
            <a:off x="8181462" y="2975240"/>
            <a:ext cx="1773936" cy="1771979"/>
          </a:xfrm>
          <a:prstGeom prst="arc">
            <a:avLst>
              <a:gd name="adj1" fmla="val 13008374"/>
              <a:gd name="adj2" fmla="val 2865733"/>
            </a:avLst>
          </a:prstGeom>
          <a:ln w="25400">
            <a:solidFill>
              <a:schemeClr val="accent4"/>
            </a:solidFill>
            <a:prstDash val="sysDash"/>
            <a:headEnd type="none" w="med" len="med"/>
            <a:tailEnd type="arrow"/>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48" name="Arc 47">
            <a:extLst>
              <a:ext uri="{FF2B5EF4-FFF2-40B4-BE49-F238E27FC236}">
                <a16:creationId xmlns:a16="http://schemas.microsoft.com/office/drawing/2014/main" id="{95290CF9-E9BA-4B40-A99B-8AA4E85C0711}"/>
              </a:ext>
            </a:extLst>
          </p:cNvPr>
          <p:cNvSpPr/>
          <p:nvPr/>
        </p:nvSpPr>
        <p:spPr>
          <a:xfrm rot="8132835">
            <a:off x="6167026" y="2954498"/>
            <a:ext cx="1773936" cy="1773936"/>
          </a:xfrm>
          <a:prstGeom prst="arc">
            <a:avLst>
              <a:gd name="adj1" fmla="val 13008374"/>
              <a:gd name="adj2" fmla="val 2865733"/>
            </a:avLst>
          </a:prstGeom>
          <a:ln w="28575">
            <a:solidFill>
              <a:schemeClr val="accent4"/>
            </a:solidFill>
            <a:prstDash val="sysDash"/>
            <a:headEnd type="arrow"/>
            <a:tailEnd type="none"/>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30" name="TextBox 29">
            <a:extLst>
              <a:ext uri="{FF2B5EF4-FFF2-40B4-BE49-F238E27FC236}">
                <a16:creationId xmlns:a16="http://schemas.microsoft.com/office/drawing/2014/main" id="{3B37EF9E-5051-8347-AE14-E3146A633CCB}"/>
              </a:ext>
            </a:extLst>
          </p:cNvPr>
          <p:cNvSpPr txBox="1"/>
          <p:nvPr/>
        </p:nvSpPr>
        <p:spPr>
          <a:xfrm>
            <a:off x="2264221" y="3587905"/>
            <a:ext cx="1502823" cy="600164"/>
          </a:xfrm>
          <a:prstGeom prst="rect">
            <a:avLst/>
          </a:prstGeom>
          <a:noFill/>
        </p:spPr>
        <p:txBody>
          <a:bodyPr wrap="square" rtlCol="0">
            <a:spAutoFit/>
          </a:bodyPr>
          <a:lstStyle/>
          <a:p>
            <a:pPr algn="ctr"/>
            <a:r>
              <a:rPr lang="en-US" sz="1100" b="1" spc="130" dirty="0">
                <a:solidFill>
                  <a:schemeClr val="bg1"/>
                </a:solidFill>
              </a:rPr>
              <a:t>INTAKE AND DEMAND PLANNING</a:t>
            </a:r>
          </a:p>
        </p:txBody>
      </p:sp>
      <p:sp>
        <p:nvSpPr>
          <p:cNvPr id="31" name="TextBox 30">
            <a:extLst>
              <a:ext uri="{FF2B5EF4-FFF2-40B4-BE49-F238E27FC236}">
                <a16:creationId xmlns:a16="http://schemas.microsoft.com/office/drawing/2014/main" id="{6A2CD53C-1609-5144-BF20-D6293347F2E3}"/>
              </a:ext>
            </a:extLst>
          </p:cNvPr>
          <p:cNvSpPr txBox="1"/>
          <p:nvPr/>
        </p:nvSpPr>
        <p:spPr>
          <a:xfrm>
            <a:off x="6362558" y="3672544"/>
            <a:ext cx="1502823" cy="430887"/>
          </a:xfrm>
          <a:prstGeom prst="rect">
            <a:avLst/>
          </a:prstGeom>
          <a:noFill/>
        </p:spPr>
        <p:txBody>
          <a:bodyPr wrap="square" rtlCol="0">
            <a:spAutoFit/>
          </a:bodyPr>
          <a:lstStyle/>
          <a:p>
            <a:pPr algn="ctr"/>
            <a:r>
              <a:rPr lang="en-US" sz="1050" b="1" spc="130" dirty="0">
                <a:solidFill>
                  <a:schemeClr val="bg1"/>
                </a:solidFill>
              </a:rPr>
              <a:t>BENEFIT REALIZATION</a:t>
            </a:r>
          </a:p>
        </p:txBody>
      </p:sp>
      <p:sp>
        <p:nvSpPr>
          <p:cNvPr id="32" name="TextBox 31">
            <a:extLst>
              <a:ext uri="{FF2B5EF4-FFF2-40B4-BE49-F238E27FC236}">
                <a16:creationId xmlns:a16="http://schemas.microsoft.com/office/drawing/2014/main" id="{292090A7-468C-8C45-9288-72A2901B08AE}"/>
              </a:ext>
            </a:extLst>
          </p:cNvPr>
          <p:cNvSpPr txBox="1"/>
          <p:nvPr/>
        </p:nvSpPr>
        <p:spPr>
          <a:xfrm>
            <a:off x="4278023" y="3672544"/>
            <a:ext cx="1502823" cy="430887"/>
          </a:xfrm>
          <a:prstGeom prst="rect">
            <a:avLst/>
          </a:prstGeom>
          <a:noFill/>
        </p:spPr>
        <p:txBody>
          <a:bodyPr wrap="square" rtlCol="0">
            <a:spAutoFit/>
          </a:bodyPr>
          <a:lstStyle/>
          <a:p>
            <a:pPr algn="ctr"/>
            <a:r>
              <a:rPr lang="en-US" sz="1100" b="1" spc="130" dirty="0">
                <a:solidFill>
                  <a:schemeClr val="bg1"/>
                </a:solidFill>
              </a:rPr>
              <a:t>PROGRESS REVIEW</a:t>
            </a:r>
          </a:p>
        </p:txBody>
      </p:sp>
      <p:sp>
        <p:nvSpPr>
          <p:cNvPr id="33" name="TextBox 32">
            <a:extLst>
              <a:ext uri="{FF2B5EF4-FFF2-40B4-BE49-F238E27FC236}">
                <a16:creationId xmlns:a16="http://schemas.microsoft.com/office/drawing/2014/main" id="{2F646336-60D9-D948-9D5B-D4BAED05F831}"/>
              </a:ext>
            </a:extLst>
          </p:cNvPr>
          <p:cNvSpPr txBox="1"/>
          <p:nvPr/>
        </p:nvSpPr>
        <p:spPr>
          <a:xfrm>
            <a:off x="8222089" y="3672544"/>
            <a:ext cx="1694766" cy="430887"/>
          </a:xfrm>
          <a:prstGeom prst="rect">
            <a:avLst/>
          </a:prstGeom>
          <a:noFill/>
        </p:spPr>
        <p:txBody>
          <a:bodyPr wrap="square" rtlCol="0">
            <a:spAutoFit/>
          </a:bodyPr>
          <a:lstStyle/>
          <a:p>
            <a:pPr algn="ctr"/>
            <a:r>
              <a:rPr lang="en-US" sz="1100" b="1" spc="130" dirty="0">
                <a:solidFill>
                  <a:schemeClr val="bg1"/>
                </a:solidFill>
              </a:rPr>
              <a:t>PORTFOLIO RETROSPECTIVE</a:t>
            </a:r>
          </a:p>
        </p:txBody>
      </p:sp>
      <p:sp>
        <p:nvSpPr>
          <p:cNvPr id="34" name="Rectangle 33">
            <a:extLst>
              <a:ext uri="{FF2B5EF4-FFF2-40B4-BE49-F238E27FC236}">
                <a16:creationId xmlns:a16="http://schemas.microsoft.com/office/drawing/2014/main" id="{FD4B0503-2EB0-8140-9F97-81BD64A03C37}"/>
              </a:ext>
            </a:extLst>
          </p:cNvPr>
          <p:cNvSpPr/>
          <p:nvPr/>
        </p:nvSpPr>
        <p:spPr>
          <a:xfrm>
            <a:off x="1700784" y="2164852"/>
            <a:ext cx="2629696" cy="777136"/>
          </a:xfrm>
          <a:prstGeom prst="rect">
            <a:avLst/>
          </a:prstGeom>
        </p:spPr>
        <p:txBody>
          <a:bodyPr wrap="square">
            <a:spAutoFit/>
          </a:bodyPr>
          <a:lstStyle/>
          <a:p>
            <a:pPr algn="ctr"/>
            <a:r>
              <a:rPr lang="en-US" sz="1300" b="1"/>
              <a:t>(Monthly)</a:t>
            </a:r>
          </a:p>
          <a:p>
            <a:pPr algn="ctr"/>
            <a:r>
              <a:rPr lang="en-US" sz="1050"/>
              <a:t>Develop a shared understanding of priorities, tradeoffs, options for Epic Intake, solution approach, and Release Targeting Timeframe</a:t>
            </a:r>
          </a:p>
        </p:txBody>
      </p:sp>
      <p:sp>
        <p:nvSpPr>
          <p:cNvPr id="35" name="Rectangle 34">
            <a:extLst>
              <a:ext uri="{FF2B5EF4-FFF2-40B4-BE49-F238E27FC236}">
                <a16:creationId xmlns:a16="http://schemas.microsoft.com/office/drawing/2014/main" id="{3854F478-69A8-F84B-A654-09766706E7FA}"/>
              </a:ext>
            </a:extLst>
          </p:cNvPr>
          <p:cNvSpPr/>
          <p:nvPr/>
        </p:nvSpPr>
        <p:spPr>
          <a:xfrm>
            <a:off x="3975082" y="4780590"/>
            <a:ext cx="2108704" cy="777136"/>
          </a:xfrm>
          <a:prstGeom prst="rect">
            <a:avLst/>
          </a:prstGeom>
        </p:spPr>
        <p:txBody>
          <a:bodyPr wrap="square">
            <a:spAutoFit/>
          </a:bodyPr>
          <a:lstStyle/>
          <a:p>
            <a:pPr algn="ctr"/>
            <a:r>
              <a:rPr lang="en-US" sz="1300" b="1"/>
              <a:t>(Bi-Weekly)</a:t>
            </a:r>
          </a:p>
          <a:p>
            <a:pPr algn="ctr"/>
            <a:r>
              <a:rPr lang="en-US" sz="1050">
                <a:solidFill>
                  <a:srgbClr val="999999">
                    <a:lumMod val="50000"/>
                  </a:srgbClr>
                </a:solidFill>
              </a:rPr>
              <a:t>”Walk the Kanban” to understand the progress of Epics and child Features, dependencies and risks</a:t>
            </a:r>
            <a:endParaRPr lang="en-US" sz="1050"/>
          </a:p>
        </p:txBody>
      </p:sp>
      <p:sp>
        <p:nvSpPr>
          <p:cNvPr id="39" name="Rectangle 38">
            <a:extLst>
              <a:ext uri="{FF2B5EF4-FFF2-40B4-BE49-F238E27FC236}">
                <a16:creationId xmlns:a16="http://schemas.microsoft.com/office/drawing/2014/main" id="{A62530BB-B6EE-CF44-8E3C-DEAF851BB25F}"/>
              </a:ext>
            </a:extLst>
          </p:cNvPr>
          <p:cNvSpPr/>
          <p:nvPr/>
        </p:nvSpPr>
        <p:spPr>
          <a:xfrm>
            <a:off x="5860112" y="2164852"/>
            <a:ext cx="2300240" cy="777136"/>
          </a:xfrm>
          <a:prstGeom prst="rect">
            <a:avLst/>
          </a:prstGeom>
        </p:spPr>
        <p:txBody>
          <a:bodyPr wrap="square">
            <a:spAutoFit/>
          </a:bodyPr>
          <a:lstStyle/>
          <a:p>
            <a:pPr algn="ctr"/>
            <a:r>
              <a:rPr lang="en-US" sz="1300" b="1"/>
              <a:t>(Quarterly)</a:t>
            </a:r>
          </a:p>
          <a:p>
            <a:pPr algn="ctr"/>
            <a:r>
              <a:rPr lang="en-US" sz="1050">
                <a:solidFill>
                  <a:srgbClr val="999999">
                    <a:lumMod val="50000"/>
                  </a:srgbClr>
                </a:solidFill>
              </a:rPr>
              <a:t>Review performance data and analysis​, improve assumptions, modify/update Epics and roadmap</a:t>
            </a:r>
          </a:p>
        </p:txBody>
      </p:sp>
      <p:sp>
        <p:nvSpPr>
          <p:cNvPr id="40" name="Rectangle 39">
            <a:extLst>
              <a:ext uri="{FF2B5EF4-FFF2-40B4-BE49-F238E27FC236}">
                <a16:creationId xmlns:a16="http://schemas.microsoft.com/office/drawing/2014/main" id="{2E068AAA-B075-4741-9B83-B082BFE7D57C}"/>
              </a:ext>
            </a:extLst>
          </p:cNvPr>
          <p:cNvSpPr/>
          <p:nvPr/>
        </p:nvSpPr>
        <p:spPr>
          <a:xfrm>
            <a:off x="7919351" y="4780590"/>
            <a:ext cx="2300240" cy="615553"/>
          </a:xfrm>
          <a:prstGeom prst="rect">
            <a:avLst/>
          </a:prstGeom>
        </p:spPr>
        <p:txBody>
          <a:bodyPr wrap="square">
            <a:spAutoFit/>
          </a:bodyPr>
          <a:lstStyle/>
          <a:p>
            <a:pPr algn="ctr"/>
            <a:r>
              <a:rPr lang="en-US" sz="1300" b="1"/>
              <a:t>(Quarterly)</a:t>
            </a:r>
          </a:p>
          <a:p>
            <a:pPr algn="ctr"/>
            <a:r>
              <a:rPr lang="en-US" sz="1050">
                <a:solidFill>
                  <a:srgbClr val="999999">
                    <a:lumMod val="50000"/>
                  </a:srgbClr>
                </a:solidFill>
              </a:rPr>
              <a:t>Review how the delivery system is working and plan improvements</a:t>
            </a:r>
          </a:p>
        </p:txBody>
      </p:sp>
      <p:sp>
        <p:nvSpPr>
          <p:cNvPr id="28" name="Title 32">
            <a:extLst>
              <a:ext uri="{FF2B5EF4-FFF2-40B4-BE49-F238E27FC236}">
                <a16:creationId xmlns:a16="http://schemas.microsoft.com/office/drawing/2014/main" id="{5CC3EF3F-3E51-2C41-9482-BC92E1AF3EB6}"/>
              </a:ext>
            </a:extLst>
          </p:cNvPr>
          <p:cNvSpPr>
            <a:spLocks noGrp="1"/>
          </p:cNvSpPr>
          <p:nvPr>
            <p:ph type="ctrTitle"/>
          </p:nvPr>
        </p:nvSpPr>
        <p:spPr>
          <a:xfrm>
            <a:off x="1700784" y="356616"/>
            <a:ext cx="9464040" cy="868680"/>
          </a:xfrm>
        </p:spPr>
        <p:txBody>
          <a:bodyPr/>
          <a:lstStyle/>
          <a:p>
            <a:r>
              <a:rPr lang="en-US"/>
              <a:t>Portfolio Team CADENCE</a:t>
            </a:r>
          </a:p>
        </p:txBody>
      </p:sp>
      <p:sp>
        <p:nvSpPr>
          <p:cNvPr id="2" name="Slide Number Placeholder 1">
            <a:extLst>
              <a:ext uri="{FF2B5EF4-FFF2-40B4-BE49-F238E27FC236}">
                <a16:creationId xmlns:a16="http://schemas.microsoft.com/office/drawing/2014/main" id="{ED826E57-A522-BD4F-9E6F-7E367DFC5323}"/>
              </a:ext>
            </a:extLst>
          </p:cNvPr>
          <p:cNvSpPr>
            <a:spLocks noGrp="1"/>
          </p:cNvSpPr>
          <p:nvPr>
            <p:ph type="sldNum" sz="quarter" idx="4"/>
          </p:nvPr>
        </p:nvSpPr>
        <p:spPr/>
        <p:txBody>
          <a:bodyPr/>
          <a:lstStyle/>
          <a:p>
            <a:fld id="{742ED878-647B-DB4D-84DF-0BCCAF9DD0BF}" type="slidenum">
              <a:rPr lang="en-US" smtClean="0"/>
              <a:pPr/>
              <a:t>22</a:t>
            </a:fld>
            <a:endParaRPr lang="en-US" dirty="0"/>
          </a:p>
        </p:txBody>
      </p:sp>
    </p:spTree>
    <p:custDataLst>
      <p:custData r:id="rId1"/>
      <p:custData r:id="rId2"/>
    </p:custDataLst>
    <p:extLst>
      <p:ext uri="{BB962C8B-B14F-4D97-AF65-F5344CB8AC3E}">
        <p14:creationId xmlns:p14="http://schemas.microsoft.com/office/powerpoint/2010/main" val="5306827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AA229AA-C1A2-CA45-9DDF-EC3700E5323F}"/>
              </a:ext>
            </a:extLst>
          </p:cNvPr>
          <p:cNvSpPr>
            <a:spLocks noGrp="1"/>
          </p:cNvSpPr>
          <p:nvPr>
            <p:ph type="ctrTitle"/>
          </p:nvPr>
        </p:nvSpPr>
        <p:spPr/>
        <p:txBody>
          <a:bodyPr/>
          <a:lstStyle/>
          <a:p>
            <a:r>
              <a:rPr lang="en-US" dirty="0"/>
              <a:t>Portfolio Governance</a:t>
            </a:r>
          </a:p>
        </p:txBody>
      </p:sp>
      <p:sp>
        <p:nvSpPr>
          <p:cNvPr id="3" name="Subtitle 2">
            <a:extLst>
              <a:ext uri="{FF2B5EF4-FFF2-40B4-BE49-F238E27FC236}">
                <a16:creationId xmlns:a16="http://schemas.microsoft.com/office/drawing/2014/main" id="{D2988B22-A196-5542-B1EA-270C78338B75}"/>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21356488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Strategic Alignment</a:t>
            </a:r>
          </a:p>
        </p:txBody>
      </p:sp>
      <p:sp>
        <p:nvSpPr>
          <p:cNvPr id="85" name="Freeform 84">
            <a:extLst>
              <a:ext uri="{FF2B5EF4-FFF2-40B4-BE49-F238E27FC236}">
                <a16:creationId xmlns:a16="http://schemas.microsoft.com/office/drawing/2014/main" id="{2C46D255-060F-A34B-BC19-EBAAB4FBAF94}"/>
              </a:ext>
            </a:extLst>
          </p:cNvPr>
          <p:cNvSpPr/>
          <p:nvPr/>
        </p:nvSpPr>
        <p:spPr>
          <a:xfrm>
            <a:off x="3415505" y="1520934"/>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Portfolio alignment</a:t>
            </a:r>
          </a:p>
        </p:txBody>
      </p:sp>
      <p:sp>
        <p:nvSpPr>
          <p:cNvPr id="86" name="Freeform 85">
            <a:extLst>
              <a:ext uri="{FF2B5EF4-FFF2-40B4-BE49-F238E27FC236}">
                <a16:creationId xmlns:a16="http://schemas.microsoft.com/office/drawing/2014/main" id="{9802BBA1-A5FA-5747-967B-FAE5C2BD583B}"/>
              </a:ext>
            </a:extLst>
          </p:cNvPr>
          <p:cNvSpPr/>
          <p:nvPr/>
        </p:nvSpPr>
        <p:spPr>
          <a:xfrm>
            <a:off x="4412826" y="152271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56" dirty="0">
                <a:latin typeface="+mj-lt"/>
              </a:rPr>
              <a:t>Portfolio Prioritization</a:t>
            </a:r>
          </a:p>
        </p:txBody>
      </p:sp>
      <p:sp>
        <p:nvSpPr>
          <p:cNvPr id="90" name="Freeform 89">
            <a:extLst>
              <a:ext uri="{FF2B5EF4-FFF2-40B4-BE49-F238E27FC236}">
                <a16:creationId xmlns:a16="http://schemas.microsoft.com/office/drawing/2014/main" id="{5650C4FC-59DB-9D43-A1F2-E07823C7A255}"/>
              </a:ext>
            </a:extLst>
          </p:cNvPr>
          <p:cNvSpPr/>
          <p:nvPr/>
        </p:nvSpPr>
        <p:spPr>
          <a:xfrm>
            <a:off x="5432130" y="152271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finition</a:t>
            </a:r>
          </a:p>
        </p:txBody>
      </p:sp>
      <p:sp>
        <p:nvSpPr>
          <p:cNvPr id="94" name="Freeform 93">
            <a:extLst>
              <a:ext uri="{FF2B5EF4-FFF2-40B4-BE49-F238E27FC236}">
                <a16:creationId xmlns:a16="http://schemas.microsoft.com/office/drawing/2014/main" id="{34B35300-474E-C04B-BD99-0BC41589F630}"/>
              </a:ext>
            </a:extLst>
          </p:cNvPr>
          <p:cNvSpPr/>
          <p:nvPr/>
        </p:nvSpPr>
        <p:spPr>
          <a:xfrm>
            <a:off x="6451434" y="152271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Targeting</a:t>
            </a:r>
          </a:p>
        </p:txBody>
      </p:sp>
      <p:sp>
        <p:nvSpPr>
          <p:cNvPr id="95" name="Freeform 94">
            <a:extLst>
              <a:ext uri="{FF2B5EF4-FFF2-40B4-BE49-F238E27FC236}">
                <a16:creationId xmlns:a16="http://schemas.microsoft.com/office/drawing/2014/main" id="{F80F4AE0-802A-2741-A8DB-D8826C66CF56}"/>
              </a:ext>
            </a:extLst>
          </p:cNvPr>
          <p:cNvSpPr/>
          <p:nvPr/>
        </p:nvSpPr>
        <p:spPr>
          <a:xfrm>
            <a:off x="7470738" y="152271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00" name="Freeform 99">
            <a:extLst>
              <a:ext uri="{FF2B5EF4-FFF2-40B4-BE49-F238E27FC236}">
                <a16:creationId xmlns:a16="http://schemas.microsoft.com/office/drawing/2014/main" id="{9A4FEF85-30FA-DF48-9A92-BF3A038DA0FE}"/>
              </a:ext>
            </a:extLst>
          </p:cNvPr>
          <p:cNvSpPr/>
          <p:nvPr/>
        </p:nvSpPr>
        <p:spPr>
          <a:xfrm>
            <a:off x="8490041" y="152271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dirty="0">
                <a:latin typeface="+mj-lt"/>
              </a:rPr>
              <a:t>Epic</a:t>
            </a:r>
          </a:p>
          <a:p>
            <a:pPr algn="ctr"/>
            <a:r>
              <a:rPr lang="en-US" sz="700" b="1" cap="all" spc="70" dirty="0">
                <a:latin typeface="+mj-lt"/>
              </a:rPr>
              <a:t> validation</a:t>
            </a:r>
          </a:p>
        </p:txBody>
      </p:sp>
      <p:sp>
        <p:nvSpPr>
          <p:cNvPr id="115" name="Freeform 114">
            <a:extLst>
              <a:ext uri="{FF2B5EF4-FFF2-40B4-BE49-F238E27FC236}">
                <a16:creationId xmlns:a16="http://schemas.microsoft.com/office/drawing/2014/main" id="{D7486A4D-354B-1442-A195-223E385CB320}"/>
              </a:ext>
            </a:extLst>
          </p:cNvPr>
          <p:cNvSpPr/>
          <p:nvPr/>
        </p:nvSpPr>
        <p:spPr>
          <a:xfrm>
            <a:off x="9509348" y="1522717"/>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Completed</a:t>
            </a:r>
          </a:p>
        </p:txBody>
      </p:sp>
      <p:cxnSp>
        <p:nvCxnSpPr>
          <p:cNvPr id="120" name="Straight Connector 119">
            <a:extLst>
              <a:ext uri="{FF2B5EF4-FFF2-40B4-BE49-F238E27FC236}">
                <a16:creationId xmlns:a16="http://schemas.microsoft.com/office/drawing/2014/main" id="{241A0093-5532-CD4E-BD5F-88B2B87ABAD9}"/>
              </a:ext>
            </a:extLst>
          </p:cNvPr>
          <p:cNvCxnSpPr>
            <a:cxnSpLocks/>
          </p:cNvCxnSpPr>
          <p:nvPr/>
        </p:nvCxnSpPr>
        <p:spPr>
          <a:xfrm>
            <a:off x="3475486" y="1991036"/>
            <a:ext cx="1863146" cy="1"/>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3" name="Straight Connector 122">
            <a:extLst>
              <a:ext uri="{FF2B5EF4-FFF2-40B4-BE49-F238E27FC236}">
                <a16:creationId xmlns:a16="http://schemas.microsoft.com/office/drawing/2014/main" id="{CC0E7C9B-35B2-EB42-850A-E1DECD22A761}"/>
              </a:ext>
            </a:extLst>
          </p:cNvPr>
          <p:cNvCxnSpPr/>
          <p:nvPr/>
        </p:nvCxnSpPr>
        <p:spPr>
          <a:xfrm flipV="1">
            <a:off x="5452899" y="1991035"/>
            <a:ext cx="871093" cy="4380"/>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4" name="Straight Connector 123">
            <a:extLst>
              <a:ext uri="{FF2B5EF4-FFF2-40B4-BE49-F238E27FC236}">
                <a16:creationId xmlns:a16="http://schemas.microsoft.com/office/drawing/2014/main" id="{F3CA3256-0244-7148-BC34-E698D0A141E4}"/>
              </a:ext>
            </a:extLst>
          </p:cNvPr>
          <p:cNvCxnSpPr/>
          <p:nvPr/>
        </p:nvCxnSpPr>
        <p:spPr>
          <a:xfrm>
            <a:off x="6797936" y="1991035"/>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9" name="Straight Connector 128">
            <a:extLst>
              <a:ext uri="{FF2B5EF4-FFF2-40B4-BE49-F238E27FC236}">
                <a16:creationId xmlns:a16="http://schemas.microsoft.com/office/drawing/2014/main" id="{4F7648BA-AA49-4A4D-BC99-1FA66C3DFF53}"/>
              </a:ext>
            </a:extLst>
          </p:cNvPr>
          <p:cNvCxnSpPr/>
          <p:nvPr/>
        </p:nvCxnSpPr>
        <p:spPr>
          <a:xfrm flipV="1">
            <a:off x="7483568" y="1991035"/>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33" name="Straight Connector 132">
            <a:extLst>
              <a:ext uri="{FF2B5EF4-FFF2-40B4-BE49-F238E27FC236}">
                <a16:creationId xmlns:a16="http://schemas.microsoft.com/office/drawing/2014/main" id="{49DD059B-3EDA-1941-9A84-61932AEE5ADA}"/>
              </a:ext>
            </a:extLst>
          </p:cNvPr>
          <p:cNvCxnSpPr/>
          <p:nvPr/>
        </p:nvCxnSpPr>
        <p:spPr>
          <a:xfrm flipV="1">
            <a:off x="8525128" y="1991035"/>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34" name="Straight Connector 133">
            <a:extLst>
              <a:ext uri="{FF2B5EF4-FFF2-40B4-BE49-F238E27FC236}">
                <a16:creationId xmlns:a16="http://schemas.microsoft.com/office/drawing/2014/main" id="{331B5621-517F-2848-85FB-B6C83AA61B76}"/>
              </a:ext>
            </a:extLst>
          </p:cNvPr>
          <p:cNvCxnSpPr/>
          <p:nvPr/>
        </p:nvCxnSpPr>
        <p:spPr>
          <a:xfrm>
            <a:off x="9538593" y="1991035"/>
            <a:ext cx="962882"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35" name="TextBox 134">
            <a:extLst>
              <a:ext uri="{FF2B5EF4-FFF2-40B4-BE49-F238E27FC236}">
                <a16:creationId xmlns:a16="http://schemas.microsoft.com/office/drawing/2014/main" id="{AA34905F-605E-E64F-8642-D3529C5DA06F}"/>
              </a:ext>
            </a:extLst>
          </p:cNvPr>
          <p:cNvSpPr txBox="1"/>
          <p:nvPr/>
        </p:nvSpPr>
        <p:spPr>
          <a:xfrm>
            <a:off x="2085114" y="1469364"/>
            <a:ext cx="1050483" cy="400109"/>
          </a:xfrm>
          <a:prstGeom prst="rect">
            <a:avLst/>
          </a:prstGeom>
          <a:noFill/>
        </p:spPr>
        <p:txBody>
          <a:bodyPr wrap="square" rtlCol="0">
            <a:spAutoFit/>
          </a:bodyPr>
          <a:lstStyle/>
          <a:p>
            <a:pPr algn="ctr"/>
            <a:r>
              <a:rPr lang="en-US" sz="1000" b="1" cap="all" spc="100" dirty="0">
                <a:latin typeface="+mj-lt"/>
              </a:rPr>
              <a:t>PORTFOLIO TEAM</a:t>
            </a:r>
          </a:p>
        </p:txBody>
      </p:sp>
      <p:sp>
        <p:nvSpPr>
          <p:cNvPr id="145" name="TextBox 144">
            <a:extLst>
              <a:ext uri="{FF2B5EF4-FFF2-40B4-BE49-F238E27FC236}">
                <a16:creationId xmlns:a16="http://schemas.microsoft.com/office/drawing/2014/main" id="{7F45F1A6-6770-2640-A92B-B0BA5BD0C19B}"/>
              </a:ext>
            </a:extLst>
          </p:cNvPr>
          <p:cNvSpPr txBox="1"/>
          <p:nvPr/>
        </p:nvSpPr>
        <p:spPr>
          <a:xfrm>
            <a:off x="3475486" y="2203190"/>
            <a:ext cx="1461896" cy="200055"/>
          </a:xfrm>
          <a:prstGeom prst="rect">
            <a:avLst/>
          </a:prstGeom>
          <a:noFill/>
        </p:spPr>
        <p:txBody>
          <a:bodyPr wrap="square" rtlCol="0">
            <a:spAutoFit/>
          </a:bodyPr>
          <a:lstStyle/>
          <a:p>
            <a:pPr algn="ctr"/>
            <a:r>
              <a:rPr lang="en-US" sz="700" b="1" cap="all" spc="60">
                <a:solidFill>
                  <a:schemeClr val="accent2"/>
                </a:solidFill>
                <a:latin typeface="+mj-lt"/>
              </a:rPr>
              <a:t>Strategic Alignment</a:t>
            </a:r>
          </a:p>
        </p:txBody>
      </p:sp>
      <p:sp>
        <p:nvSpPr>
          <p:cNvPr id="146" name="TextBox 145">
            <a:extLst>
              <a:ext uri="{FF2B5EF4-FFF2-40B4-BE49-F238E27FC236}">
                <a16:creationId xmlns:a16="http://schemas.microsoft.com/office/drawing/2014/main" id="{9A8F99B7-3A25-FC46-AC88-6F95FD959845}"/>
              </a:ext>
            </a:extLst>
          </p:cNvPr>
          <p:cNvSpPr txBox="1"/>
          <p:nvPr/>
        </p:nvSpPr>
        <p:spPr>
          <a:xfrm>
            <a:off x="4721951" y="2203190"/>
            <a:ext cx="1461896" cy="200055"/>
          </a:xfrm>
          <a:prstGeom prst="rect">
            <a:avLst/>
          </a:prstGeom>
          <a:noFill/>
        </p:spPr>
        <p:txBody>
          <a:bodyPr wrap="square" rtlCol="0">
            <a:spAutoFit/>
          </a:bodyPr>
          <a:lstStyle/>
          <a:p>
            <a:pPr algn="ctr"/>
            <a:r>
              <a:rPr lang="en-US" sz="700" b="1" cap="all" spc="60">
                <a:solidFill>
                  <a:schemeClr val="accent4"/>
                </a:solidFill>
                <a:latin typeface="+mj-lt"/>
              </a:rPr>
              <a:t>Solution Vision</a:t>
            </a:r>
          </a:p>
        </p:txBody>
      </p:sp>
      <p:sp>
        <p:nvSpPr>
          <p:cNvPr id="147" name="TextBox 146">
            <a:extLst>
              <a:ext uri="{FF2B5EF4-FFF2-40B4-BE49-F238E27FC236}">
                <a16:creationId xmlns:a16="http://schemas.microsoft.com/office/drawing/2014/main" id="{F44EB770-9AD3-8C40-9C2F-42489E954886}"/>
              </a:ext>
            </a:extLst>
          </p:cNvPr>
          <p:cNvSpPr txBox="1"/>
          <p:nvPr/>
        </p:nvSpPr>
        <p:spPr>
          <a:xfrm>
            <a:off x="6002386" y="2203190"/>
            <a:ext cx="1461896" cy="200055"/>
          </a:xfrm>
          <a:prstGeom prst="rect">
            <a:avLst/>
          </a:prstGeom>
          <a:noFill/>
        </p:spPr>
        <p:txBody>
          <a:bodyPr wrap="square" rtlCol="0">
            <a:spAutoFit/>
          </a:bodyPr>
          <a:lstStyle/>
          <a:p>
            <a:pPr algn="ctr"/>
            <a:r>
              <a:rPr lang="en-US" sz="700" b="1" cap="all" spc="60">
                <a:latin typeface="+mj-lt"/>
              </a:rPr>
              <a:t>Demand Planning</a:t>
            </a:r>
          </a:p>
        </p:txBody>
      </p:sp>
      <p:sp>
        <p:nvSpPr>
          <p:cNvPr id="148" name="TextBox 147">
            <a:extLst>
              <a:ext uri="{FF2B5EF4-FFF2-40B4-BE49-F238E27FC236}">
                <a16:creationId xmlns:a16="http://schemas.microsoft.com/office/drawing/2014/main" id="{9DBD3809-C2C9-684B-B899-47F30998D672}"/>
              </a:ext>
            </a:extLst>
          </p:cNvPr>
          <p:cNvSpPr txBox="1"/>
          <p:nvPr/>
        </p:nvSpPr>
        <p:spPr>
          <a:xfrm>
            <a:off x="7191957" y="2203190"/>
            <a:ext cx="1461896" cy="200055"/>
          </a:xfrm>
          <a:prstGeom prst="rect">
            <a:avLst/>
          </a:prstGeom>
          <a:noFill/>
        </p:spPr>
        <p:txBody>
          <a:bodyPr wrap="square" rtlCol="0">
            <a:spAutoFit/>
          </a:bodyPr>
          <a:lstStyle/>
          <a:p>
            <a:pPr algn="ctr"/>
            <a:r>
              <a:rPr lang="en-US" sz="700" b="1" cap="all" spc="60">
                <a:solidFill>
                  <a:schemeClr val="accent1"/>
                </a:solidFill>
                <a:latin typeface="+mj-lt"/>
              </a:rPr>
              <a:t>Execution</a:t>
            </a:r>
          </a:p>
        </p:txBody>
      </p:sp>
      <p:sp>
        <p:nvSpPr>
          <p:cNvPr id="149" name="TextBox 148">
            <a:extLst>
              <a:ext uri="{FF2B5EF4-FFF2-40B4-BE49-F238E27FC236}">
                <a16:creationId xmlns:a16="http://schemas.microsoft.com/office/drawing/2014/main" id="{8AD8D399-EBDE-1D4C-BE77-83D13EE04D87}"/>
              </a:ext>
            </a:extLst>
          </p:cNvPr>
          <p:cNvSpPr txBox="1"/>
          <p:nvPr/>
        </p:nvSpPr>
        <p:spPr>
          <a:xfrm>
            <a:off x="8273187" y="2203190"/>
            <a:ext cx="1461896" cy="200055"/>
          </a:xfrm>
          <a:prstGeom prst="rect">
            <a:avLst/>
          </a:prstGeom>
          <a:noFill/>
        </p:spPr>
        <p:txBody>
          <a:bodyPr wrap="square" rtlCol="0">
            <a:spAutoFit/>
          </a:bodyPr>
          <a:lstStyle/>
          <a:p>
            <a:pPr algn="ctr"/>
            <a:r>
              <a:rPr lang="en-US" sz="700" b="1" cap="all" spc="60" dirty="0">
                <a:solidFill>
                  <a:schemeClr val="accent1"/>
                </a:solidFill>
                <a:latin typeface="+mj-lt"/>
              </a:rPr>
              <a:t>validation</a:t>
            </a:r>
          </a:p>
        </p:txBody>
      </p:sp>
      <p:sp>
        <p:nvSpPr>
          <p:cNvPr id="150" name="TextBox 149">
            <a:extLst>
              <a:ext uri="{FF2B5EF4-FFF2-40B4-BE49-F238E27FC236}">
                <a16:creationId xmlns:a16="http://schemas.microsoft.com/office/drawing/2014/main" id="{07A46F6B-0167-4E4D-90F4-03196E6A645C}"/>
              </a:ext>
            </a:extLst>
          </p:cNvPr>
          <p:cNvSpPr txBox="1"/>
          <p:nvPr/>
        </p:nvSpPr>
        <p:spPr>
          <a:xfrm>
            <a:off x="9289086" y="2198811"/>
            <a:ext cx="1461896" cy="200055"/>
          </a:xfrm>
          <a:prstGeom prst="rect">
            <a:avLst/>
          </a:prstGeom>
          <a:noFill/>
        </p:spPr>
        <p:txBody>
          <a:bodyPr wrap="square" rtlCol="0">
            <a:spAutoFit/>
          </a:bodyPr>
          <a:lstStyle/>
          <a:p>
            <a:pPr algn="ctr"/>
            <a:r>
              <a:rPr lang="en-US" sz="700" b="1" cap="all" spc="60">
                <a:solidFill>
                  <a:schemeClr val="accent6"/>
                </a:solidFill>
                <a:latin typeface="+mj-lt"/>
              </a:rPr>
              <a:t>MEASURE EFFECTIVENESS</a:t>
            </a:r>
          </a:p>
        </p:txBody>
      </p:sp>
      <p:sp>
        <p:nvSpPr>
          <p:cNvPr id="151" name="TextBox 150">
            <a:extLst>
              <a:ext uri="{FF2B5EF4-FFF2-40B4-BE49-F238E27FC236}">
                <a16:creationId xmlns:a16="http://schemas.microsoft.com/office/drawing/2014/main" id="{018F5470-100D-6348-9931-3EA138DE722E}"/>
              </a:ext>
            </a:extLst>
          </p:cNvPr>
          <p:cNvSpPr txBox="1"/>
          <p:nvPr/>
        </p:nvSpPr>
        <p:spPr>
          <a:xfrm>
            <a:off x="1872193" y="1790626"/>
            <a:ext cx="1476324" cy="215444"/>
          </a:xfrm>
          <a:prstGeom prst="rect">
            <a:avLst/>
          </a:prstGeom>
          <a:noFill/>
        </p:spPr>
        <p:txBody>
          <a:bodyPr wrap="square" rtlCol="0">
            <a:spAutoFit/>
          </a:bodyPr>
          <a:lstStyle/>
          <a:p>
            <a:pPr algn="ctr"/>
            <a:r>
              <a:rPr lang="en-US" sz="800" i="1" spc="100">
                <a:solidFill>
                  <a:schemeClr val="tx2"/>
                </a:solidFill>
              </a:rPr>
              <a:t>Epic | Kanban</a:t>
            </a:r>
          </a:p>
        </p:txBody>
      </p:sp>
      <p:cxnSp>
        <p:nvCxnSpPr>
          <p:cNvPr id="152" name="Straight Connector 151">
            <a:extLst>
              <a:ext uri="{FF2B5EF4-FFF2-40B4-BE49-F238E27FC236}">
                <a16:creationId xmlns:a16="http://schemas.microsoft.com/office/drawing/2014/main" id="{FAF20B72-7302-944F-B88A-973C12CCBCD0}"/>
              </a:ext>
            </a:extLst>
          </p:cNvPr>
          <p:cNvCxnSpPr/>
          <p:nvPr/>
        </p:nvCxnSpPr>
        <p:spPr>
          <a:xfrm>
            <a:off x="3425231" y="5209890"/>
            <a:ext cx="869216" cy="0"/>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3" name="Straight Connector 152">
            <a:extLst>
              <a:ext uri="{FF2B5EF4-FFF2-40B4-BE49-F238E27FC236}">
                <a16:creationId xmlns:a16="http://schemas.microsoft.com/office/drawing/2014/main" id="{54BFE844-2480-E146-BC78-0249546030D6}"/>
              </a:ext>
            </a:extLst>
          </p:cNvPr>
          <p:cNvCxnSpPr/>
          <p:nvPr/>
        </p:nvCxnSpPr>
        <p:spPr>
          <a:xfrm flipV="1">
            <a:off x="4438688" y="5207083"/>
            <a:ext cx="886080" cy="2807"/>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4" name="Straight Connector 153">
            <a:extLst>
              <a:ext uri="{FF2B5EF4-FFF2-40B4-BE49-F238E27FC236}">
                <a16:creationId xmlns:a16="http://schemas.microsoft.com/office/drawing/2014/main" id="{03B9C93B-2180-3046-B63E-AC2F58948BE2}"/>
              </a:ext>
            </a:extLst>
          </p:cNvPr>
          <p:cNvCxnSpPr/>
          <p:nvPr/>
        </p:nvCxnSpPr>
        <p:spPr>
          <a:xfrm>
            <a:off x="5446529" y="5209889"/>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5" name="Straight Connector 154">
            <a:extLst>
              <a:ext uri="{FF2B5EF4-FFF2-40B4-BE49-F238E27FC236}">
                <a16:creationId xmlns:a16="http://schemas.microsoft.com/office/drawing/2014/main" id="{8A218324-7FB2-4245-8BEA-9589FD02C715}"/>
              </a:ext>
            </a:extLst>
          </p:cNvPr>
          <p:cNvCxnSpPr/>
          <p:nvPr/>
        </p:nvCxnSpPr>
        <p:spPr>
          <a:xfrm flipV="1">
            <a:off x="7504173" y="5205510"/>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7" name="Straight Connector 156">
            <a:extLst>
              <a:ext uri="{FF2B5EF4-FFF2-40B4-BE49-F238E27FC236}">
                <a16:creationId xmlns:a16="http://schemas.microsoft.com/office/drawing/2014/main" id="{0E50CFE9-FB5B-F34F-9112-CAB22B521241}"/>
              </a:ext>
            </a:extLst>
          </p:cNvPr>
          <p:cNvCxnSpPr>
            <a:cxnSpLocks/>
          </p:cNvCxnSpPr>
          <p:nvPr/>
        </p:nvCxnSpPr>
        <p:spPr>
          <a:xfrm>
            <a:off x="9543463" y="5209890"/>
            <a:ext cx="1012838"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58" name="TextBox 157">
            <a:extLst>
              <a:ext uri="{FF2B5EF4-FFF2-40B4-BE49-F238E27FC236}">
                <a16:creationId xmlns:a16="http://schemas.microsoft.com/office/drawing/2014/main" id="{B831852C-385D-F244-A686-AABAC642C0CC}"/>
              </a:ext>
            </a:extLst>
          </p:cNvPr>
          <p:cNvSpPr txBox="1"/>
          <p:nvPr/>
        </p:nvSpPr>
        <p:spPr>
          <a:xfrm>
            <a:off x="2161828" y="5136293"/>
            <a:ext cx="1050483" cy="400109"/>
          </a:xfrm>
          <a:prstGeom prst="rect">
            <a:avLst/>
          </a:prstGeom>
          <a:noFill/>
        </p:spPr>
        <p:txBody>
          <a:bodyPr wrap="square" lIns="91440" tIns="45720" rIns="91440" bIns="45720" rtlCol="0" anchor="t">
            <a:spAutoFit/>
          </a:bodyPr>
          <a:lstStyle/>
          <a:p>
            <a:pPr algn="ctr"/>
            <a:r>
              <a:rPr lang="en-US" sz="1000" b="1" cap="all" spc="100" dirty="0">
                <a:latin typeface="+mj-lt"/>
              </a:rPr>
              <a:t>Product</a:t>
            </a:r>
            <a:endParaRPr lang="en-US" sz="1000" b="1" cap="all" spc="100" dirty="0">
              <a:latin typeface="+mj-lt"/>
              <a:cs typeface="Calibri Bold"/>
            </a:endParaRPr>
          </a:p>
          <a:p>
            <a:pPr algn="ctr"/>
            <a:r>
              <a:rPr lang="en-US" sz="1000" b="1" cap="all" spc="100" dirty="0">
                <a:latin typeface="+mj-lt"/>
              </a:rPr>
              <a:t>Team</a:t>
            </a:r>
            <a:endParaRPr lang="en-US" sz="1000" b="1" cap="all" spc="100" dirty="0">
              <a:latin typeface="+mj-lt"/>
              <a:cs typeface="Calibri Bold"/>
            </a:endParaRPr>
          </a:p>
        </p:txBody>
      </p:sp>
      <p:sp>
        <p:nvSpPr>
          <p:cNvPr id="159" name="Freeform 158">
            <a:extLst>
              <a:ext uri="{FF2B5EF4-FFF2-40B4-BE49-F238E27FC236}">
                <a16:creationId xmlns:a16="http://schemas.microsoft.com/office/drawing/2014/main" id="{EBA7F596-F5B1-DE42-889B-1D1A7AC2E837}"/>
              </a:ext>
            </a:extLst>
          </p:cNvPr>
          <p:cNvSpPr/>
          <p:nvPr/>
        </p:nvSpPr>
        <p:spPr>
          <a:xfrm>
            <a:off x="4412727" y="5286233"/>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sign</a:t>
            </a:r>
          </a:p>
        </p:txBody>
      </p:sp>
      <p:sp>
        <p:nvSpPr>
          <p:cNvPr id="160" name="Freeform 159">
            <a:extLst>
              <a:ext uri="{FF2B5EF4-FFF2-40B4-BE49-F238E27FC236}">
                <a16:creationId xmlns:a16="http://schemas.microsoft.com/office/drawing/2014/main" id="{80D5D53D-388B-CF45-8644-629F3CB1FA00}"/>
              </a:ext>
            </a:extLst>
          </p:cNvPr>
          <p:cNvSpPr/>
          <p:nvPr/>
        </p:nvSpPr>
        <p:spPr>
          <a:xfrm>
            <a:off x="5430350" y="5286233"/>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Planning</a:t>
            </a:r>
          </a:p>
        </p:txBody>
      </p:sp>
      <p:sp>
        <p:nvSpPr>
          <p:cNvPr id="161" name="Freeform 160">
            <a:extLst>
              <a:ext uri="{FF2B5EF4-FFF2-40B4-BE49-F238E27FC236}">
                <a16:creationId xmlns:a16="http://schemas.microsoft.com/office/drawing/2014/main" id="{39022ADC-8F4D-4B4B-AC1C-2B38597D16DB}"/>
              </a:ext>
            </a:extLst>
          </p:cNvPr>
          <p:cNvSpPr/>
          <p:nvPr/>
        </p:nvSpPr>
        <p:spPr>
          <a:xfrm>
            <a:off x="6447974" y="5286233"/>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a:t>
            </a:r>
          </a:p>
          <a:p>
            <a:pPr algn="ctr"/>
            <a:r>
              <a:rPr lang="en-US" sz="700" b="1" cap="all" spc="70">
                <a:latin typeface="+mj-lt"/>
              </a:rPr>
              <a:t>Ready</a:t>
            </a:r>
          </a:p>
        </p:txBody>
      </p:sp>
      <p:sp>
        <p:nvSpPr>
          <p:cNvPr id="162" name="Freeform 161">
            <a:extLst>
              <a:ext uri="{FF2B5EF4-FFF2-40B4-BE49-F238E27FC236}">
                <a16:creationId xmlns:a16="http://schemas.microsoft.com/office/drawing/2014/main" id="{6E8C57A1-FB90-1844-8DDE-49B274CD718E}"/>
              </a:ext>
            </a:extLst>
          </p:cNvPr>
          <p:cNvSpPr/>
          <p:nvPr/>
        </p:nvSpPr>
        <p:spPr>
          <a:xfrm>
            <a:off x="7465597" y="5286233"/>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63" name="Freeform 162">
            <a:extLst>
              <a:ext uri="{FF2B5EF4-FFF2-40B4-BE49-F238E27FC236}">
                <a16:creationId xmlns:a16="http://schemas.microsoft.com/office/drawing/2014/main" id="{1C13EF64-C139-D743-8EBD-A881B23D2E5E}"/>
              </a:ext>
            </a:extLst>
          </p:cNvPr>
          <p:cNvSpPr/>
          <p:nvPr/>
        </p:nvSpPr>
        <p:spPr>
          <a:xfrm>
            <a:off x="8483221" y="5286233"/>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5"/>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validation</a:t>
            </a:r>
          </a:p>
        </p:txBody>
      </p:sp>
      <p:sp>
        <p:nvSpPr>
          <p:cNvPr id="164" name="Freeform 163">
            <a:extLst>
              <a:ext uri="{FF2B5EF4-FFF2-40B4-BE49-F238E27FC236}">
                <a16:creationId xmlns:a16="http://schemas.microsoft.com/office/drawing/2014/main" id="{C93AF4B0-CF5F-3C48-9063-A197275153E8}"/>
              </a:ext>
            </a:extLst>
          </p:cNvPr>
          <p:cNvSpPr/>
          <p:nvPr/>
        </p:nvSpPr>
        <p:spPr>
          <a:xfrm>
            <a:off x="9509348" y="5286233"/>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Feature Completed</a:t>
            </a:r>
          </a:p>
        </p:txBody>
      </p:sp>
      <p:sp>
        <p:nvSpPr>
          <p:cNvPr id="165" name="Freeform 164">
            <a:extLst>
              <a:ext uri="{FF2B5EF4-FFF2-40B4-BE49-F238E27FC236}">
                <a16:creationId xmlns:a16="http://schemas.microsoft.com/office/drawing/2014/main" id="{32A1DD37-EF88-794D-82D3-1428F07FE9B8}"/>
              </a:ext>
            </a:extLst>
          </p:cNvPr>
          <p:cNvSpPr/>
          <p:nvPr/>
        </p:nvSpPr>
        <p:spPr>
          <a:xfrm>
            <a:off x="3395103" y="5286233"/>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Intake</a:t>
            </a:r>
          </a:p>
        </p:txBody>
      </p:sp>
      <p:sp>
        <p:nvSpPr>
          <p:cNvPr id="166" name="TextBox 165">
            <a:extLst>
              <a:ext uri="{FF2B5EF4-FFF2-40B4-BE49-F238E27FC236}">
                <a16:creationId xmlns:a16="http://schemas.microsoft.com/office/drawing/2014/main" id="{0701F6CA-BC33-3C43-98C2-DBBBA4EED932}"/>
              </a:ext>
            </a:extLst>
          </p:cNvPr>
          <p:cNvSpPr txBox="1"/>
          <p:nvPr/>
        </p:nvSpPr>
        <p:spPr>
          <a:xfrm>
            <a:off x="1948906" y="5480956"/>
            <a:ext cx="1476324" cy="215444"/>
          </a:xfrm>
          <a:prstGeom prst="rect">
            <a:avLst/>
          </a:prstGeom>
          <a:noFill/>
        </p:spPr>
        <p:txBody>
          <a:bodyPr wrap="square" rtlCol="0">
            <a:spAutoFit/>
          </a:bodyPr>
          <a:lstStyle/>
          <a:p>
            <a:pPr algn="ctr"/>
            <a:r>
              <a:rPr lang="en-US" sz="800" i="1" spc="100">
                <a:solidFill>
                  <a:schemeClr val="tx2"/>
                </a:solidFill>
              </a:rPr>
              <a:t>Feature | Kanban</a:t>
            </a:r>
          </a:p>
        </p:txBody>
      </p:sp>
      <p:sp>
        <p:nvSpPr>
          <p:cNvPr id="173" name="Circular Arrow 172">
            <a:extLst>
              <a:ext uri="{FF2B5EF4-FFF2-40B4-BE49-F238E27FC236}">
                <a16:creationId xmlns:a16="http://schemas.microsoft.com/office/drawing/2014/main" id="{CA3674C0-A585-6142-909D-34673EB814F4}"/>
              </a:ext>
            </a:extLst>
          </p:cNvPr>
          <p:cNvSpPr/>
          <p:nvPr/>
        </p:nvSpPr>
        <p:spPr>
          <a:xfrm rot="16932402">
            <a:off x="2729684" y="2952425"/>
            <a:ext cx="2968460" cy="176792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174" name="Circular Arrow 173">
            <a:extLst>
              <a:ext uri="{FF2B5EF4-FFF2-40B4-BE49-F238E27FC236}">
                <a16:creationId xmlns:a16="http://schemas.microsoft.com/office/drawing/2014/main" id="{07FF9C08-C5F4-F041-9038-BDC69BFBC91A}"/>
              </a:ext>
            </a:extLst>
          </p:cNvPr>
          <p:cNvSpPr/>
          <p:nvPr/>
        </p:nvSpPr>
        <p:spPr>
          <a:xfrm rot="16451841" flipH="1" flipV="1">
            <a:off x="2632294" y="2567572"/>
            <a:ext cx="2791964" cy="207205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175" name="Rectangle 174">
            <a:extLst>
              <a:ext uri="{FF2B5EF4-FFF2-40B4-BE49-F238E27FC236}">
                <a16:creationId xmlns:a16="http://schemas.microsoft.com/office/drawing/2014/main" id="{FE4BB9C5-B5CC-9A47-A768-3811F54EE5E1}"/>
              </a:ext>
            </a:extLst>
          </p:cNvPr>
          <p:cNvSpPr>
            <a:spLocks noChangeAspect="1"/>
          </p:cNvSpPr>
          <p:nvPr/>
        </p:nvSpPr>
        <p:spPr>
          <a:xfrm>
            <a:off x="7208458" y="2960891"/>
            <a:ext cx="1097280" cy="1372463"/>
          </a:xfrm>
          <a:prstGeom prst="rect">
            <a:avLst/>
          </a:prstGeom>
          <a:solidFill>
            <a:schemeClr val="bg1"/>
          </a:solid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400">
              <a:defRPr/>
            </a:pPr>
            <a:r>
              <a:rPr lang="en-US" sz="1050" dirty="0">
                <a:solidFill>
                  <a:schemeClr val="tx1">
                    <a:lumMod val="75000"/>
                    <a:lumOff val="25000"/>
                  </a:schemeClr>
                </a:solidFill>
              </a:rPr>
              <a:t>Do we have a product team with the knowledge &amp; skills to build this capability?</a:t>
            </a:r>
          </a:p>
        </p:txBody>
      </p:sp>
      <p:sp>
        <p:nvSpPr>
          <p:cNvPr id="176" name="Rectangle 175">
            <a:extLst>
              <a:ext uri="{FF2B5EF4-FFF2-40B4-BE49-F238E27FC236}">
                <a16:creationId xmlns:a16="http://schemas.microsoft.com/office/drawing/2014/main" id="{985FB010-128B-D94D-B2FB-F825955B9251}"/>
              </a:ext>
            </a:extLst>
          </p:cNvPr>
          <p:cNvSpPr>
            <a:spLocks noChangeAspect="1"/>
          </p:cNvSpPr>
          <p:nvPr/>
        </p:nvSpPr>
        <p:spPr>
          <a:xfrm>
            <a:off x="4588734" y="2960891"/>
            <a:ext cx="1097280" cy="1372463"/>
          </a:xfrm>
          <a:prstGeom prst="rect">
            <a:avLst/>
          </a:prstGeom>
          <a:solidFill>
            <a:schemeClr val="bg1"/>
          </a:solid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400">
              <a:defRPr/>
            </a:pPr>
            <a:r>
              <a:rPr lang="en-US" sz="1050" dirty="0">
                <a:solidFill>
                  <a:schemeClr val="tx1">
                    <a:lumMod val="75000"/>
                    <a:lumOff val="25000"/>
                  </a:schemeClr>
                </a:solidFill>
              </a:rPr>
              <a:t>Do we have a Product Owner clearly identified for this?</a:t>
            </a:r>
          </a:p>
        </p:txBody>
      </p:sp>
      <p:sp>
        <p:nvSpPr>
          <p:cNvPr id="177" name="Rectangle 176">
            <a:extLst>
              <a:ext uri="{FF2B5EF4-FFF2-40B4-BE49-F238E27FC236}">
                <a16:creationId xmlns:a16="http://schemas.microsoft.com/office/drawing/2014/main" id="{149B2B8E-BFA4-FB40-882D-87F878F5B087}"/>
              </a:ext>
            </a:extLst>
          </p:cNvPr>
          <p:cNvSpPr>
            <a:spLocks noChangeAspect="1"/>
          </p:cNvSpPr>
          <p:nvPr/>
        </p:nvSpPr>
        <p:spPr>
          <a:xfrm>
            <a:off x="5898596" y="2960891"/>
            <a:ext cx="1097280" cy="1372463"/>
          </a:xfrm>
          <a:prstGeom prst="rect">
            <a:avLst/>
          </a:prstGeom>
          <a:solidFill>
            <a:schemeClr val="bg1"/>
          </a:solid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400">
              <a:defRPr/>
            </a:pPr>
            <a:r>
              <a:rPr lang="en-US" sz="1050" dirty="0">
                <a:solidFill>
                  <a:schemeClr val="tx1">
                    <a:lumMod val="75000"/>
                    <a:lumOff val="25000"/>
                  </a:schemeClr>
                </a:solidFill>
              </a:rPr>
              <a:t>Do we have priority (WSJF) assigned to this?</a:t>
            </a:r>
          </a:p>
        </p:txBody>
      </p:sp>
      <p:sp>
        <p:nvSpPr>
          <p:cNvPr id="178" name="Rectangle 177">
            <a:extLst>
              <a:ext uri="{FF2B5EF4-FFF2-40B4-BE49-F238E27FC236}">
                <a16:creationId xmlns:a16="http://schemas.microsoft.com/office/drawing/2014/main" id="{F240E0FD-A672-E647-B71E-E0EF052E072A}"/>
              </a:ext>
            </a:extLst>
          </p:cNvPr>
          <p:cNvSpPr>
            <a:spLocks noChangeAspect="1"/>
          </p:cNvSpPr>
          <p:nvPr/>
        </p:nvSpPr>
        <p:spPr>
          <a:xfrm>
            <a:off x="3278872" y="2960891"/>
            <a:ext cx="1097280" cy="1372463"/>
          </a:xfrm>
          <a:prstGeom prst="rect">
            <a:avLst/>
          </a:prstGeom>
          <a:solidFill>
            <a:schemeClr val="bg1"/>
          </a:solid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400">
              <a:defRPr/>
            </a:pPr>
            <a:r>
              <a:rPr lang="en-US" sz="1050" dirty="0">
                <a:solidFill>
                  <a:schemeClr val="tx1">
                    <a:lumMod val="75000"/>
                    <a:lumOff val="25000"/>
                  </a:schemeClr>
                </a:solidFill>
              </a:rPr>
              <a:t>Does this fit in to an existing product area?</a:t>
            </a:r>
          </a:p>
        </p:txBody>
      </p:sp>
      <p:sp>
        <p:nvSpPr>
          <p:cNvPr id="179" name="Rectangle 178">
            <a:extLst>
              <a:ext uri="{FF2B5EF4-FFF2-40B4-BE49-F238E27FC236}">
                <a16:creationId xmlns:a16="http://schemas.microsoft.com/office/drawing/2014/main" id="{8023E473-FA1B-A142-9BB2-030686AEF005}"/>
              </a:ext>
            </a:extLst>
          </p:cNvPr>
          <p:cNvSpPr>
            <a:spLocks noChangeAspect="1"/>
          </p:cNvSpPr>
          <p:nvPr/>
        </p:nvSpPr>
        <p:spPr>
          <a:xfrm>
            <a:off x="1969010" y="2960891"/>
            <a:ext cx="1097280" cy="1372463"/>
          </a:xfrm>
          <a:prstGeom prst="rect">
            <a:avLst/>
          </a:prstGeom>
          <a:solidFill>
            <a:schemeClr val="bg1"/>
          </a:solid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400">
              <a:defRPr/>
            </a:pPr>
            <a:r>
              <a:rPr lang="en-US" sz="1050" dirty="0">
                <a:solidFill>
                  <a:schemeClr val="tx1">
                    <a:lumMod val="75000"/>
                    <a:lumOff val="25000"/>
                  </a:schemeClr>
                </a:solidFill>
              </a:rPr>
              <a:t>What demand is flowing in? Is it balanced against the desired capacity mix?</a:t>
            </a:r>
          </a:p>
        </p:txBody>
      </p:sp>
      <p:cxnSp>
        <p:nvCxnSpPr>
          <p:cNvPr id="180" name="Straight Connector 179">
            <a:extLst>
              <a:ext uri="{FF2B5EF4-FFF2-40B4-BE49-F238E27FC236}">
                <a16:creationId xmlns:a16="http://schemas.microsoft.com/office/drawing/2014/main" id="{766D9B51-B9D0-B842-92A4-F095E05B2E0C}"/>
              </a:ext>
            </a:extLst>
          </p:cNvPr>
          <p:cNvCxnSpPr/>
          <p:nvPr/>
        </p:nvCxnSpPr>
        <p:spPr>
          <a:xfrm flipV="1">
            <a:off x="6491998" y="1993552"/>
            <a:ext cx="871093" cy="4380"/>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8" name="Straight Connector 47">
            <a:extLst>
              <a:ext uri="{FF2B5EF4-FFF2-40B4-BE49-F238E27FC236}">
                <a16:creationId xmlns:a16="http://schemas.microsoft.com/office/drawing/2014/main" id="{2CF12002-9AC8-5048-B7FC-A874C01C1E05}"/>
              </a:ext>
            </a:extLst>
          </p:cNvPr>
          <p:cNvCxnSpPr/>
          <p:nvPr/>
        </p:nvCxnSpPr>
        <p:spPr>
          <a:xfrm flipV="1">
            <a:off x="8525175" y="5201130"/>
            <a:ext cx="871093" cy="4380"/>
          </a:xfrm>
          <a:prstGeom prst="line">
            <a:avLst/>
          </a:prstGeom>
          <a:ln w="19050">
            <a:solidFill>
              <a:schemeClr val="accent5"/>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9" name="Straight Connector 48">
            <a:extLst>
              <a:ext uri="{FF2B5EF4-FFF2-40B4-BE49-F238E27FC236}">
                <a16:creationId xmlns:a16="http://schemas.microsoft.com/office/drawing/2014/main" id="{98D29B8A-B96F-6141-B4B3-F232AFB9C77B}"/>
              </a:ext>
            </a:extLst>
          </p:cNvPr>
          <p:cNvCxnSpPr>
            <a:cxnSpLocks/>
          </p:cNvCxnSpPr>
          <p:nvPr/>
        </p:nvCxnSpPr>
        <p:spPr>
          <a:xfrm>
            <a:off x="4472853" y="2002250"/>
            <a:ext cx="0" cy="147192"/>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0" name="Straight Connector 49">
            <a:extLst>
              <a:ext uri="{FF2B5EF4-FFF2-40B4-BE49-F238E27FC236}">
                <a16:creationId xmlns:a16="http://schemas.microsoft.com/office/drawing/2014/main" id="{3B0E8C09-B2C2-C44F-990E-3C808828A721}"/>
              </a:ext>
            </a:extLst>
          </p:cNvPr>
          <p:cNvCxnSpPr/>
          <p:nvPr/>
        </p:nvCxnSpPr>
        <p:spPr>
          <a:xfrm>
            <a:off x="5634906" y="2002250"/>
            <a:ext cx="0" cy="147192"/>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1" name="Straight Connector 50">
            <a:extLst>
              <a:ext uri="{FF2B5EF4-FFF2-40B4-BE49-F238E27FC236}">
                <a16:creationId xmlns:a16="http://schemas.microsoft.com/office/drawing/2014/main" id="{C5C3647A-68AF-064B-A45B-94E3E33B39DA}"/>
              </a:ext>
            </a:extLst>
          </p:cNvPr>
          <p:cNvCxnSpPr/>
          <p:nvPr/>
        </p:nvCxnSpPr>
        <p:spPr>
          <a:xfrm>
            <a:off x="7873116" y="2002250"/>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2" name="Straight Connector 51">
            <a:extLst>
              <a:ext uri="{FF2B5EF4-FFF2-40B4-BE49-F238E27FC236}">
                <a16:creationId xmlns:a16="http://schemas.microsoft.com/office/drawing/2014/main" id="{46111681-390B-6241-AB3C-45D39FC4938D}"/>
              </a:ext>
            </a:extLst>
          </p:cNvPr>
          <p:cNvCxnSpPr/>
          <p:nvPr/>
        </p:nvCxnSpPr>
        <p:spPr>
          <a:xfrm>
            <a:off x="8914677" y="2002250"/>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3" name="Straight Connector 52">
            <a:extLst>
              <a:ext uri="{FF2B5EF4-FFF2-40B4-BE49-F238E27FC236}">
                <a16:creationId xmlns:a16="http://schemas.microsoft.com/office/drawing/2014/main" id="{04A05E59-DEDA-534B-BD03-20418D127B03}"/>
              </a:ext>
            </a:extLst>
          </p:cNvPr>
          <p:cNvCxnSpPr/>
          <p:nvPr/>
        </p:nvCxnSpPr>
        <p:spPr>
          <a:xfrm>
            <a:off x="9986287" y="2002250"/>
            <a:ext cx="0" cy="147192"/>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4" name="Slide Number Placeholder 3">
            <a:extLst>
              <a:ext uri="{FF2B5EF4-FFF2-40B4-BE49-F238E27FC236}">
                <a16:creationId xmlns:a16="http://schemas.microsoft.com/office/drawing/2014/main" id="{D2940FC4-3DB4-7348-99A0-E0E7672AAB2D}"/>
              </a:ext>
            </a:extLst>
          </p:cNvPr>
          <p:cNvSpPr>
            <a:spLocks noGrp="1"/>
          </p:cNvSpPr>
          <p:nvPr>
            <p:ph type="sldNum" sz="quarter" idx="4"/>
          </p:nvPr>
        </p:nvSpPr>
        <p:spPr/>
        <p:txBody>
          <a:bodyPr/>
          <a:lstStyle/>
          <a:p>
            <a:fld id="{742ED878-647B-DB4D-84DF-0BCCAF9DD0BF}" type="slidenum">
              <a:rPr lang="en-US" smtClean="0"/>
              <a:pPr/>
              <a:t>24</a:t>
            </a:fld>
            <a:endParaRPr lang="en-US" dirty="0"/>
          </a:p>
        </p:txBody>
      </p:sp>
      <p:sp>
        <p:nvSpPr>
          <p:cNvPr id="54" name="Freeform 53">
            <a:extLst>
              <a:ext uri="{FF2B5EF4-FFF2-40B4-BE49-F238E27FC236}">
                <a16:creationId xmlns:a16="http://schemas.microsoft.com/office/drawing/2014/main" id="{4B78C489-F481-6849-ABD5-F3D236899296}"/>
              </a:ext>
            </a:extLst>
          </p:cNvPr>
          <p:cNvSpPr/>
          <p:nvPr/>
        </p:nvSpPr>
        <p:spPr>
          <a:xfrm>
            <a:off x="5403800" y="6118001"/>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Make </a:t>
            </a:r>
            <a:br>
              <a:rPr lang="en-US" sz="700" b="1" cap="all" spc="70">
                <a:latin typeface="+mj-lt"/>
              </a:rPr>
            </a:br>
            <a:r>
              <a:rPr lang="en-US" sz="700" b="1" cap="all" spc="70">
                <a:latin typeface="+mj-lt"/>
              </a:rPr>
              <a:t>Ready</a:t>
            </a:r>
          </a:p>
        </p:txBody>
      </p:sp>
      <p:sp>
        <p:nvSpPr>
          <p:cNvPr id="55" name="Freeform 54">
            <a:extLst>
              <a:ext uri="{FF2B5EF4-FFF2-40B4-BE49-F238E27FC236}">
                <a16:creationId xmlns:a16="http://schemas.microsoft.com/office/drawing/2014/main" id="{300ABF0F-58C1-434F-9445-708CBC731111}"/>
              </a:ext>
            </a:extLst>
          </p:cNvPr>
          <p:cNvSpPr/>
          <p:nvPr/>
        </p:nvSpPr>
        <p:spPr>
          <a:xfrm>
            <a:off x="64333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Ready</a:t>
            </a:r>
          </a:p>
        </p:txBody>
      </p:sp>
      <p:sp>
        <p:nvSpPr>
          <p:cNvPr id="56" name="Freeform 55">
            <a:extLst>
              <a:ext uri="{FF2B5EF4-FFF2-40B4-BE49-F238E27FC236}">
                <a16:creationId xmlns:a16="http://schemas.microsoft.com/office/drawing/2014/main" id="{9F5191BA-FDB5-604A-A10D-08C8A8465C26}"/>
              </a:ext>
            </a:extLst>
          </p:cNvPr>
          <p:cNvSpPr/>
          <p:nvPr/>
        </p:nvSpPr>
        <p:spPr>
          <a:xfrm>
            <a:off x="746290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57" name="Freeform 56">
            <a:extLst>
              <a:ext uri="{FF2B5EF4-FFF2-40B4-BE49-F238E27FC236}">
                <a16:creationId xmlns:a16="http://schemas.microsoft.com/office/drawing/2014/main" id="{289B9F25-DF94-BF4E-84ED-66755A93709F}"/>
              </a:ext>
            </a:extLst>
          </p:cNvPr>
          <p:cNvSpPr/>
          <p:nvPr/>
        </p:nvSpPr>
        <p:spPr>
          <a:xfrm>
            <a:off x="84924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a:t>
            </a:r>
            <a:br>
              <a:rPr lang="en-US" sz="700" b="1" cap="all" spc="70">
                <a:latin typeface="+mj-lt"/>
              </a:rPr>
            </a:br>
            <a:r>
              <a:rPr lang="en-US" sz="700" b="1" cap="all" spc="70">
                <a:latin typeface="+mj-lt"/>
              </a:rPr>
              <a:t>Done</a:t>
            </a:r>
          </a:p>
        </p:txBody>
      </p:sp>
      <p:sp>
        <p:nvSpPr>
          <p:cNvPr id="58" name="Freeform 57">
            <a:extLst>
              <a:ext uri="{FF2B5EF4-FFF2-40B4-BE49-F238E27FC236}">
                <a16:creationId xmlns:a16="http://schemas.microsoft.com/office/drawing/2014/main" id="{BC7C74FB-CB2C-6B4D-8346-151AC77D7DAE}"/>
              </a:ext>
            </a:extLst>
          </p:cNvPr>
          <p:cNvSpPr/>
          <p:nvPr/>
        </p:nvSpPr>
        <p:spPr>
          <a:xfrm>
            <a:off x="9522002" y="611800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Story</a:t>
            </a:r>
            <a:br>
              <a:rPr lang="en-US" sz="700" b="1" cap="all" spc="70">
                <a:latin typeface="+mj-lt"/>
              </a:rPr>
            </a:br>
            <a:r>
              <a:rPr lang="en-US" sz="700" b="1" cap="all" spc="70">
                <a:latin typeface="+mj-lt"/>
              </a:rPr>
              <a:t>Accepted</a:t>
            </a:r>
          </a:p>
        </p:txBody>
      </p:sp>
      <p:cxnSp>
        <p:nvCxnSpPr>
          <p:cNvPr id="59" name="Straight Connector 58">
            <a:extLst>
              <a:ext uri="{FF2B5EF4-FFF2-40B4-BE49-F238E27FC236}">
                <a16:creationId xmlns:a16="http://schemas.microsoft.com/office/drawing/2014/main" id="{69A7A2E3-001C-7642-93BF-683C2C059957}"/>
              </a:ext>
            </a:extLst>
          </p:cNvPr>
          <p:cNvCxnSpPr/>
          <p:nvPr/>
        </p:nvCxnSpPr>
        <p:spPr>
          <a:xfrm>
            <a:off x="6415081" y="5443941"/>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0" name="Straight Connector 59">
            <a:extLst>
              <a:ext uri="{FF2B5EF4-FFF2-40B4-BE49-F238E27FC236}">
                <a16:creationId xmlns:a16="http://schemas.microsoft.com/office/drawing/2014/main" id="{C2535430-B282-E941-A2A4-0363A27095EC}"/>
              </a:ext>
            </a:extLst>
          </p:cNvPr>
          <p:cNvCxnSpPr/>
          <p:nvPr/>
        </p:nvCxnSpPr>
        <p:spPr>
          <a:xfrm>
            <a:off x="7913728" y="5443941"/>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1" name="Straight Connector 60">
            <a:extLst>
              <a:ext uri="{FF2B5EF4-FFF2-40B4-BE49-F238E27FC236}">
                <a16:creationId xmlns:a16="http://schemas.microsoft.com/office/drawing/2014/main" id="{B1C987B9-F843-5446-B3B9-78BC09BEE050}"/>
              </a:ext>
            </a:extLst>
          </p:cNvPr>
          <p:cNvCxnSpPr/>
          <p:nvPr/>
        </p:nvCxnSpPr>
        <p:spPr>
          <a:xfrm>
            <a:off x="5467186" y="603104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2" name="Straight Connector 61">
            <a:extLst>
              <a:ext uri="{FF2B5EF4-FFF2-40B4-BE49-F238E27FC236}">
                <a16:creationId xmlns:a16="http://schemas.microsoft.com/office/drawing/2014/main" id="{F82F253A-200E-4548-B19A-48F5E871B8EA}"/>
              </a:ext>
            </a:extLst>
          </p:cNvPr>
          <p:cNvCxnSpPr/>
          <p:nvPr/>
        </p:nvCxnSpPr>
        <p:spPr>
          <a:xfrm>
            <a:off x="6415081" y="5883852"/>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3" name="Straight Connector 62">
            <a:extLst>
              <a:ext uri="{FF2B5EF4-FFF2-40B4-BE49-F238E27FC236}">
                <a16:creationId xmlns:a16="http://schemas.microsoft.com/office/drawing/2014/main" id="{5601A6A8-8B8F-7B43-9EF2-4DF3CD397958}"/>
              </a:ext>
            </a:extLst>
          </p:cNvPr>
          <p:cNvCxnSpPr/>
          <p:nvPr/>
        </p:nvCxnSpPr>
        <p:spPr>
          <a:xfrm flipV="1">
            <a:off x="7491111" y="6026730"/>
            <a:ext cx="2994678" cy="4314"/>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4" name="Straight Connector 63">
            <a:extLst>
              <a:ext uri="{FF2B5EF4-FFF2-40B4-BE49-F238E27FC236}">
                <a16:creationId xmlns:a16="http://schemas.microsoft.com/office/drawing/2014/main" id="{68DA9AAB-D9FD-6646-B8EC-131DE9EA7377}"/>
              </a:ext>
            </a:extLst>
          </p:cNvPr>
          <p:cNvCxnSpPr/>
          <p:nvPr/>
        </p:nvCxnSpPr>
        <p:spPr>
          <a:xfrm>
            <a:off x="7917475" y="5883852"/>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65" name="TextBox 64">
            <a:extLst>
              <a:ext uri="{FF2B5EF4-FFF2-40B4-BE49-F238E27FC236}">
                <a16:creationId xmlns:a16="http://schemas.microsoft.com/office/drawing/2014/main" id="{92842947-DFF4-B64B-B3B2-8A40553B7B32}"/>
              </a:ext>
            </a:extLst>
          </p:cNvPr>
          <p:cNvSpPr txBox="1"/>
          <p:nvPr/>
        </p:nvSpPr>
        <p:spPr>
          <a:xfrm>
            <a:off x="4172105" y="5952808"/>
            <a:ext cx="1050483" cy="400109"/>
          </a:xfrm>
          <a:prstGeom prst="rect">
            <a:avLst/>
          </a:prstGeom>
          <a:noFill/>
        </p:spPr>
        <p:txBody>
          <a:bodyPr wrap="square" rtlCol="0">
            <a:spAutoFit/>
          </a:bodyPr>
          <a:lstStyle/>
          <a:p>
            <a:pPr algn="ctr"/>
            <a:r>
              <a:rPr lang="en-US" sz="1000" b="1" cap="all" spc="100">
                <a:latin typeface="+mj-lt"/>
              </a:rPr>
              <a:t>Delivery</a:t>
            </a:r>
          </a:p>
          <a:p>
            <a:pPr algn="ctr"/>
            <a:r>
              <a:rPr lang="en-US" sz="1000" b="1" cap="all" spc="100">
                <a:latin typeface="+mj-lt"/>
              </a:rPr>
              <a:t>TEAM</a:t>
            </a:r>
          </a:p>
        </p:txBody>
      </p:sp>
      <p:sp>
        <p:nvSpPr>
          <p:cNvPr id="66" name="TextBox 65">
            <a:extLst>
              <a:ext uri="{FF2B5EF4-FFF2-40B4-BE49-F238E27FC236}">
                <a16:creationId xmlns:a16="http://schemas.microsoft.com/office/drawing/2014/main" id="{19E5A538-5B75-8743-94A4-82F792F5E743}"/>
              </a:ext>
            </a:extLst>
          </p:cNvPr>
          <p:cNvSpPr txBox="1"/>
          <p:nvPr/>
        </p:nvSpPr>
        <p:spPr>
          <a:xfrm>
            <a:off x="5684798" y="5660499"/>
            <a:ext cx="1461896" cy="200055"/>
          </a:xfrm>
          <a:prstGeom prst="rect">
            <a:avLst/>
          </a:prstGeom>
          <a:noFill/>
        </p:spPr>
        <p:txBody>
          <a:bodyPr wrap="square" rtlCol="0">
            <a:spAutoFit/>
          </a:bodyPr>
          <a:lstStyle/>
          <a:p>
            <a:pPr algn="ctr"/>
            <a:r>
              <a:rPr lang="en-US" sz="700" b="1" cap="all" spc="60" dirty="0">
                <a:latin typeface="+mj-lt"/>
              </a:rPr>
              <a:t>Demand Planning</a:t>
            </a:r>
          </a:p>
        </p:txBody>
      </p:sp>
      <p:sp>
        <p:nvSpPr>
          <p:cNvPr id="67" name="TextBox 66">
            <a:extLst>
              <a:ext uri="{FF2B5EF4-FFF2-40B4-BE49-F238E27FC236}">
                <a16:creationId xmlns:a16="http://schemas.microsoft.com/office/drawing/2014/main" id="{50512DC7-9AD4-4D4E-899B-30977D3C1312}"/>
              </a:ext>
            </a:extLst>
          </p:cNvPr>
          <p:cNvSpPr txBox="1"/>
          <p:nvPr/>
        </p:nvSpPr>
        <p:spPr>
          <a:xfrm>
            <a:off x="7388651" y="5662315"/>
            <a:ext cx="1737697" cy="200055"/>
          </a:xfrm>
          <a:prstGeom prst="rect">
            <a:avLst/>
          </a:prstGeom>
          <a:noFill/>
        </p:spPr>
        <p:txBody>
          <a:bodyPr wrap="square" rtlCol="0">
            <a:spAutoFit/>
          </a:bodyPr>
          <a:lstStyle/>
          <a:p>
            <a:pPr algn="ctr"/>
            <a:r>
              <a:rPr lang="en-US" sz="700" b="1" cap="all" spc="60">
                <a:solidFill>
                  <a:schemeClr val="accent1"/>
                </a:solidFill>
                <a:latin typeface="+mj-lt"/>
              </a:rPr>
              <a:t>Execution &amp; Accountability</a:t>
            </a:r>
          </a:p>
        </p:txBody>
      </p:sp>
      <p:sp>
        <p:nvSpPr>
          <p:cNvPr id="68" name="TextBox 67">
            <a:extLst>
              <a:ext uri="{FF2B5EF4-FFF2-40B4-BE49-F238E27FC236}">
                <a16:creationId xmlns:a16="http://schemas.microsoft.com/office/drawing/2014/main" id="{B4169A38-0902-3E46-AD3F-A5823D16FE2D}"/>
              </a:ext>
            </a:extLst>
          </p:cNvPr>
          <p:cNvSpPr txBox="1"/>
          <p:nvPr/>
        </p:nvSpPr>
        <p:spPr>
          <a:xfrm>
            <a:off x="3959184" y="6298357"/>
            <a:ext cx="1476324" cy="215444"/>
          </a:xfrm>
          <a:prstGeom prst="rect">
            <a:avLst/>
          </a:prstGeom>
          <a:noFill/>
        </p:spPr>
        <p:txBody>
          <a:bodyPr wrap="square" rtlCol="0">
            <a:spAutoFit/>
          </a:bodyPr>
          <a:lstStyle/>
          <a:p>
            <a:pPr algn="ctr"/>
            <a:r>
              <a:rPr lang="en-US" sz="800" i="1" spc="100">
                <a:solidFill>
                  <a:schemeClr val="tx2"/>
                </a:solidFill>
              </a:rPr>
              <a:t>Story | Scrum</a:t>
            </a:r>
          </a:p>
        </p:txBody>
      </p:sp>
    </p:spTree>
    <p:extLst>
      <p:ext uri="{BB962C8B-B14F-4D97-AF65-F5344CB8AC3E}">
        <p14:creationId xmlns:p14="http://schemas.microsoft.com/office/powerpoint/2010/main" val="19461033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Solutioning</a:t>
            </a:r>
          </a:p>
        </p:txBody>
      </p:sp>
      <p:sp>
        <p:nvSpPr>
          <p:cNvPr id="85" name="Freeform 84">
            <a:extLst>
              <a:ext uri="{FF2B5EF4-FFF2-40B4-BE49-F238E27FC236}">
                <a16:creationId xmlns:a16="http://schemas.microsoft.com/office/drawing/2014/main" id="{2C46D255-060F-A34B-BC19-EBAAB4FBAF94}"/>
              </a:ext>
            </a:extLst>
          </p:cNvPr>
          <p:cNvSpPr/>
          <p:nvPr/>
        </p:nvSpPr>
        <p:spPr>
          <a:xfrm>
            <a:off x="3415505" y="1527478"/>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Portfolio alignment</a:t>
            </a:r>
          </a:p>
        </p:txBody>
      </p:sp>
      <p:sp>
        <p:nvSpPr>
          <p:cNvPr id="86" name="Freeform 85">
            <a:extLst>
              <a:ext uri="{FF2B5EF4-FFF2-40B4-BE49-F238E27FC236}">
                <a16:creationId xmlns:a16="http://schemas.microsoft.com/office/drawing/2014/main" id="{9802BBA1-A5FA-5747-967B-FAE5C2BD583B}"/>
              </a:ext>
            </a:extLst>
          </p:cNvPr>
          <p:cNvSpPr/>
          <p:nvPr/>
        </p:nvSpPr>
        <p:spPr>
          <a:xfrm>
            <a:off x="4412826"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56" dirty="0">
                <a:latin typeface="+mj-lt"/>
              </a:rPr>
              <a:t>Portfolio Prioritization</a:t>
            </a:r>
          </a:p>
        </p:txBody>
      </p:sp>
      <p:sp>
        <p:nvSpPr>
          <p:cNvPr id="90" name="Freeform 89">
            <a:extLst>
              <a:ext uri="{FF2B5EF4-FFF2-40B4-BE49-F238E27FC236}">
                <a16:creationId xmlns:a16="http://schemas.microsoft.com/office/drawing/2014/main" id="{5650C4FC-59DB-9D43-A1F2-E07823C7A255}"/>
              </a:ext>
            </a:extLst>
          </p:cNvPr>
          <p:cNvSpPr/>
          <p:nvPr/>
        </p:nvSpPr>
        <p:spPr>
          <a:xfrm>
            <a:off x="5432130"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finition</a:t>
            </a:r>
          </a:p>
        </p:txBody>
      </p:sp>
      <p:sp>
        <p:nvSpPr>
          <p:cNvPr id="94" name="Freeform 93">
            <a:extLst>
              <a:ext uri="{FF2B5EF4-FFF2-40B4-BE49-F238E27FC236}">
                <a16:creationId xmlns:a16="http://schemas.microsoft.com/office/drawing/2014/main" id="{34B35300-474E-C04B-BD99-0BC41589F630}"/>
              </a:ext>
            </a:extLst>
          </p:cNvPr>
          <p:cNvSpPr/>
          <p:nvPr/>
        </p:nvSpPr>
        <p:spPr>
          <a:xfrm>
            <a:off x="6451434"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Targeting</a:t>
            </a:r>
          </a:p>
        </p:txBody>
      </p:sp>
      <p:sp>
        <p:nvSpPr>
          <p:cNvPr id="95" name="Freeform 94">
            <a:extLst>
              <a:ext uri="{FF2B5EF4-FFF2-40B4-BE49-F238E27FC236}">
                <a16:creationId xmlns:a16="http://schemas.microsoft.com/office/drawing/2014/main" id="{F80F4AE0-802A-2741-A8DB-D8826C66CF56}"/>
              </a:ext>
            </a:extLst>
          </p:cNvPr>
          <p:cNvSpPr/>
          <p:nvPr/>
        </p:nvSpPr>
        <p:spPr>
          <a:xfrm>
            <a:off x="7470738"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15" name="Freeform 114">
            <a:extLst>
              <a:ext uri="{FF2B5EF4-FFF2-40B4-BE49-F238E27FC236}">
                <a16:creationId xmlns:a16="http://schemas.microsoft.com/office/drawing/2014/main" id="{D7486A4D-354B-1442-A195-223E385CB320}"/>
              </a:ext>
            </a:extLst>
          </p:cNvPr>
          <p:cNvSpPr/>
          <p:nvPr/>
        </p:nvSpPr>
        <p:spPr>
          <a:xfrm>
            <a:off x="9509348" y="152926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Completed</a:t>
            </a:r>
          </a:p>
        </p:txBody>
      </p:sp>
      <p:cxnSp>
        <p:nvCxnSpPr>
          <p:cNvPr id="120" name="Straight Connector 119">
            <a:extLst>
              <a:ext uri="{FF2B5EF4-FFF2-40B4-BE49-F238E27FC236}">
                <a16:creationId xmlns:a16="http://schemas.microsoft.com/office/drawing/2014/main" id="{241A0093-5532-CD4E-BD5F-88B2B87ABAD9}"/>
              </a:ext>
            </a:extLst>
          </p:cNvPr>
          <p:cNvCxnSpPr>
            <a:cxnSpLocks/>
          </p:cNvCxnSpPr>
          <p:nvPr/>
        </p:nvCxnSpPr>
        <p:spPr>
          <a:xfrm>
            <a:off x="3475486" y="1997580"/>
            <a:ext cx="1863146" cy="1"/>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3" name="Straight Connector 122">
            <a:extLst>
              <a:ext uri="{FF2B5EF4-FFF2-40B4-BE49-F238E27FC236}">
                <a16:creationId xmlns:a16="http://schemas.microsoft.com/office/drawing/2014/main" id="{CC0E7C9B-35B2-EB42-850A-E1DECD22A761}"/>
              </a:ext>
            </a:extLst>
          </p:cNvPr>
          <p:cNvCxnSpPr/>
          <p:nvPr/>
        </p:nvCxnSpPr>
        <p:spPr>
          <a:xfrm flipV="1">
            <a:off x="5452899" y="1997579"/>
            <a:ext cx="871093" cy="4380"/>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4" name="Straight Connector 123">
            <a:extLst>
              <a:ext uri="{FF2B5EF4-FFF2-40B4-BE49-F238E27FC236}">
                <a16:creationId xmlns:a16="http://schemas.microsoft.com/office/drawing/2014/main" id="{F3CA3256-0244-7148-BC34-E698D0A141E4}"/>
              </a:ext>
            </a:extLst>
          </p:cNvPr>
          <p:cNvCxnSpPr/>
          <p:nvPr/>
        </p:nvCxnSpPr>
        <p:spPr>
          <a:xfrm>
            <a:off x="6797936" y="1997579"/>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9" name="Straight Connector 128">
            <a:extLst>
              <a:ext uri="{FF2B5EF4-FFF2-40B4-BE49-F238E27FC236}">
                <a16:creationId xmlns:a16="http://schemas.microsoft.com/office/drawing/2014/main" id="{4F7648BA-AA49-4A4D-BC99-1FA66C3DFF53}"/>
              </a:ext>
            </a:extLst>
          </p:cNvPr>
          <p:cNvCxnSpPr/>
          <p:nvPr/>
        </p:nvCxnSpPr>
        <p:spPr>
          <a:xfrm flipV="1">
            <a:off x="7483568" y="1997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34" name="Straight Connector 133">
            <a:extLst>
              <a:ext uri="{FF2B5EF4-FFF2-40B4-BE49-F238E27FC236}">
                <a16:creationId xmlns:a16="http://schemas.microsoft.com/office/drawing/2014/main" id="{331B5621-517F-2848-85FB-B6C83AA61B76}"/>
              </a:ext>
            </a:extLst>
          </p:cNvPr>
          <p:cNvCxnSpPr/>
          <p:nvPr/>
        </p:nvCxnSpPr>
        <p:spPr>
          <a:xfrm>
            <a:off x="9538593" y="1997579"/>
            <a:ext cx="962882"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35" name="TextBox 134">
            <a:extLst>
              <a:ext uri="{FF2B5EF4-FFF2-40B4-BE49-F238E27FC236}">
                <a16:creationId xmlns:a16="http://schemas.microsoft.com/office/drawing/2014/main" id="{AA34905F-605E-E64F-8642-D3529C5DA06F}"/>
              </a:ext>
            </a:extLst>
          </p:cNvPr>
          <p:cNvSpPr txBox="1"/>
          <p:nvPr/>
        </p:nvSpPr>
        <p:spPr>
          <a:xfrm>
            <a:off x="2085114" y="1475908"/>
            <a:ext cx="1050483" cy="400109"/>
          </a:xfrm>
          <a:prstGeom prst="rect">
            <a:avLst/>
          </a:prstGeom>
          <a:noFill/>
        </p:spPr>
        <p:txBody>
          <a:bodyPr wrap="square" rtlCol="0">
            <a:spAutoFit/>
          </a:bodyPr>
          <a:lstStyle/>
          <a:p>
            <a:pPr algn="ctr"/>
            <a:r>
              <a:rPr lang="en-US" sz="1000" b="1" cap="all" spc="100" dirty="0">
                <a:latin typeface="+mj-lt"/>
              </a:rPr>
              <a:t>PORTFOLIO TEAM</a:t>
            </a:r>
          </a:p>
        </p:txBody>
      </p:sp>
      <p:sp>
        <p:nvSpPr>
          <p:cNvPr id="145" name="TextBox 144">
            <a:extLst>
              <a:ext uri="{FF2B5EF4-FFF2-40B4-BE49-F238E27FC236}">
                <a16:creationId xmlns:a16="http://schemas.microsoft.com/office/drawing/2014/main" id="{7F45F1A6-6770-2640-A92B-B0BA5BD0C19B}"/>
              </a:ext>
            </a:extLst>
          </p:cNvPr>
          <p:cNvSpPr txBox="1"/>
          <p:nvPr/>
        </p:nvSpPr>
        <p:spPr>
          <a:xfrm>
            <a:off x="3475486" y="2209734"/>
            <a:ext cx="1461896" cy="200055"/>
          </a:xfrm>
          <a:prstGeom prst="rect">
            <a:avLst/>
          </a:prstGeom>
          <a:noFill/>
        </p:spPr>
        <p:txBody>
          <a:bodyPr wrap="square" rtlCol="0">
            <a:spAutoFit/>
          </a:bodyPr>
          <a:lstStyle/>
          <a:p>
            <a:pPr algn="ctr"/>
            <a:r>
              <a:rPr lang="en-US" sz="700" b="1" cap="all" spc="60">
                <a:solidFill>
                  <a:schemeClr val="accent2"/>
                </a:solidFill>
                <a:latin typeface="+mj-lt"/>
              </a:rPr>
              <a:t>Strategic Alignment</a:t>
            </a:r>
          </a:p>
        </p:txBody>
      </p:sp>
      <p:sp>
        <p:nvSpPr>
          <p:cNvPr id="146" name="TextBox 145">
            <a:extLst>
              <a:ext uri="{FF2B5EF4-FFF2-40B4-BE49-F238E27FC236}">
                <a16:creationId xmlns:a16="http://schemas.microsoft.com/office/drawing/2014/main" id="{9A8F99B7-3A25-FC46-AC88-6F95FD959845}"/>
              </a:ext>
            </a:extLst>
          </p:cNvPr>
          <p:cNvSpPr txBox="1"/>
          <p:nvPr/>
        </p:nvSpPr>
        <p:spPr>
          <a:xfrm>
            <a:off x="4721951" y="2209734"/>
            <a:ext cx="1461896" cy="200055"/>
          </a:xfrm>
          <a:prstGeom prst="rect">
            <a:avLst/>
          </a:prstGeom>
          <a:noFill/>
        </p:spPr>
        <p:txBody>
          <a:bodyPr wrap="square" rtlCol="0">
            <a:spAutoFit/>
          </a:bodyPr>
          <a:lstStyle/>
          <a:p>
            <a:pPr algn="ctr"/>
            <a:r>
              <a:rPr lang="en-US" sz="700" b="1" cap="all" spc="60">
                <a:solidFill>
                  <a:schemeClr val="accent4"/>
                </a:solidFill>
                <a:latin typeface="+mj-lt"/>
              </a:rPr>
              <a:t>Solution Vision</a:t>
            </a:r>
          </a:p>
        </p:txBody>
      </p:sp>
      <p:sp>
        <p:nvSpPr>
          <p:cNvPr id="147" name="TextBox 146">
            <a:extLst>
              <a:ext uri="{FF2B5EF4-FFF2-40B4-BE49-F238E27FC236}">
                <a16:creationId xmlns:a16="http://schemas.microsoft.com/office/drawing/2014/main" id="{F44EB770-9AD3-8C40-9C2F-42489E954886}"/>
              </a:ext>
            </a:extLst>
          </p:cNvPr>
          <p:cNvSpPr txBox="1"/>
          <p:nvPr/>
        </p:nvSpPr>
        <p:spPr>
          <a:xfrm>
            <a:off x="6002386" y="2209734"/>
            <a:ext cx="1461896" cy="200055"/>
          </a:xfrm>
          <a:prstGeom prst="rect">
            <a:avLst/>
          </a:prstGeom>
          <a:noFill/>
        </p:spPr>
        <p:txBody>
          <a:bodyPr wrap="square" rtlCol="0">
            <a:spAutoFit/>
          </a:bodyPr>
          <a:lstStyle/>
          <a:p>
            <a:pPr algn="ctr"/>
            <a:r>
              <a:rPr lang="en-US" sz="700" b="1" cap="all" spc="60">
                <a:latin typeface="+mj-lt"/>
              </a:rPr>
              <a:t>Demand Planning</a:t>
            </a:r>
          </a:p>
        </p:txBody>
      </p:sp>
      <p:sp>
        <p:nvSpPr>
          <p:cNvPr id="148" name="TextBox 147">
            <a:extLst>
              <a:ext uri="{FF2B5EF4-FFF2-40B4-BE49-F238E27FC236}">
                <a16:creationId xmlns:a16="http://schemas.microsoft.com/office/drawing/2014/main" id="{9DBD3809-C2C9-684B-B899-47F30998D672}"/>
              </a:ext>
            </a:extLst>
          </p:cNvPr>
          <p:cNvSpPr txBox="1"/>
          <p:nvPr/>
        </p:nvSpPr>
        <p:spPr>
          <a:xfrm>
            <a:off x="7191957" y="2209734"/>
            <a:ext cx="1461896" cy="200055"/>
          </a:xfrm>
          <a:prstGeom prst="rect">
            <a:avLst/>
          </a:prstGeom>
          <a:noFill/>
        </p:spPr>
        <p:txBody>
          <a:bodyPr wrap="square" rtlCol="0">
            <a:spAutoFit/>
          </a:bodyPr>
          <a:lstStyle/>
          <a:p>
            <a:pPr algn="ctr"/>
            <a:r>
              <a:rPr lang="en-US" sz="700" b="1" cap="all" spc="60">
                <a:solidFill>
                  <a:schemeClr val="accent1"/>
                </a:solidFill>
                <a:latin typeface="+mj-lt"/>
              </a:rPr>
              <a:t>Execution</a:t>
            </a:r>
          </a:p>
        </p:txBody>
      </p:sp>
      <p:sp>
        <p:nvSpPr>
          <p:cNvPr id="150" name="TextBox 149">
            <a:extLst>
              <a:ext uri="{FF2B5EF4-FFF2-40B4-BE49-F238E27FC236}">
                <a16:creationId xmlns:a16="http://schemas.microsoft.com/office/drawing/2014/main" id="{07A46F6B-0167-4E4D-90F4-03196E6A645C}"/>
              </a:ext>
            </a:extLst>
          </p:cNvPr>
          <p:cNvSpPr txBox="1"/>
          <p:nvPr/>
        </p:nvSpPr>
        <p:spPr>
          <a:xfrm>
            <a:off x="9289086" y="2205355"/>
            <a:ext cx="1461896" cy="200055"/>
          </a:xfrm>
          <a:prstGeom prst="rect">
            <a:avLst/>
          </a:prstGeom>
          <a:noFill/>
        </p:spPr>
        <p:txBody>
          <a:bodyPr wrap="square" rtlCol="0">
            <a:spAutoFit/>
          </a:bodyPr>
          <a:lstStyle/>
          <a:p>
            <a:pPr algn="ctr"/>
            <a:r>
              <a:rPr lang="en-US" sz="700" b="1" cap="all" spc="60">
                <a:solidFill>
                  <a:schemeClr val="accent6"/>
                </a:solidFill>
                <a:latin typeface="+mj-lt"/>
              </a:rPr>
              <a:t>MEASURE EFFECTIVENESS</a:t>
            </a:r>
          </a:p>
        </p:txBody>
      </p:sp>
      <p:sp>
        <p:nvSpPr>
          <p:cNvPr id="151" name="TextBox 150">
            <a:extLst>
              <a:ext uri="{FF2B5EF4-FFF2-40B4-BE49-F238E27FC236}">
                <a16:creationId xmlns:a16="http://schemas.microsoft.com/office/drawing/2014/main" id="{018F5470-100D-6348-9931-3EA138DE722E}"/>
              </a:ext>
            </a:extLst>
          </p:cNvPr>
          <p:cNvSpPr txBox="1"/>
          <p:nvPr/>
        </p:nvSpPr>
        <p:spPr>
          <a:xfrm>
            <a:off x="1872193" y="1797170"/>
            <a:ext cx="1476324" cy="215444"/>
          </a:xfrm>
          <a:prstGeom prst="rect">
            <a:avLst/>
          </a:prstGeom>
          <a:noFill/>
        </p:spPr>
        <p:txBody>
          <a:bodyPr wrap="square" rtlCol="0">
            <a:spAutoFit/>
          </a:bodyPr>
          <a:lstStyle/>
          <a:p>
            <a:pPr algn="ctr"/>
            <a:r>
              <a:rPr lang="en-US" sz="800" i="1" spc="100">
                <a:solidFill>
                  <a:schemeClr val="tx2"/>
                </a:solidFill>
              </a:rPr>
              <a:t>Epic | Kanban</a:t>
            </a:r>
          </a:p>
        </p:txBody>
      </p:sp>
      <p:cxnSp>
        <p:nvCxnSpPr>
          <p:cNvPr id="152" name="Straight Connector 151">
            <a:extLst>
              <a:ext uri="{FF2B5EF4-FFF2-40B4-BE49-F238E27FC236}">
                <a16:creationId xmlns:a16="http://schemas.microsoft.com/office/drawing/2014/main" id="{FAF20B72-7302-944F-B88A-973C12CCBCD0}"/>
              </a:ext>
            </a:extLst>
          </p:cNvPr>
          <p:cNvCxnSpPr/>
          <p:nvPr/>
        </p:nvCxnSpPr>
        <p:spPr>
          <a:xfrm>
            <a:off x="3425231" y="5216434"/>
            <a:ext cx="869216" cy="0"/>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3" name="Straight Connector 152">
            <a:extLst>
              <a:ext uri="{FF2B5EF4-FFF2-40B4-BE49-F238E27FC236}">
                <a16:creationId xmlns:a16="http://schemas.microsoft.com/office/drawing/2014/main" id="{54BFE844-2480-E146-BC78-0249546030D6}"/>
              </a:ext>
            </a:extLst>
          </p:cNvPr>
          <p:cNvCxnSpPr/>
          <p:nvPr/>
        </p:nvCxnSpPr>
        <p:spPr>
          <a:xfrm flipV="1">
            <a:off x="4438688" y="5213627"/>
            <a:ext cx="886080" cy="2807"/>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4" name="Straight Connector 153">
            <a:extLst>
              <a:ext uri="{FF2B5EF4-FFF2-40B4-BE49-F238E27FC236}">
                <a16:creationId xmlns:a16="http://schemas.microsoft.com/office/drawing/2014/main" id="{03B9C93B-2180-3046-B63E-AC2F58948BE2}"/>
              </a:ext>
            </a:extLst>
          </p:cNvPr>
          <p:cNvCxnSpPr/>
          <p:nvPr/>
        </p:nvCxnSpPr>
        <p:spPr>
          <a:xfrm>
            <a:off x="5446529" y="521643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5" name="Straight Connector 154">
            <a:extLst>
              <a:ext uri="{FF2B5EF4-FFF2-40B4-BE49-F238E27FC236}">
                <a16:creationId xmlns:a16="http://schemas.microsoft.com/office/drawing/2014/main" id="{8A218324-7FB2-4245-8BEA-9589FD02C715}"/>
              </a:ext>
            </a:extLst>
          </p:cNvPr>
          <p:cNvCxnSpPr/>
          <p:nvPr/>
        </p:nvCxnSpPr>
        <p:spPr>
          <a:xfrm flipV="1">
            <a:off x="7504173" y="5212054"/>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7" name="Straight Connector 156">
            <a:extLst>
              <a:ext uri="{FF2B5EF4-FFF2-40B4-BE49-F238E27FC236}">
                <a16:creationId xmlns:a16="http://schemas.microsoft.com/office/drawing/2014/main" id="{0E50CFE9-FB5B-F34F-9112-CAB22B521241}"/>
              </a:ext>
            </a:extLst>
          </p:cNvPr>
          <p:cNvCxnSpPr>
            <a:cxnSpLocks/>
          </p:cNvCxnSpPr>
          <p:nvPr/>
        </p:nvCxnSpPr>
        <p:spPr>
          <a:xfrm>
            <a:off x="9543463" y="5216434"/>
            <a:ext cx="1012838"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58" name="TextBox 157">
            <a:extLst>
              <a:ext uri="{FF2B5EF4-FFF2-40B4-BE49-F238E27FC236}">
                <a16:creationId xmlns:a16="http://schemas.microsoft.com/office/drawing/2014/main" id="{B831852C-385D-F244-A686-AABAC642C0CC}"/>
              </a:ext>
            </a:extLst>
          </p:cNvPr>
          <p:cNvSpPr txBox="1"/>
          <p:nvPr/>
        </p:nvSpPr>
        <p:spPr>
          <a:xfrm>
            <a:off x="2161828" y="5142837"/>
            <a:ext cx="1050483" cy="400109"/>
          </a:xfrm>
          <a:prstGeom prst="rect">
            <a:avLst/>
          </a:prstGeom>
          <a:noFill/>
        </p:spPr>
        <p:txBody>
          <a:bodyPr wrap="square" lIns="91440" tIns="45720" rIns="91440" bIns="45720" rtlCol="0" anchor="t">
            <a:spAutoFit/>
          </a:bodyPr>
          <a:lstStyle/>
          <a:p>
            <a:pPr algn="ctr"/>
            <a:r>
              <a:rPr lang="en-US" sz="1000" b="1" cap="all" spc="100" dirty="0">
                <a:latin typeface="+mj-lt"/>
              </a:rPr>
              <a:t>Product</a:t>
            </a:r>
            <a:endParaRPr lang="en-US" sz="1000" b="1" cap="all" spc="100" dirty="0">
              <a:latin typeface="+mj-lt"/>
              <a:cs typeface="Calibri Bold"/>
            </a:endParaRPr>
          </a:p>
          <a:p>
            <a:pPr algn="ctr"/>
            <a:r>
              <a:rPr lang="en-US" sz="1000" b="1" cap="all" spc="100" dirty="0">
                <a:latin typeface="+mj-lt"/>
              </a:rPr>
              <a:t>Team</a:t>
            </a:r>
            <a:endParaRPr lang="en-US" sz="1000" b="1" cap="all" spc="100" dirty="0">
              <a:latin typeface="+mj-lt"/>
              <a:cs typeface="Calibri Bold"/>
            </a:endParaRPr>
          </a:p>
        </p:txBody>
      </p:sp>
      <p:sp>
        <p:nvSpPr>
          <p:cNvPr id="159" name="Freeform 158">
            <a:extLst>
              <a:ext uri="{FF2B5EF4-FFF2-40B4-BE49-F238E27FC236}">
                <a16:creationId xmlns:a16="http://schemas.microsoft.com/office/drawing/2014/main" id="{EBA7F596-F5B1-DE42-889B-1D1A7AC2E837}"/>
              </a:ext>
            </a:extLst>
          </p:cNvPr>
          <p:cNvSpPr/>
          <p:nvPr/>
        </p:nvSpPr>
        <p:spPr>
          <a:xfrm>
            <a:off x="4412727"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sign</a:t>
            </a:r>
          </a:p>
        </p:txBody>
      </p:sp>
      <p:sp>
        <p:nvSpPr>
          <p:cNvPr id="160" name="Freeform 159">
            <a:extLst>
              <a:ext uri="{FF2B5EF4-FFF2-40B4-BE49-F238E27FC236}">
                <a16:creationId xmlns:a16="http://schemas.microsoft.com/office/drawing/2014/main" id="{80D5D53D-388B-CF45-8644-629F3CB1FA00}"/>
              </a:ext>
            </a:extLst>
          </p:cNvPr>
          <p:cNvSpPr/>
          <p:nvPr/>
        </p:nvSpPr>
        <p:spPr>
          <a:xfrm>
            <a:off x="5430350"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Planning</a:t>
            </a:r>
          </a:p>
        </p:txBody>
      </p:sp>
      <p:sp>
        <p:nvSpPr>
          <p:cNvPr id="161" name="Freeform 160">
            <a:extLst>
              <a:ext uri="{FF2B5EF4-FFF2-40B4-BE49-F238E27FC236}">
                <a16:creationId xmlns:a16="http://schemas.microsoft.com/office/drawing/2014/main" id="{39022ADC-8F4D-4B4B-AC1C-2B38597D16DB}"/>
              </a:ext>
            </a:extLst>
          </p:cNvPr>
          <p:cNvSpPr/>
          <p:nvPr/>
        </p:nvSpPr>
        <p:spPr>
          <a:xfrm>
            <a:off x="6447974"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a:t>
            </a:r>
          </a:p>
          <a:p>
            <a:pPr algn="ctr"/>
            <a:r>
              <a:rPr lang="en-US" sz="700" b="1" cap="all" spc="70">
                <a:latin typeface="+mj-lt"/>
              </a:rPr>
              <a:t>Ready</a:t>
            </a:r>
          </a:p>
        </p:txBody>
      </p:sp>
      <p:sp>
        <p:nvSpPr>
          <p:cNvPr id="162" name="Freeform 161">
            <a:extLst>
              <a:ext uri="{FF2B5EF4-FFF2-40B4-BE49-F238E27FC236}">
                <a16:creationId xmlns:a16="http://schemas.microsoft.com/office/drawing/2014/main" id="{6E8C57A1-FB90-1844-8DDE-49B274CD718E}"/>
              </a:ext>
            </a:extLst>
          </p:cNvPr>
          <p:cNvSpPr/>
          <p:nvPr/>
        </p:nvSpPr>
        <p:spPr>
          <a:xfrm>
            <a:off x="7465597"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63" name="Freeform 162">
            <a:extLst>
              <a:ext uri="{FF2B5EF4-FFF2-40B4-BE49-F238E27FC236}">
                <a16:creationId xmlns:a16="http://schemas.microsoft.com/office/drawing/2014/main" id="{1C13EF64-C139-D743-8EBD-A881B23D2E5E}"/>
              </a:ext>
            </a:extLst>
          </p:cNvPr>
          <p:cNvSpPr/>
          <p:nvPr/>
        </p:nvSpPr>
        <p:spPr>
          <a:xfrm>
            <a:off x="8483221"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5"/>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validation</a:t>
            </a:r>
          </a:p>
        </p:txBody>
      </p:sp>
      <p:sp>
        <p:nvSpPr>
          <p:cNvPr id="164" name="Freeform 163">
            <a:extLst>
              <a:ext uri="{FF2B5EF4-FFF2-40B4-BE49-F238E27FC236}">
                <a16:creationId xmlns:a16="http://schemas.microsoft.com/office/drawing/2014/main" id="{C93AF4B0-CF5F-3C48-9063-A197275153E8}"/>
              </a:ext>
            </a:extLst>
          </p:cNvPr>
          <p:cNvSpPr/>
          <p:nvPr/>
        </p:nvSpPr>
        <p:spPr>
          <a:xfrm>
            <a:off x="9509348" y="5292777"/>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Feature Completed</a:t>
            </a:r>
          </a:p>
        </p:txBody>
      </p:sp>
      <p:sp>
        <p:nvSpPr>
          <p:cNvPr id="165" name="Freeform 164">
            <a:extLst>
              <a:ext uri="{FF2B5EF4-FFF2-40B4-BE49-F238E27FC236}">
                <a16:creationId xmlns:a16="http://schemas.microsoft.com/office/drawing/2014/main" id="{32A1DD37-EF88-794D-82D3-1428F07FE9B8}"/>
              </a:ext>
            </a:extLst>
          </p:cNvPr>
          <p:cNvSpPr/>
          <p:nvPr/>
        </p:nvSpPr>
        <p:spPr>
          <a:xfrm>
            <a:off x="3395103" y="5292777"/>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Intake</a:t>
            </a:r>
          </a:p>
        </p:txBody>
      </p:sp>
      <p:sp>
        <p:nvSpPr>
          <p:cNvPr id="166" name="TextBox 165">
            <a:extLst>
              <a:ext uri="{FF2B5EF4-FFF2-40B4-BE49-F238E27FC236}">
                <a16:creationId xmlns:a16="http://schemas.microsoft.com/office/drawing/2014/main" id="{0701F6CA-BC33-3C43-98C2-DBBBA4EED932}"/>
              </a:ext>
            </a:extLst>
          </p:cNvPr>
          <p:cNvSpPr txBox="1"/>
          <p:nvPr/>
        </p:nvSpPr>
        <p:spPr>
          <a:xfrm>
            <a:off x="1948906" y="5487500"/>
            <a:ext cx="1476324" cy="215444"/>
          </a:xfrm>
          <a:prstGeom prst="rect">
            <a:avLst/>
          </a:prstGeom>
          <a:noFill/>
        </p:spPr>
        <p:txBody>
          <a:bodyPr wrap="square" rtlCol="0">
            <a:spAutoFit/>
          </a:bodyPr>
          <a:lstStyle/>
          <a:p>
            <a:pPr algn="ctr"/>
            <a:r>
              <a:rPr lang="en-US" sz="800" i="1" spc="100">
                <a:solidFill>
                  <a:schemeClr val="tx2"/>
                </a:solidFill>
              </a:rPr>
              <a:t>Feature | Kanban</a:t>
            </a:r>
          </a:p>
        </p:txBody>
      </p:sp>
      <p:cxnSp>
        <p:nvCxnSpPr>
          <p:cNvPr id="180" name="Straight Connector 179">
            <a:extLst>
              <a:ext uri="{FF2B5EF4-FFF2-40B4-BE49-F238E27FC236}">
                <a16:creationId xmlns:a16="http://schemas.microsoft.com/office/drawing/2014/main" id="{766D9B51-B9D0-B842-92A4-F095E05B2E0C}"/>
              </a:ext>
            </a:extLst>
          </p:cNvPr>
          <p:cNvCxnSpPr/>
          <p:nvPr/>
        </p:nvCxnSpPr>
        <p:spPr>
          <a:xfrm flipV="1">
            <a:off x="6491998" y="2000096"/>
            <a:ext cx="871093" cy="4380"/>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sp>
        <p:nvSpPr>
          <p:cNvPr id="41" name="Circular Arrow 40">
            <a:extLst>
              <a:ext uri="{FF2B5EF4-FFF2-40B4-BE49-F238E27FC236}">
                <a16:creationId xmlns:a16="http://schemas.microsoft.com/office/drawing/2014/main" id="{4454DB10-AF7A-D546-B163-54A5B56CD3C4}"/>
              </a:ext>
            </a:extLst>
          </p:cNvPr>
          <p:cNvSpPr/>
          <p:nvPr/>
        </p:nvSpPr>
        <p:spPr>
          <a:xfrm rot="16932402">
            <a:off x="4040537" y="3058330"/>
            <a:ext cx="2968460" cy="176792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42" name="Circular Arrow 41">
            <a:extLst>
              <a:ext uri="{FF2B5EF4-FFF2-40B4-BE49-F238E27FC236}">
                <a16:creationId xmlns:a16="http://schemas.microsoft.com/office/drawing/2014/main" id="{EEB65CAB-D6AD-B64F-8645-2324F0124682}"/>
              </a:ext>
            </a:extLst>
          </p:cNvPr>
          <p:cNvSpPr/>
          <p:nvPr/>
        </p:nvSpPr>
        <p:spPr>
          <a:xfrm rot="16451841" flipH="1" flipV="1">
            <a:off x="3976898" y="2639376"/>
            <a:ext cx="2791964" cy="207205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43" name="Rectangle 42">
            <a:extLst>
              <a:ext uri="{FF2B5EF4-FFF2-40B4-BE49-F238E27FC236}">
                <a16:creationId xmlns:a16="http://schemas.microsoft.com/office/drawing/2014/main" id="{D3F8087F-D24E-2540-82E7-B9E895291719}"/>
              </a:ext>
            </a:extLst>
          </p:cNvPr>
          <p:cNvSpPr>
            <a:spLocks noChangeAspect="1"/>
          </p:cNvSpPr>
          <p:nvPr/>
        </p:nvSpPr>
        <p:spPr>
          <a:xfrm>
            <a:off x="2492808" y="2967435"/>
            <a:ext cx="1354736" cy="1354736"/>
          </a:xfrm>
          <a:prstGeom prst="rect">
            <a:avLst/>
          </a:prstGeom>
          <a:solidFill>
            <a:schemeClr val="bg1"/>
          </a:solidFill>
          <a:ln w="38100">
            <a:solidFill>
              <a:schemeClr val="bg2">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400">
              <a:defRPr/>
            </a:pPr>
            <a:r>
              <a:rPr lang="en-US" sz="1050" dirty="0">
                <a:solidFill>
                  <a:schemeClr val="tx1">
                    <a:lumMod val="75000"/>
                    <a:lumOff val="25000"/>
                  </a:schemeClr>
                </a:solidFill>
              </a:rPr>
              <a:t>Who do we need to engage to decompose epic/subepic into more thinly-sliced, valuable chunks?</a:t>
            </a:r>
          </a:p>
        </p:txBody>
      </p:sp>
      <p:sp>
        <p:nvSpPr>
          <p:cNvPr id="44" name="Rectangle 43">
            <a:extLst>
              <a:ext uri="{FF2B5EF4-FFF2-40B4-BE49-F238E27FC236}">
                <a16:creationId xmlns:a16="http://schemas.microsoft.com/office/drawing/2014/main" id="{F75F24D6-C4A3-B944-9BAE-BC603FED1EE0}"/>
              </a:ext>
            </a:extLst>
          </p:cNvPr>
          <p:cNvSpPr>
            <a:spLocks noChangeAspect="1"/>
          </p:cNvSpPr>
          <p:nvPr/>
        </p:nvSpPr>
        <p:spPr>
          <a:xfrm>
            <a:off x="3980577" y="2967435"/>
            <a:ext cx="1354736" cy="1354736"/>
          </a:xfrm>
          <a:prstGeom prst="rect">
            <a:avLst/>
          </a:prstGeom>
          <a:solidFill>
            <a:schemeClr val="bg1"/>
          </a:solidFill>
          <a:ln w="38100">
            <a:solidFill>
              <a:schemeClr val="bg2">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Who helps understand UX, technical approach, business and market viability (MVP)?</a:t>
            </a:r>
          </a:p>
        </p:txBody>
      </p:sp>
      <p:sp>
        <p:nvSpPr>
          <p:cNvPr id="45" name="Rectangle 44">
            <a:extLst>
              <a:ext uri="{FF2B5EF4-FFF2-40B4-BE49-F238E27FC236}">
                <a16:creationId xmlns:a16="http://schemas.microsoft.com/office/drawing/2014/main" id="{FBEE060C-1698-3942-8E3B-587F8B22CF04}"/>
              </a:ext>
            </a:extLst>
          </p:cNvPr>
          <p:cNvSpPr>
            <a:spLocks noChangeAspect="1"/>
          </p:cNvSpPr>
          <p:nvPr/>
        </p:nvSpPr>
        <p:spPr>
          <a:xfrm>
            <a:off x="5468346" y="2967435"/>
            <a:ext cx="1354736" cy="1354736"/>
          </a:xfrm>
          <a:prstGeom prst="rect">
            <a:avLst/>
          </a:prstGeom>
          <a:solidFill>
            <a:schemeClr val="bg1"/>
          </a:solidFill>
          <a:ln w="38100">
            <a:solidFill>
              <a:schemeClr val="bg2">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What uncertainty do we need to drive down early?</a:t>
            </a:r>
          </a:p>
        </p:txBody>
      </p:sp>
      <p:sp>
        <p:nvSpPr>
          <p:cNvPr id="46" name="Rectangle 45">
            <a:extLst>
              <a:ext uri="{FF2B5EF4-FFF2-40B4-BE49-F238E27FC236}">
                <a16:creationId xmlns:a16="http://schemas.microsoft.com/office/drawing/2014/main" id="{193CAF94-62E2-0C44-A2C7-1576E57FB57A}"/>
              </a:ext>
            </a:extLst>
          </p:cNvPr>
          <p:cNvSpPr>
            <a:spLocks noChangeAspect="1"/>
          </p:cNvSpPr>
          <p:nvPr/>
        </p:nvSpPr>
        <p:spPr>
          <a:xfrm>
            <a:off x="8443884" y="2967435"/>
            <a:ext cx="1354736" cy="1354736"/>
          </a:xfrm>
          <a:prstGeom prst="rect">
            <a:avLst/>
          </a:prstGeom>
          <a:solidFill>
            <a:schemeClr val="bg1"/>
          </a:solidFill>
          <a:ln w="38100">
            <a:solidFill>
              <a:schemeClr val="bg2">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What are our options for implementation?</a:t>
            </a:r>
          </a:p>
        </p:txBody>
      </p:sp>
      <p:sp>
        <p:nvSpPr>
          <p:cNvPr id="47" name="Rectangle 46">
            <a:extLst>
              <a:ext uri="{FF2B5EF4-FFF2-40B4-BE49-F238E27FC236}">
                <a16:creationId xmlns:a16="http://schemas.microsoft.com/office/drawing/2014/main" id="{AE0B82E0-EEB4-424C-898A-23888C08A453}"/>
              </a:ext>
            </a:extLst>
          </p:cNvPr>
          <p:cNvSpPr>
            <a:spLocks noChangeAspect="1"/>
          </p:cNvSpPr>
          <p:nvPr/>
        </p:nvSpPr>
        <p:spPr>
          <a:xfrm>
            <a:off x="6956115" y="2967435"/>
            <a:ext cx="1354736" cy="1354736"/>
          </a:xfrm>
          <a:prstGeom prst="rect">
            <a:avLst/>
          </a:prstGeom>
          <a:solidFill>
            <a:schemeClr val="bg1"/>
          </a:solidFill>
          <a:ln w="38100">
            <a:solidFill>
              <a:schemeClr val="bg2">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How can we be more specific about value delivery?</a:t>
            </a:r>
          </a:p>
        </p:txBody>
      </p:sp>
      <p:cxnSp>
        <p:nvCxnSpPr>
          <p:cNvPr id="48" name="Straight Connector 47">
            <a:extLst>
              <a:ext uri="{FF2B5EF4-FFF2-40B4-BE49-F238E27FC236}">
                <a16:creationId xmlns:a16="http://schemas.microsoft.com/office/drawing/2014/main" id="{DF218032-1404-4E4F-8380-9C8E90947759}"/>
              </a:ext>
            </a:extLst>
          </p:cNvPr>
          <p:cNvCxnSpPr/>
          <p:nvPr/>
        </p:nvCxnSpPr>
        <p:spPr>
          <a:xfrm flipV="1">
            <a:off x="8525175" y="5207674"/>
            <a:ext cx="871093" cy="4380"/>
          </a:xfrm>
          <a:prstGeom prst="line">
            <a:avLst/>
          </a:prstGeom>
          <a:ln w="19050">
            <a:solidFill>
              <a:schemeClr val="accent5"/>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9" name="Straight Connector 48">
            <a:extLst>
              <a:ext uri="{FF2B5EF4-FFF2-40B4-BE49-F238E27FC236}">
                <a16:creationId xmlns:a16="http://schemas.microsoft.com/office/drawing/2014/main" id="{68EE5AAB-E051-CC4F-ADEB-5D68B6CFEE5C}"/>
              </a:ext>
            </a:extLst>
          </p:cNvPr>
          <p:cNvCxnSpPr>
            <a:cxnSpLocks/>
          </p:cNvCxnSpPr>
          <p:nvPr/>
        </p:nvCxnSpPr>
        <p:spPr>
          <a:xfrm>
            <a:off x="4472853" y="2008794"/>
            <a:ext cx="0" cy="147192"/>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0" name="Straight Connector 49">
            <a:extLst>
              <a:ext uri="{FF2B5EF4-FFF2-40B4-BE49-F238E27FC236}">
                <a16:creationId xmlns:a16="http://schemas.microsoft.com/office/drawing/2014/main" id="{87DF96D0-8A4D-B54D-9091-BEACBF7FA1EC}"/>
              </a:ext>
            </a:extLst>
          </p:cNvPr>
          <p:cNvCxnSpPr/>
          <p:nvPr/>
        </p:nvCxnSpPr>
        <p:spPr>
          <a:xfrm>
            <a:off x="5634906" y="2008794"/>
            <a:ext cx="0" cy="147192"/>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1" name="Straight Connector 50">
            <a:extLst>
              <a:ext uri="{FF2B5EF4-FFF2-40B4-BE49-F238E27FC236}">
                <a16:creationId xmlns:a16="http://schemas.microsoft.com/office/drawing/2014/main" id="{DF2B60F1-77F8-1144-9D06-ADCA92C7D55B}"/>
              </a:ext>
            </a:extLst>
          </p:cNvPr>
          <p:cNvCxnSpPr/>
          <p:nvPr/>
        </p:nvCxnSpPr>
        <p:spPr>
          <a:xfrm>
            <a:off x="7873116" y="2008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3" name="Straight Connector 52">
            <a:extLst>
              <a:ext uri="{FF2B5EF4-FFF2-40B4-BE49-F238E27FC236}">
                <a16:creationId xmlns:a16="http://schemas.microsoft.com/office/drawing/2014/main" id="{81C15496-B197-9749-8022-AF8A5DD60D26}"/>
              </a:ext>
            </a:extLst>
          </p:cNvPr>
          <p:cNvCxnSpPr/>
          <p:nvPr/>
        </p:nvCxnSpPr>
        <p:spPr>
          <a:xfrm>
            <a:off x="9986287" y="2008794"/>
            <a:ext cx="0" cy="147192"/>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54" name="Freeform 53">
            <a:extLst>
              <a:ext uri="{FF2B5EF4-FFF2-40B4-BE49-F238E27FC236}">
                <a16:creationId xmlns:a16="http://schemas.microsoft.com/office/drawing/2014/main" id="{48C7E6C3-27BF-0A48-89DE-90D6E8B5D8A7}"/>
              </a:ext>
            </a:extLst>
          </p:cNvPr>
          <p:cNvSpPr/>
          <p:nvPr/>
        </p:nvSpPr>
        <p:spPr>
          <a:xfrm>
            <a:off x="8490041"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dirty="0">
                <a:latin typeface="+mj-lt"/>
              </a:rPr>
              <a:t>Epic</a:t>
            </a:r>
          </a:p>
          <a:p>
            <a:pPr algn="ctr"/>
            <a:r>
              <a:rPr lang="en-US" sz="700" b="1" cap="all" spc="70" dirty="0">
                <a:latin typeface="+mj-lt"/>
              </a:rPr>
              <a:t> validation</a:t>
            </a:r>
          </a:p>
        </p:txBody>
      </p:sp>
      <p:cxnSp>
        <p:nvCxnSpPr>
          <p:cNvPr id="55" name="Straight Connector 54">
            <a:extLst>
              <a:ext uri="{FF2B5EF4-FFF2-40B4-BE49-F238E27FC236}">
                <a16:creationId xmlns:a16="http://schemas.microsoft.com/office/drawing/2014/main" id="{A0A9E59D-2C1D-5141-ADA3-DB7D93F31A8E}"/>
              </a:ext>
            </a:extLst>
          </p:cNvPr>
          <p:cNvCxnSpPr/>
          <p:nvPr/>
        </p:nvCxnSpPr>
        <p:spPr>
          <a:xfrm flipV="1">
            <a:off x="8525128" y="1997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56" name="TextBox 55">
            <a:extLst>
              <a:ext uri="{FF2B5EF4-FFF2-40B4-BE49-F238E27FC236}">
                <a16:creationId xmlns:a16="http://schemas.microsoft.com/office/drawing/2014/main" id="{AB9BEFFA-F2AB-3245-B99C-81E0607D7065}"/>
              </a:ext>
            </a:extLst>
          </p:cNvPr>
          <p:cNvSpPr txBox="1"/>
          <p:nvPr/>
        </p:nvSpPr>
        <p:spPr>
          <a:xfrm>
            <a:off x="8273187" y="2209734"/>
            <a:ext cx="1461896" cy="200055"/>
          </a:xfrm>
          <a:prstGeom prst="rect">
            <a:avLst/>
          </a:prstGeom>
          <a:noFill/>
        </p:spPr>
        <p:txBody>
          <a:bodyPr wrap="square" rtlCol="0">
            <a:spAutoFit/>
          </a:bodyPr>
          <a:lstStyle/>
          <a:p>
            <a:pPr algn="ctr"/>
            <a:r>
              <a:rPr lang="en-US" sz="700" b="1" cap="all" spc="60" dirty="0">
                <a:solidFill>
                  <a:schemeClr val="accent1"/>
                </a:solidFill>
                <a:latin typeface="+mj-lt"/>
              </a:rPr>
              <a:t>validation</a:t>
            </a:r>
          </a:p>
        </p:txBody>
      </p:sp>
      <p:cxnSp>
        <p:nvCxnSpPr>
          <p:cNvPr id="57" name="Straight Connector 56">
            <a:extLst>
              <a:ext uri="{FF2B5EF4-FFF2-40B4-BE49-F238E27FC236}">
                <a16:creationId xmlns:a16="http://schemas.microsoft.com/office/drawing/2014/main" id="{41C72433-EB6B-8D45-BECC-6DD6080311B4}"/>
              </a:ext>
            </a:extLst>
          </p:cNvPr>
          <p:cNvCxnSpPr/>
          <p:nvPr/>
        </p:nvCxnSpPr>
        <p:spPr>
          <a:xfrm>
            <a:off x="8914677" y="2008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4" name="Slide Number Placeholder 3">
            <a:extLst>
              <a:ext uri="{FF2B5EF4-FFF2-40B4-BE49-F238E27FC236}">
                <a16:creationId xmlns:a16="http://schemas.microsoft.com/office/drawing/2014/main" id="{CE705330-C86C-0B4A-987F-EE32BEDFD77F}"/>
              </a:ext>
            </a:extLst>
          </p:cNvPr>
          <p:cNvSpPr>
            <a:spLocks noGrp="1"/>
          </p:cNvSpPr>
          <p:nvPr>
            <p:ph type="sldNum" sz="quarter" idx="4"/>
          </p:nvPr>
        </p:nvSpPr>
        <p:spPr/>
        <p:txBody>
          <a:bodyPr/>
          <a:lstStyle/>
          <a:p>
            <a:fld id="{742ED878-647B-DB4D-84DF-0BCCAF9DD0BF}" type="slidenum">
              <a:rPr lang="en-US" smtClean="0"/>
              <a:pPr/>
              <a:t>25</a:t>
            </a:fld>
            <a:endParaRPr lang="en-US" dirty="0"/>
          </a:p>
        </p:txBody>
      </p:sp>
      <p:sp>
        <p:nvSpPr>
          <p:cNvPr id="58" name="Freeform 57">
            <a:extLst>
              <a:ext uri="{FF2B5EF4-FFF2-40B4-BE49-F238E27FC236}">
                <a16:creationId xmlns:a16="http://schemas.microsoft.com/office/drawing/2014/main" id="{3EF4ACD5-D5B9-FC4B-92A1-59612B8C6287}"/>
              </a:ext>
            </a:extLst>
          </p:cNvPr>
          <p:cNvSpPr/>
          <p:nvPr/>
        </p:nvSpPr>
        <p:spPr>
          <a:xfrm>
            <a:off x="5403800" y="6118001"/>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Make </a:t>
            </a:r>
            <a:br>
              <a:rPr lang="en-US" sz="700" b="1" cap="all" spc="70">
                <a:latin typeface="+mj-lt"/>
              </a:rPr>
            </a:br>
            <a:r>
              <a:rPr lang="en-US" sz="700" b="1" cap="all" spc="70">
                <a:latin typeface="+mj-lt"/>
              </a:rPr>
              <a:t>Ready</a:t>
            </a:r>
          </a:p>
        </p:txBody>
      </p:sp>
      <p:sp>
        <p:nvSpPr>
          <p:cNvPr id="59" name="Freeform 58">
            <a:extLst>
              <a:ext uri="{FF2B5EF4-FFF2-40B4-BE49-F238E27FC236}">
                <a16:creationId xmlns:a16="http://schemas.microsoft.com/office/drawing/2014/main" id="{5F231AA5-DF94-AD48-AC7C-CACE86F8CB75}"/>
              </a:ext>
            </a:extLst>
          </p:cNvPr>
          <p:cNvSpPr/>
          <p:nvPr/>
        </p:nvSpPr>
        <p:spPr>
          <a:xfrm>
            <a:off x="64333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Ready</a:t>
            </a:r>
          </a:p>
        </p:txBody>
      </p:sp>
      <p:sp>
        <p:nvSpPr>
          <p:cNvPr id="60" name="Freeform 59">
            <a:extLst>
              <a:ext uri="{FF2B5EF4-FFF2-40B4-BE49-F238E27FC236}">
                <a16:creationId xmlns:a16="http://schemas.microsoft.com/office/drawing/2014/main" id="{0FB7AF13-40E6-C243-B21A-FF4EB8515486}"/>
              </a:ext>
            </a:extLst>
          </p:cNvPr>
          <p:cNvSpPr/>
          <p:nvPr/>
        </p:nvSpPr>
        <p:spPr>
          <a:xfrm>
            <a:off x="746290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61" name="Freeform 60">
            <a:extLst>
              <a:ext uri="{FF2B5EF4-FFF2-40B4-BE49-F238E27FC236}">
                <a16:creationId xmlns:a16="http://schemas.microsoft.com/office/drawing/2014/main" id="{EEBC6EF4-B197-DB42-BE2E-A5B2B74F8A90}"/>
              </a:ext>
            </a:extLst>
          </p:cNvPr>
          <p:cNvSpPr/>
          <p:nvPr/>
        </p:nvSpPr>
        <p:spPr>
          <a:xfrm>
            <a:off x="84924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a:t>
            </a:r>
            <a:br>
              <a:rPr lang="en-US" sz="700" b="1" cap="all" spc="70">
                <a:latin typeface="+mj-lt"/>
              </a:rPr>
            </a:br>
            <a:r>
              <a:rPr lang="en-US" sz="700" b="1" cap="all" spc="70">
                <a:latin typeface="+mj-lt"/>
              </a:rPr>
              <a:t>Done</a:t>
            </a:r>
          </a:p>
        </p:txBody>
      </p:sp>
      <p:sp>
        <p:nvSpPr>
          <p:cNvPr id="62" name="Freeform 61">
            <a:extLst>
              <a:ext uri="{FF2B5EF4-FFF2-40B4-BE49-F238E27FC236}">
                <a16:creationId xmlns:a16="http://schemas.microsoft.com/office/drawing/2014/main" id="{A1E5673E-AB64-8041-9BDE-31B6BE47E9A1}"/>
              </a:ext>
            </a:extLst>
          </p:cNvPr>
          <p:cNvSpPr/>
          <p:nvPr/>
        </p:nvSpPr>
        <p:spPr>
          <a:xfrm>
            <a:off x="9522002" y="611800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Story</a:t>
            </a:r>
            <a:br>
              <a:rPr lang="en-US" sz="700" b="1" cap="all" spc="70">
                <a:latin typeface="+mj-lt"/>
              </a:rPr>
            </a:br>
            <a:r>
              <a:rPr lang="en-US" sz="700" b="1" cap="all" spc="70">
                <a:latin typeface="+mj-lt"/>
              </a:rPr>
              <a:t>Accepted</a:t>
            </a:r>
          </a:p>
        </p:txBody>
      </p:sp>
      <p:cxnSp>
        <p:nvCxnSpPr>
          <p:cNvPr id="63" name="Straight Connector 62">
            <a:extLst>
              <a:ext uri="{FF2B5EF4-FFF2-40B4-BE49-F238E27FC236}">
                <a16:creationId xmlns:a16="http://schemas.microsoft.com/office/drawing/2014/main" id="{D76BC9FB-5F9C-F646-AC68-E1A71B7EC02F}"/>
              </a:ext>
            </a:extLst>
          </p:cNvPr>
          <p:cNvCxnSpPr/>
          <p:nvPr/>
        </p:nvCxnSpPr>
        <p:spPr>
          <a:xfrm>
            <a:off x="6415081" y="5420191"/>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4" name="Straight Connector 63">
            <a:extLst>
              <a:ext uri="{FF2B5EF4-FFF2-40B4-BE49-F238E27FC236}">
                <a16:creationId xmlns:a16="http://schemas.microsoft.com/office/drawing/2014/main" id="{C8C3E6F5-F785-F746-A3D8-FE62C3014DC0}"/>
              </a:ext>
            </a:extLst>
          </p:cNvPr>
          <p:cNvCxnSpPr/>
          <p:nvPr/>
        </p:nvCxnSpPr>
        <p:spPr>
          <a:xfrm>
            <a:off x="7913728" y="5420191"/>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5" name="Straight Connector 64">
            <a:extLst>
              <a:ext uri="{FF2B5EF4-FFF2-40B4-BE49-F238E27FC236}">
                <a16:creationId xmlns:a16="http://schemas.microsoft.com/office/drawing/2014/main" id="{C40163DC-BCC1-3E47-A557-28F423C6E0C7}"/>
              </a:ext>
            </a:extLst>
          </p:cNvPr>
          <p:cNvCxnSpPr/>
          <p:nvPr/>
        </p:nvCxnSpPr>
        <p:spPr>
          <a:xfrm>
            <a:off x="5467186" y="603104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6" name="Straight Connector 65">
            <a:extLst>
              <a:ext uri="{FF2B5EF4-FFF2-40B4-BE49-F238E27FC236}">
                <a16:creationId xmlns:a16="http://schemas.microsoft.com/office/drawing/2014/main" id="{A8F9054C-F057-FE41-8128-93D90CF37C28}"/>
              </a:ext>
            </a:extLst>
          </p:cNvPr>
          <p:cNvCxnSpPr/>
          <p:nvPr/>
        </p:nvCxnSpPr>
        <p:spPr>
          <a:xfrm>
            <a:off x="6415081" y="5883852"/>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7" name="Straight Connector 66">
            <a:extLst>
              <a:ext uri="{FF2B5EF4-FFF2-40B4-BE49-F238E27FC236}">
                <a16:creationId xmlns:a16="http://schemas.microsoft.com/office/drawing/2014/main" id="{2770EC83-3EB9-7F49-B2D5-4835DBC7106E}"/>
              </a:ext>
            </a:extLst>
          </p:cNvPr>
          <p:cNvCxnSpPr/>
          <p:nvPr/>
        </p:nvCxnSpPr>
        <p:spPr>
          <a:xfrm flipV="1">
            <a:off x="7491111" y="6026730"/>
            <a:ext cx="2994678" cy="4314"/>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8" name="Straight Connector 67">
            <a:extLst>
              <a:ext uri="{FF2B5EF4-FFF2-40B4-BE49-F238E27FC236}">
                <a16:creationId xmlns:a16="http://schemas.microsoft.com/office/drawing/2014/main" id="{3309583C-4E04-0F43-8001-6D3EAB6F5A06}"/>
              </a:ext>
            </a:extLst>
          </p:cNvPr>
          <p:cNvCxnSpPr/>
          <p:nvPr/>
        </p:nvCxnSpPr>
        <p:spPr>
          <a:xfrm>
            <a:off x="7917475" y="5883852"/>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69" name="TextBox 68">
            <a:extLst>
              <a:ext uri="{FF2B5EF4-FFF2-40B4-BE49-F238E27FC236}">
                <a16:creationId xmlns:a16="http://schemas.microsoft.com/office/drawing/2014/main" id="{89C6697C-F54F-2F4F-8D6E-A226BF80D126}"/>
              </a:ext>
            </a:extLst>
          </p:cNvPr>
          <p:cNvSpPr txBox="1"/>
          <p:nvPr/>
        </p:nvSpPr>
        <p:spPr>
          <a:xfrm>
            <a:off x="4172105" y="5952808"/>
            <a:ext cx="1050483" cy="400109"/>
          </a:xfrm>
          <a:prstGeom prst="rect">
            <a:avLst/>
          </a:prstGeom>
          <a:noFill/>
        </p:spPr>
        <p:txBody>
          <a:bodyPr wrap="square" rtlCol="0">
            <a:spAutoFit/>
          </a:bodyPr>
          <a:lstStyle/>
          <a:p>
            <a:pPr algn="ctr"/>
            <a:r>
              <a:rPr lang="en-US" sz="1000" b="1" cap="all" spc="100">
                <a:latin typeface="+mj-lt"/>
              </a:rPr>
              <a:t>Delivery</a:t>
            </a:r>
          </a:p>
          <a:p>
            <a:pPr algn="ctr"/>
            <a:r>
              <a:rPr lang="en-US" sz="1000" b="1" cap="all" spc="100">
                <a:latin typeface="+mj-lt"/>
              </a:rPr>
              <a:t>TEAM</a:t>
            </a:r>
          </a:p>
        </p:txBody>
      </p:sp>
      <p:sp>
        <p:nvSpPr>
          <p:cNvPr id="70" name="TextBox 69">
            <a:extLst>
              <a:ext uri="{FF2B5EF4-FFF2-40B4-BE49-F238E27FC236}">
                <a16:creationId xmlns:a16="http://schemas.microsoft.com/office/drawing/2014/main" id="{2E141703-36E0-0541-9EBB-160DCD28C8D1}"/>
              </a:ext>
            </a:extLst>
          </p:cNvPr>
          <p:cNvSpPr txBox="1"/>
          <p:nvPr/>
        </p:nvSpPr>
        <p:spPr>
          <a:xfrm>
            <a:off x="5684798" y="5660499"/>
            <a:ext cx="1461896" cy="200055"/>
          </a:xfrm>
          <a:prstGeom prst="rect">
            <a:avLst/>
          </a:prstGeom>
          <a:noFill/>
        </p:spPr>
        <p:txBody>
          <a:bodyPr wrap="square" rtlCol="0">
            <a:spAutoFit/>
          </a:bodyPr>
          <a:lstStyle/>
          <a:p>
            <a:pPr algn="ctr"/>
            <a:r>
              <a:rPr lang="en-US" sz="700" b="1" cap="all" spc="60" dirty="0">
                <a:latin typeface="+mj-lt"/>
              </a:rPr>
              <a:t>Demand Planning</a:t>
            </a:r>
          </a:p>
        </p:txBody>
      </p:sp>
      <p:sp>
        <p:nvSpPr>
          <p:cNvPr id="71" name="TextBox 70">
            <a:extLst>
              <a:ext uri="{FF2B5EF4-FFF2-40B4-BE49-F238E27FC236}">
                <a16:creationId xmlns:a16="http://schemas.microsoft.com/office/drawing/2014/main" id="{3EA5C658-0D16-D244-94BF-4FB96F7390A4}"/>
              </a:ext>
            </a:extLst>
          </p:cNvPr>
          <p:cNvSpPr txBox="1"/>
          <p:nvPr/>
        </p:nvSpPr>
        <p:spPr>
          <a:xfrm>
            <a:off x="7388651" y="5662315"/>
            <a:ext cx="1737697" cy="200055"/>
          </a:xfrm>
          <a:prstGeom prst="rect">
            <a:avLst/>
          </a:prstGeom>
          <a:noFill/>
        </p:spPr>
        <p:txBody>
          <a:bodyPr wrap="square" rtlCol="0">
            <a:spAutoFit/>
          </a:bodyPr>
          <a:lstStyle/>
          <a:p>
            <a:pPr algn="ctr"/>
            <a:r>
              <a:rPr lang="en-US" sz="700" b="1" cap="all" spc="60">
                <a:solidFill>
                  <a:schemeClr val="accent1"/>
                </a:solidFill>
                <a:latin typeface="+mj-lt"/>
              </a:rPr>
              <a:t>Execution &amp; Accountability</a:t>
            </a:r>
          </a:p>
        </p:txBody>
      </p:sp>
      <p:sp>
        <p:nvSpPr>
          <p:cNvPr id="72" name="TextBox 71">
            <a:extLst>
              <a:ext uri="{FF2B5EF4-FFF2-40B4-BE49-F238E27FC236}">
                <a16:creationId xmlns:a16="http://schemas.microsoft.com/office/drawing/2014/main" id="{1C6CC210-F325-7544-9F09-EDF26016EDFD}"/>
              </a:ext>
            </a:extLst>
          </p:cNvPr>
          <p:cNvSpPr txBox="1"/>
          <p:nvPr/>
        </p:nvSpPr>
        <p:spPr>
          <a:xfrm>
            <a:off x="3959184" y="6298357"/>
            <a:ext cx="1476324" cy="215444"/>
          </a:xfrm>
          <a:prstGeom prst="rect">
            <a:avLst/>
          </a:prstGeom>
          <a:noFill/>
        </p:spPr>
        <p:txBody>
          <a:bodyPr wrap="square" rtlCol="0">
            <a:spAutoFit/>
          </a:bodyPr>
          <a:lstStyle/>
          <a:p>
            <a:pPr algn="ctr"/>
            <a:r>
              <a:rPr lang="en-US" sz="800" i="1" spc="100">
                <a:solidFill>
                  <a:schemeClr val="tx2"/>
                </a:solidFill>
              </a:rPr>
              <a:t>Story | Scrum</a:t>
            </a:r>
          </a:p>
        </p:txBody>
      </p:sp>
    </p:spTree>
    <p:extLst>
      <p:ext uri="{BB962C8B-B14F-4D97-AF65-F5344CB8AC3E}">
        <p14:creationId xmlns:p14="http://schemas.microsoft.com/office/powerpoint/2010/main" val="149196322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Demand Planning</a:t>
            </a:r>
          </a:p>
        </p:txBody>
      </p:sp>
      <p:sp>
        <p:nvSpPr>
          <p:cNvPr id="85" name="Freeform 84">
            <a:extLst>
              <a:ext uri="{FF2B5EF4-FFF2-40B4-BE49-F238E27FC236}">
                <a16:creationId xmlns:a16="http://schemas.microsoft.com/office/drawing/2014/main" id="{2C46D255-060F-A34B-BC19-EBAAB4FBAF94}"/>
              </a:ext>
            </a:extLst>
          </p:cNvPr>
          <p:cNvSpPr/>
          <p:nvPr/>
        </p:nvSpPr>
        <p:spPr>
          <a:xfrm>
            <a:off x="3415505" y="1527478"/>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Portfolio alignment</a:t>
            </a:r>
          </a:p>
        </p:txBody>
      </p:sp>
      <p:sp>
        <p:nvSpPr>
          <p:cNvPr id="86" name="Freeform 85">
            <a:extLst>
              <a:ext uri="{FF2B5EF4-FFF2-40B4-BE49-F238E27FC236}">
                <a16:creationId xmlns:a16="http://schemas.microsoft.com/office/drawing/2014/main" id="{9802BBA1-A5FA-5747-967B-FAE5C2BD583B}"/>
              </a:ext>
            </a:extLst>
          </p:cNvPr>
          <p:cNvSpPr/>
          <p:nvPr/>
        </p:nvSpPr>
        <p:spPr>
          <a:xfrm>
            <a:off x="4412826"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56" dirty="0">
                <a:latin typeface="+mj-lt"/>
              </a:rPr>
              <a:t>Portfolio Prioritization</a:t>
            </a:r>
          </a:p>
        </p:txBody>
      </p:sp>
      <p:sp>
        <p:nvSpPr>
          <p:cNvPr id="90" name="Freeform 89">
            <a:extLst>
              <a:ext uri="{FF2B5EF4-FFF2-40B4-BE49-F238E27FC236}">
                <a16:creationId xmlns:a16="http://schemas.microsoft.com/office/drawing/2014/main" id="{5650C4FC-59DB-9D43-A1F2-E07823C7A255}"/>
              </a:ext>
            </a:extLst>
          </p:cNvPr>
          <p:cNvSpPr/>
          <p:nvPr/>
        </p:nvSpPr>
        <p:spPr>
          <a:xfrm>
            <a:off x="5432130"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finition</a:t>
            </a:r>
          </a:p>
        </p:txBody>
      </p:sp>
      <p:sp>
        <p:nvSpPr>
          <p:cNvPr id="94" name="Freeform 93">
            <a:extLst>
              <a:ext uri="{FF2B5EF4-FFF2-40B4-BE49-F238E27FC236}">
                <a16:creationId xmlns:a16="http://schemas.microsoft.com/office/drawing/2014/main" id="{34B35300-474E-C04B-BD99-0BC41589F630}"/>
              </a:ext>
            </a:extLst>
          </p:cNvPr>
          <p:cNvSpPr/>
          <p:nvPr/>
        </p:nvSpPr>
        <p:spPr>
          <a:xfrm>
            <a:off x="6451434"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Targeting</a:t>
            </a:r>
          </a:p>
        </p:txBody>
      </p:sp>
      <p:sp>
        <p:nvSpPr>
          <p:cNvPr id="95" name="Freeform 94">
            <a:extLst>
              <a:ext uri="{FF2B5EF4-FFF2-40B4-BE49-F238E27FC236}">
                <a16:creationId xmlns:a16="http://schemas.microsoft.com/office/drawing/2014/main" id="{F80F4AE0-802A-2741-A8DB-D8826C66CF56}"/>
              </a:ext>
            </a:extLst>
          </p:cNvPr>
          <p:cNvSpPr/>
          <p:nvPr/>
        </p:nvSpPr>
        <p:spPr>
          <a:xfrm>
            <a:off x="7470738"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15" name="Freeform 114">
            <a:extLst>
              <a:ext uri="{FF2B5EF4-FFF2-40B4-BE49-F238E27FC236}">
                <a16:creationId xmlns:a16="http://schemas.microsoft.com/office/drawing/2014/main" id="{D7486A4D-354B-1442-A195-223E385CB320}"/>
              </a:ext>
            </a:extLst>
          </p:cNvPr>
          <p:cNvSpPr/>
          <p:nvPr/>
        </p:nvSpPr>
        <p:spPr>
          <a:xfrm>
            <a:off x="9509348" y="152926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Completed</a:t>
            </a:r>
          </a:p>
        </p:txBody>
      </p:sp>
      <p:cxnSp>
        <p:nvCxnSpPr>
          <p:cNvPr id="120" name="Straight Connector 119">
            <a:extLst>
              <a:ext uri="{FF2B5EF4-FFF2-40B4-BE49-F238E27FC236}">
                <a16:creationId xmlns:a16="http://schemas.microsoft.com/office/drawing/2014/main" id="{241A0093-5532-CD4E-BD5F-88B2B87ABAD9}"/>
              </a:ext>
            </a:extLst>
          </p:cNvPr>
          <p:cNvCxnSpPr>
            <a:cxnSpLocks/>
          </p:cNvCxnSpPr>
          <p:nvPr/>
        </p:nvCxnSpPr>
        <p:spPr>
          <a:xfrm>
            <a:off x="3475486" y="1997580"/>
            <a:ext cx="1863146" cy="1"/>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3" name="Straight Connector 122">
            <a:extLst>
              <a:ext uri="{FF2B5EF4-FFF2-40B4-BE49-F238E27FC236}">
                <a16:creationId xmlns:a16="http://schemas.microsoft.com/office/drawing/2014/main" id="{CC0E7C9B-35B2-EB42-850A-E1DECD22A761}"/>
              </a:ext>
            </a:extLst>
          </p:cNvPr>
          <p:cNvCxnSpPr/>
          <p:nvPr/>
        </p:nvCxnSpPr>
        <p:spPr>
          <a:xfrm flipV="1">
            <a:off x="5452899" y="1997579"/>
            <a:ext cx="871093" cy="4380"/>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4" name="Straight Connector 123">
            <a:extLst>
              <a:ext uri="{FF2B5EF4-FFF2-40B4-BE49-F238E27FC236}">
                <a16:creationId xmlns:a16="http://schemas.microsoft.com/office/drawing/2014/main" id="{F3CA3256-0244-7148-BC34-E698D0A141E4}"/>
              </a:ext>
            </a:extLst>
          </p:cNvPr>
          <p:cNvCxnSpPr/>
          <p:nvPr/>
        </p:nvCxnSpPr>
        <p:spPr>
          <a:xfrm>
            <a:off x="6797936" y="1997579"/>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9" name="Straight Connector 128">
            <a:extLst>
              <a:ext uri="{FF2B5EF4-FFF2-40B4-BE49-F238E27FC236}">
                <a16:creationId xmlns:a16="http://schemas.microsoft.com/office/drawing/2014/main" id="{4F7648BA-AA49-4A4D-BC99-1FA66C3DFF53}"/>
              </a:ext>
            </a:extLst>
          </p:cNvPr>
          <p:cNvCxnSpPr/>
          <p:nvPr/>
        </p:nvCxnSpPr>
        <p:spPr>
          <a:xfrm flipV="1">
            <a:off x="7483568" y="1997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34" name="Straight Connector 133">
            <a:extLst>
              <a:ext uri="{FF2B5EF4-FFF2-40B4-BE49-F238E27FC236}">
                <a16:creationId xmlns:a16="http://schemas.microsoft.com/office/drawing/2014/main" id="{331B5621-517F-2848-85FB-B6C83AA61B76}"/>
              </a:ext>
            </a:extLst>
          </p:cNvPr>
          <p:cNvCxnSpPr/>
          <p:nvPr/>
        </p:nvCxnSpPr>
        <p:spPr>
          <a:xfrm>
            <a:off x="9538593" y="1997579"/>
            <a:ext cx="962882"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35" name="TextBox 134">
            <a:extLst>
              <a:ext uri="{FF2B5EF4-FFF2-40B4-BE49-F238E27FC236}">
                <a16:creationId xmlns:a16="http://schemas.microsoft.com/office/drawing/2014/main" id="{AA34905F-605E-E64F-8642-D3529C5DA06F}"/>
              </a:ext>
            </a:extLst>
          </p:cNvPr>
          <p:cNvSpPr txBox="1"/>
          <p:nvPr/>
        </p:nvSpPr>
        <p:spPr>
          <a:xfrm>
            <a:off x="2085114" y="1475908"/>
            <a:ext cx="1050483" cy="400109"/>
          </a:xfrm>
          <a:prstGeom prst="rect">
            <a:avLst/>
          </a:prstGeom>
          <a:noFill/>
        </p:spPr>
        <p:txBody>
          <a:bodyPr wrap="square" rtlCol="0">
            <a:spAutoFit/>
          </a:bodyPr>
          <a:lstStyle/>
          <a:p>
            <a:pPr algn="ctr"/>
            <a:r>
              <a:rPr lang="en-US" sz="1000" b="1" cap="all" spc="100" dirty="0">
                <a:latin typeface="+mj-lt"/>
              </a:rPr>
              <a:t>PORTFOLIO TEAM</a:t>
            </a:r>
          </a:p>
        </p:txBody>
      </p:sp>
      <p:sp>
        <p:nvSpPr>
          <p:cNvPr id="145" name="TextBox 144">
            <a:extLst>
              <a:ext uri="{FF2B5EF4-FFF2-40B4-BE49-F238E27FC236}">
                <a16:creationId xmlns:a16="http://schemas.microsoft.com/office/drawing/2014/main" id="{7F45F1A6-6770-2640-A92B-B0BA5BD0C19B}"/>
              </a:ext>
            </a:extLst>
          </p:cNvPr>
          <p:cNvSpPr txBox="1"/>
          <p:nvPr/>
        </p:nvSpPr>
        <p:spPr>
          <a:xfrm>
            <a:off x="3475486" y="2209734"/>
            <a:ext cx="1461896" cy="200055"/>
          </a:xfrm>
          <a:prstGeom prst="rect">
            <a:avLst/>
          </a:prstGeom>
          <a:noFill/>
        </p:spPr>
        <p:txBody>
          <a:bodyPr wrap="square" rtlCol="0">
            <a:spAutoFit/>
          </a:bodyPr>
          <a:lstStyle/>
          <a:p>
            <a:pPr algn="ctr"/>
            <a:r>
              <a:rPr lang="en-US" sz="700" b="1" cap="all" spc="60">
                <a:solidFill>
                  <a:schemeClr val="accent2"/>
                </a:solidFill>
                <a:latin typeface="+mj-lt"/>
              </a:rPr>
              <a:t>Strategic Alignment</a:t>
            </a:r>
          </a:p>
        </p:txBody>
      </p:sp>
      <p:sp>
        <p:nvSpPr>
          <p:cNvPr id="146" name="TextBox 145">
            <a:extLst>
              <a:ext uri="{FF2B5EF4-FFF2-40B4-BE49-F238E27FC236}">
                <a16:creationId xmlns:a16="http://schemas.microsoft.com/office/drawing/2014/main" id="{9A8F99B7-3A25-FC46-AC88-6F95FD959845}"/>
              </a:ext>
            </a:extLst>
          </p:cNvPr>
          <p:cNvSpPr txBox="1"/>
          <p:nvPr/>
        </p:nvSpPr>
        <p:spPr>
          <a:xfrm>
            <a:off x="4721951" y="2209734"/>
            <a:ext cx="1461896" cy="200055"/>
          </a:xfrm>
          <a:prstGeom prst="rect">
            <a:avLst/>
          </a:prstGeom>
          <a:noFill/>
        </p:spPr>
        <p:txBody>
          <a:bodyPr wrap="square" rtlCol="0">
            <a:spAutoFit/>
          </a:bodyPr>
          <a:lstStyle/>
          <a:p>
            <a:pPr algn="ctr"/>
            <a:r>
              <a:rPr lang="en-US" sz="700" b="1" cap="all" spc="60">
                <a:solidFill>
                  <a:schemeClr val="accent4"/>
                </a:solidFill>
                <a:latin typeface="+mj-lt"/>
              </a:rPr>
              <a:t>Solution Vision</a:t>
            </a:r>
          </a:p>
        </p:txBody>
      </p:sp>
      <p:sp>
        <p:nvSpPr>
          <p:cNvPr id="147" name="TextBox 146">
            <a:extLst>
              <a:ext uri="{FF2B5EF4-FFF2-40B4-BE49-F238E27FC236}">
                <a16:creationId xmlns:a16="http://schemas.microsoft.com/office/drawing/2014/main" id="{F44EB770-9AD3-8C40-9C2F-42489E954886}"/>
              </a:ext>
            </a:extLst>
          </p:cNvPr>
          <p:cNvSpPr txBox="1"/>
          <p:nvPr/>
        </p:nvSpPr>
        <p:spPr>
          <a:xfrm>
            <a:off x="6002386" y="2209734"/>
            <a:ext cx="1461896" cy="200055"/>
          </a:xfrm>
          <a:prstGeom prst="rect">
            <a:avLst/>
          </a:prstGeom>
          <a:noFill/>
        </p:spPr>
        <p:txBody>
          <a:bodyPr wrap="square" rtlCol="0">
            <a:spAutoFit/>
          </a:bodyPr>
          <a:lstStyle/>
          <a:p>
            <a:pPr algn="ctr"/>
            <a:r>
              <a:rPr lang="en-US" sz="700" b="1" cap="all" spc="60">
                <a:latin typeface="+mj-lt"/>
              </a:rPr>
              <a:t>Demand Planning</a:t>
            </a:r>
          </a:p>
        </p:txBody>
      </p:sp>
      <p:sp>
        <p:nvSpPr>
          <p:cNvPr id="148" name="TextBox 147">
            <a:extLst>
              <a:ext uri="{FF2B5EF4-FFF2-40B4-BE49-F238E27FC236}">
                <a16:creationId xmlns:a16="http://schemas.microsoft.com/office/drawing/2014/main" id="{9DBD3809-C2C9-684B-B899-47F30998D672}"/>
              </a:ext>
            </a:extLst>
          </p:cNvPr>
          <p:cNvSpPr txBox="1"/>
          <p:nvPr/>
        </p:nvSpPr>
        <p:spPr>
          <a:xfrm>
            <a:off x="7191957" y="2209734"/>
            <a:ext cx="1461896" cy="200055"/>
          </a:xfrm>
          <a:prstGeom prst="rect">
            <a:avLst/>
          </a:prstGeom>
          <a:noFill/>
        </p:spPr>
        <p:txBody>
          <a:bodyPr wrap="square" rtlCol="0">
            <a:spAutoFit/>
          </a:bodyPr>
          <a:lstStyle/>
          <a:p>
            <a:pPr algn="ctr"/>
            <a:r>
              <a:rPr lang="en-US" sz="700" b="1" cap="all" spc="60">
                <a:solidFill>
                  <a:schemeClr val="accent1"/>
                </a:solidFill>
                <a:latin typeface="+mj-lt"/>
              </a:rPr>
              <a:t>Execution</a:t>
            </a:r>
          </a:p>
        </p:txBody>
      </p:sp>
      <p:sp>
        <p:nvSpPr>
          <p:cNvPr id="150" name="TextBox 149">
            <a:extLst>
              <a:ext uri="{FF2B5EF4-FFF2-40B4-BE49-F238E27FC236}">
                <a16:creationId xmlns:a16="http://schemas.microsoft.com/office/drawing/2014/main" id="{07A46F6B-0167-4E4D-90F4-03196E6A645C}"/>
              </a:ext>
            </a:extLst>
          </p:cNvPr>
          <p:cNvSpPr txBox="1"/>
          <p:nvPr/>
        </p:nvSpPr>
        <p:spPr>
          <a:xfrm>
            <a:off x="9289086" y="2205355"/>
            <a:ext cx="1461896" cy="200055"/>
          </a:xfrm>
          <a:prstGeom prst="rect">
            <a:avLst/>
          </a:prstGeom>
          <a:noFill/>
        </p:spPr>
        <p:txBody>
          <a:bodyPr wrap="square" rtlCol="0">
            <a:spAutoFit/>
          </a:bodyPr>
          <a:lstStyle/>
          <a:p>
            <a:pPr algn="ctr"/>
            <a:r>
              <a:rPr lang="en-US" sz="700" b="1" cap="all" spc="60">
                <a:solidFill>
                  <a:schemeClr val="accent6"/>
                </a:solidFill>
                <a:latin typeface="+mj-lt"/>
              </a:rPr>
              <a:t>MEASURE EFFECTIVENESS</a:t>
            </a:r>
          </a:p>
        </p:txBody>
      </p:sp>
      <p:sp>
        <p:nvSpPr>
          <p:cNvPr id="151" name="TextBox 150">
            <a:extLst>
              <a:ext uri="{FF2B5EF4-FFF2-40B4-BE49-F238E27FC236}">
                <a16:creationId xmlns:a16="http://schemas.microsoft.com/office/drawing/2014/main" id="{018F5470-100D-6348-9931-3EA138DE722E}"/>
              </a:ext>
            </a:extLst>
          </p:cNvPr>
          <p:cNvSpPr txBox="1"/>
          <p:nvPr/>
        </p:nvSpPr>
        <p:spPr>
          <a:xfrm>
            <a:off x="1872193" y="1797170"/>
            <a:ext cx="1476324" cy="215444"/>
          </a:xfrm>
          <a:prstGeom prst="rect">
            <a:avLst/>
          </a:prstGeom>
          <a:noFill/>
        </p:spPr>
        <p:txBody>
          <a:bodyPr wrap="square" rtlCol="0">
            <a:spAutoFit/>
          </a:bodyPr>
          <a:lstStyle/>
          <a:p>
            <a:pPr algn="ctr"/>
            <a:r>
              <a:rPr lang="en-US" sz="800" i="1" spc="100">
                <a:solidFill>
                  <a:schemeClr val="tx2"/>
                </a:solidFill>
              </a:rPr>
              <a:t>Epic | Kanban</a:t>
            </a:r>
          </a:p>
        </p:txBody>
      </p:sp>
      <p:cxnSp>
        <p:nvCxnSpPr>
          <p:cNvPr id="152" name="Straight Connector 151">
            <a:extLst>
              <a:ext uri="{FF2B5EF4-FFF2-40B4-BE49-F238E27FC236}">
                <a16:creationId xmlns:a16="http://schemas.microsoft.com/office/drawing/2014/main" id="{FAF20B72-7302-944F-B88A-973C12CCBCD0}"/>
              </a:ext>
            </a:extLst>
          </p:cNvPr>
          <p:cNvCxnSpPr/>
          <p:nvPr/>
        </p:nvCxnSpPr>
        <p:spPr>
          <a:xfrm>
            <a:off x="3425231" y="5216434"/>
            <a:ext cx="869216" cy="0"/>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3" name="Straight Connector 152">
            <a:extLst>
              <a:ext uri="{FF2B5EF4-FFF2-40B4-BE49-F238E27FC236}">
                <a16:creationId xmlns:a16="http://schemas.microsoft.com/office/drawing/2014/main" id="{54BFE844-2480-E146-BC78-0249546030D6}"/>
              </a:ext>
            </a:extLst>
          </p:cNvPr>
          <p:cNvCxnSpPr/>
          <p:nvPr/>
        </p:nvCxnSpPr>
        <p:spPr>
          <a:xfrm flipV="1">
            <a:off x="4438688" y="5213627"/>
            <a:ext cx="886080" cy="2807"/>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4" name="Straight Connector 153">
            <a:extLst>
              <a:ext uri="{FF2B5EF4-FFF2-40B4-BE49-F238E27FC236}">
                <a16:creationId xmlns:a16="http://schemas.microsoft.com/office/drawing/2014/main" id="{03B9C93B-2180-3046-B63E-AC2F58948BE2}"/>
              </a:ext>
            </a:extLst>
          </p:cNvPr>
          <p:cNvCxnSpPr/>
          <p:nvPr/>
        </p:nvCxnSpPr>
        <p:spPr>
          <a:xfrm>
            <a:off x="5446529" y="521643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5" name="Straight Connector 154">
            <a:extLst>
              <a:ext uri="{FF2B5EF4-FFF2-40B4-BE49-F238E27FC236}">
                <a16:creationId xmlns:a16="http://schemas.microsoft.com/office/drawing/2014/main" id="{8A218324-7FB2-4245-8BEA-9589FD02C715}"/>
              </a:ext>
            </a:extLst>
          </p:cNvPr>
          <p:cNvCxnSpPr/>
          <p:nvPr/>
        </p:nvCxnSpPr>
        <p:spPr>
          <a:xfrm flipV="1">
            <a:off x="7504173" y="5212054"/>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7" name="Straight Connector 156">
            <a:extLst>
              <a:ext uri="{FF2B5EF4-FFF2-40B4-BE49-F238E27FC236}">
                <a16:creationId xmlns:a16="http://schemas.microsoft.com/office/drawing/2014/main" id="{0E50CFE9-FB5B-F34F-9112-CAB22B521241}"/>
              </a:ext>
            </a:extLst>
          </p:cNvPr>
          <p:cNvCxnSpPr>
            <a:cxnSpLocks/>
          </p:cNvCxnSpPr>
          <p:nvPr/>
        </p:nvCxnSpPr>
        <p:spPr>
          <a:xfrm>
            <a:off x="9543463" y="5216434"/>
            <a:ext cx="1012838"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58" name="TextBox 157">
            <a:extLst>
              <a:ext uri="{FF2B5EF4-FFF2-40B4-BE49-F238E27FC236}">
                <a16:creationId xmlns:a16="http://schemas.microsoft.com/office/drawing/2014/main" id="{B831852C-385D-F244-A686-AABAC642C0CC}"/>
              </a:ext>
            </a:extLst>
          </p:cNvPr>
          <p:cNvSpPr txBox="1"/>
          <p:nvPr/>
        </p:nvSpPr>
        <p:spPr>
          <a:xfrm>
            <a:off x="2161828" y="5142837"/>
            <a:ext cx="1050483" cy="400109"/>
          </a:xfrm>
          <a:prstGeom prst="rect">
            <a:avLst/>
          </a:prstGeom>
          <a:noFill/>
        </p:spPr>
        <p:txBody>
          <a:bodyPr wrap="square" lIns="91440" tIns="45720" rIns="91440" bIns="45720" rtlCol="0" anchor="t">
            <a:spAutoFit/>
          </a:bodyPr>
          <a:lstStyle/>
          <a:p>
            <a:pPr algn="ctr"/>
            <a:r>
              <a:rPr lang="en-US" sz="1000" b="1" cap="all" spc="100" dirty="0">
                <a:latin typeface="+mj-lt"/>
              </a:rPr>
              <a:t>Product</a:t>
            </a:r>
            <a:endParaRPr lang="en-US" sz="1000" b="1" cap="all" spc="100" dirty="0">
              <a:latin typeface="+mj-lt"/>
              <a:cs typeface="Calibri Bold"/>
            </a:endParaRPr>
          </a:p>
          <a:p>
            <a:pPr algn="ctr"/>
            <a:r>
              <a:rPr lang="en-US" sz="1000" b="1" cap="all" spc="100" dirty="0">
                <a:latin typeface="+mj-lt"/>
              </a:rPr>
              <a:t>Team</a:t>
            </a:r>
            <a:endParaRPr lang="en-US" sz="1000" b="1" cap="all" spc="100" dirty="0">
              <a:latin typeface="+mj-lt"/>
              <a:cs typeface="Calibri Bold"/>
            </a:endParaRPr>
          </a:p>
        </p:txBody>
      </p:sp>
      <p:sp>
        <p:nvSpPr>
          <p:cNvPr id="159" name="Freeform 158">
            <a:extLst>
              <a:ext uri="{FF2B5EF4-FFF2-40B4-BE49-F238E27FC236}">
                <a16:creationId xmlns:a16="http://schemas.microsoft.com/office/drawing/2014/main" id="{EBA7F596-F5B1-DE42-889B-1D1A7AC2E837}"/>
              </a:ext>
            </a:extLst>
          </p:cNvPr>
          <p:cNvSpPr/>
          <p:nvPr/>
        </p:nvSpPr>
        <p:spPr>
          <a:xfrm>
            <a:off x="4412727"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sign</a:t>
            </a:r>
          </a:p>
        </p:txBody>
      </p:sp>
      <p:sp>
        <p:nvSpPr>
          <p:cNvPr id="160" name="Freeform 159">
            <a:extLst>
              <a:ext uri="{FF2B5EF4-FFF2-40B4-BE49-F238E27FC236}">
                <a16:creationId xmlns:a16="http://schemas.microsoft.com/office/drawing/2014/main" id="{80D5D53D-388B-CF45-8644-629F3CB1FA00}"/>
              </a:ext>
            </a:extLst>
          </p:cNvPr>
          <p:cNvSpPr/>
          <p:nvPr/>
        </p:nvSpPr>
        <p:spPr>
          <a:xfrm>
            <a:off x="5430350"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Planning</a:t>
            </a:r>
          </a:p>
        </p:txBody>
      </p:sp>
      <p:sp>
        <p:nvSpPr>
          <p:cNvPr id="161" name="Freeform 160">
            <a:extLst>
              <a:ext uri="{FF2B5EF4-FFF2-40B4-BE49-F238E27FC236}">
                <a16:creationId xmlns:a16="http://schemas.microsoft.com/office/drawing/2014/main" id="{39022ADC-8F4D-4B4B-AC1C-2B38597D16DB}"/>
              </a:ext>
            </a:extLst>
          </p:cNvPr>
          <p:cNvSpPr/>
          <p:nvPr/>
        </p:nvSpPr>
        <p:spPr>
          <a:xfrm>
            <a:off x="6447974"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a:t>
            </a:r>
          </a:p>
          <a:p>
            <a:pPr algn="ctr"/>
            <a:r>
              <a:rPr lang="en-US" sz="700" b="1" cap="all" spc="70">
                <a:latin typeface="+mj-lt"/>
              </a:rPr>
              <a:t>Ready</a:t>
            </a:r>
          </a:p>
        </p:txBody>
      </p:sp>
      <p:sp>
        <p:nvSpPr>
          <p:cNvPr id="162" name="Freeform 161">
            <a:extLst>
              <a:ext uri="{FF2B5EF4-FFF2-40B4-BE49-F238E27FC236}">
                <a16:creationId xmlns:a16="http://schemas.microsoft.com/office/drawing/2014/main" id="{6E8C57A1-FB90-1844-8DDE-49B274CD718E}"/>
              </a:ext>
            </a:extLst>
          </p:cNvPr>
          <p:cNvSpPr/>
          <p:nvPr/>
        </p:nvSpPr>
        <p:spPr>
          <a:xfrm>
            <a:off x="7465597"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63" name="Freeform 162">
            <a:extLst>
              <a:ext uri="{FF2B5EF4-FFF2-40B4-BE49-F238E27FC236}">
                <a16:creationId xmlns:a16="http://schemas.microsoft.com/office/drawing/2014/main" id="{1C13EF64-C139-D743-8EBD-A881B23D2E5E}"/>
              </a:ext>
            </a:extLst>
          </p:cNvPr>
          <p:cNvSpPr/>
          <p:nvPr/>
        </p:nvSpPr>
        <p:spPr>
          <a:xfrm>
            <a:off x="8483221"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5"/>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validation</a:t>
            </a:r>
          </a:p>
        </p:txBody>
      </p:sp>
      <p:sp>
        <p:nvSpPr>
          <p:cNvPr id="164" name="Freeform 163">
            <a:extLst>
              <a:ext uri="{FF2B5EF4-FFF2-40B4-BE49-F238E27FC236}">
                <a16:creationId xmlns:a16="http://schemas.microsoft.com/office/drawing/2014/main" id="{C93AF4B0-CF5F-3C48-9063-A197275153E8}"/>
              </a:ext>
            </a:extLst>
          </p:cNvPr>
          <p:cNvSpPr/>
          <p:nvPr/>
        </p:nvSpPr>
        <p:spPr>
          <a:xfrm>
            <a:off x="9509348" y="5292777"/>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Feature Completed</a:t>
            </a:r>
          </a:p>
        </p:txBody>
      </p:sp>
      <p:sp>
        <p:nvSpPr>
          <p:cNvPr id="165" name="Freeform 164">
            <a:extLst>
              <a:ext uri="{FF2B5EF4-FFF2-40B4-BE49-F238E27FC236}">
                <a16:creationId xmlns:a16="http://schemas.microsoft.com/office/drawing/2014/main" id="{32A1DD37-EF88-794D-82D3-1428F07FE9B8}"/>
              </a:ext>
            </a:extLst>
          </p:cNvPr>
          <p:cNvSpPr/>
          <p:nvPr/>
        </p:nvSpPr>
        <p:spPr>
          <a:xfrm>
            <a:off x="3395103" y="5292777"/>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Intake</a:t>
            </a:r>
          </a:p>
        </p:txBody>
      </p:sp>
      <p:sp>
        <p:nvSpPr>
          <p:cNvPr id="166" name="TextBox 165">
            <a:extLst>
              <a:ext uri="{FF2B5EF4-FFF2-40B4-BE49-F238E27FC236}">
                <a16:creationId xmlns:a16="http://schemas.microsoft.com/office/drawing/2014/main" id="{0701F6CA-BC33-3C43-98C2-DBBBA4EED932}"/>
              </a:ext>
            </a:extLst>
          </p:cNvPr>
          <p:cNvSpPr txBox="1"/>
          <p:nvPr/>
        </p:nvSpPr>
        <p:spPr>
          <a:xfrm>
            <a:off x="1948906" y="5487500"/>
            <a:ext cx="1476324" cy="215444"/>
          </a:xfrm>
          <a:prstGeom prst="rect">
            <a:avLst/>
          </a:prstGeom>
          <a:noFill/>
        </p:spPr>
        <p:txBody>
          <a:bodyPr wrap="square" rtlCol="0">
            <a:spAutoFit/>
          </a:bodyPr>
          <a:lstStyle/>
          <a:p>
            <a:pPr algn="ctr"/>
            <a:r>
              <a:rPr lang="en-US" sz="800" i="1" spc="100">
                <a:solidFill>
                  <a:schemeClr val="tx2"/>
                </a:solidFill>
              </a:rPr>
              <a:t>Feature | Kanban</a:t>
            </a:r>
          </a:p>
        </p:txBody>
      </p:sp>
      <p:cxnSp>
        <p:nvCxnSpPr>
          <p:cNvPr id="180" name="Straight Connector 179">
            <a:extLst>
              <a:ext uri="{FF2B5EF4-FFF2-40B4-BE49-F238E27FC236}">
                <a16:creationId xmlns:a16="http://schemas.microsoft.com/office/drawing/2014/main" id="{766D9B51-B9D0-B842-92A4-F095E05B2E0C}"/>
              </a:ext>
            </a:extLst>
          </p:cNvPr>
          <p:cNvCxnSpPr/>
          <p:nvPr/>
        </p:nvCxnSpPr>
        <p:spPr>
          <a:xfrm flipV="1">
            <a:off x="6491998" y="2000096"/>
            <a:ext cx="871093" cy="4380"/>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sp>
        <p:nvSpPr>
          <p:cNvPr id="181" name="Circular Arrow 180">
            <a:extLst>
              <a:ext uri="{FF2B5EF4-FFF2-40B4-BE49-F238E27FC236}">
                <a16:creationId xmlns:a16="http://schemas.microsoft.com/office/drawing/2014/main" id="{1050787D-E081-F748-A601-9D08709DDA07}"/>
              </a:ext>
            </a:extLst>
          </p:cNvPr>
          <p:cNvSpPr/>
          <p:nvPr/>
        </p:nvSpPr>
        <p:spPr>
          <a:xfrm rot="16932402">
            <a:off x="5202157" y="2992289"/>
            <a:ext cx="2968460" cy="176792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182" name="Circular Arrow 181">
            <a:extLst>
              <a:ext uri="{FF2B5EF4-FFF2-40B4-BE49-F238E27FC236}">
                <a16:creationId xmlns:a16="http://schemas.microsoft.com/office/drawing/2014/main" id="{31DB4737-5609-764F-98B7-D23B35568F7D}"/>
              </a:ext>
            </a:extLst>
          </p:cNvPr>
          <p:cNvSpPr/>
          <p:nvPr/>
        </p:nvSpPr>
        <p:spPr>
          <a:xfrm rot="16451841" flipH="1" flipV="1">
            <a:off x="5219040" y="2646071"/>
            <a:ext cx="2791964" cy="207205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183" name="Rectangle 182">
            <a:extLst>
              <a:ext uri="{FF2B5EF4-FFF2-40B4-BE49-F238E27FC236}">
                <a16:creationId xmlns:a16="http://schemas.microsoft.com/office/drawing/2014/main" id="{8BE6E2B5-DEEA-4E4A-A675-2A5C30B170CC}"/>
              </a:ext>
            </a:extLst>
          </p:cNvPr>
          <p:cNvSpPr>
            <a:spLocks noChangeAspect="1"/>
          </p:cNvSpPr>
          <p:nvPr/>
        </p:nvSpPr>
        <p:spPr>
          <a:xfrm>
            <a:off x="8396789" y="2965143"/>
            <a:ext cx="1224670" cy="1220832"/>
          </a:xfrm>
          <a:prstGeom prst="rect">
            <a:avLst/>
          </a:prstGeom>
          <a:solidFill>
            <a:schemeClr val="bg1"/>
          </a:solidFill>
          <a:ln w="38100">
            <a:solidFill>
              <a:schemeClr val="accent4">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Work with product teams to target timeframe for release to execute</a:t>
            </a:r>
          </a:p>
        </p:txBody>
      </p:sp>
      <p:sp>
        <p:nvSpPr>
          <p:cNvPr id="184" name="Rectangle 183">
            <a:extLst>
              <a:ext uri="{FF2B5EF4-FFF2-40B4-BE49-F238E27FC236}">
                <a16:creationId xmlns:a16="http://schemas.microsoft.com/office/drawing/2014/main" id="{D27A9683-478B-B448-83C5-3BC607764C48}"/>
              </a:ext>
            </a:extLst>
          </p:cNvPr>
          <p:cNvSpPr>
            <a:spLocks noChangeAspect="1"/>
          </p:cNvSpPr>
          <p:nvPr/>
        </p:nvSpPr>
        <p:spPr>
          <a:xfrm>
            <a:off x="5692353" y="2965143"/>
            <a:ext cx="1224670" cy="1220832"/>
          </a:xfrm>
          <a:prstGeom prst="rect">
            <a:avLst/>
          </a:prstGeom>
          <a:solidFill>
            <a:schemeClr val="bg1"/>
          </a:solidFill>
          <a:ln w="38100">
            <a:solidFill>
              <a:schemeClr val="accent4">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Are the epics sufficiently elaborated into valuable features</a:t>
            </a:r>
          </a:p>
        </p:txBody>
      </p:sp>
      <p:sp>
        <p:nvSpPr>
          <p:cNvPr id="185" name="Rectangle 184">
            <a:extLst>
              <a:ext uri="{FF2B5EF4-FFF2-40B4-BE49-F238E27FC236}">
                <a16:creationId xmlns:a16="http://schemas.microsoft.com/office/drawing/2014/main" id="{8F6C3B8D-9B71-EC4A-AC9D-227BD524A3FA}"/>
              </a:ext>
            </a:extLst>
          </p:cNvPr>
          <p:cNvSpPr>
            <a:spLocks noChangeAspect="1"/>
          </p:cNvSpPr>
          <p:nvPr/>
        </p:nvSpPr>
        <p:spPr>
          <a:xfrm>
            <a:off x="9749008" y="2988893"/>
            <a:ext cx="1224670" cy="1220832"/>
          </a:xfrm>
          <a:prstGeom prst="rect">
            <a:avLst/>
          </a:prstGeom>
          <a:solidFill>
            <a:schemeClr val="bg1"/>
          </a:solidFill>
          <a:ln w="38100">
            <a:solidFill>
              <a:schemeClr val="accent4">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When is capacity coming available?</a:t>
            </a:r>
          </a:p>
        </p:txBody>
      </p:sp>
      <p:sp>
        <p:nvSpPr>
          <p:cNvPr id="186" name="Rectangle 185">
            <a:extLst>
              <a:ext uri="{FF2B5EF4-FFF2-40B4-BE49-F238E27FC236}">
                <a16:creationId xmlns:a16="http://schemas.microsoft.com/office/drawing/2014/main" id="{4F68B286-6650-9045-9599-D514ED69D641}"/>
              </a:ext>
            </a:extLst>
          </p:cNvPr>
          <p:cNvSpPr>
            <a:spLocks noChangeAspect="1"/>
          </p:cNvSpPr>
          <p:nvPr/>
        </p:nvSpPr>
        <p:spPr>
          <a:xfrm>
            <a:off x="7044571" y="2965143"/>
            <a:ext cx="1224670" cy="1220832"/>
          </a:xfrm>
          <a:prstGeom prst="rect">
            <a:avLst/>
          </a:prstGeom>
          <a:solidFill>
            <a:schemeClr val="bg1"/>
          </a:solidFill>
          <a:ln w="38100">
            <a:solidFill>
              <a:schemeClr val="accent4">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Is work sequenced properly based on dependencies? </a:t>
            </a:r>
          </a:p>
        </p:txBody>
      </p:sp>
      <p:sp>
        <p:nvSpPr>
          <p:cNvPr id="187" name="Rectangle 186">
            <a:extLst>
              <a:ext uri="{FF2B5EF4-FFF2-40B4-BE49-F238E27FC236}">
                <a16:creationId xmlns:a16="http://schemas.microsoft.com/office/drawing/2014/main" id="{99996656-9CA9-B740-B3BB-6C1FDD2EF0F8}"/>
              </a:ext>
            </a:extLst>
          </p:cNvPr>
          <p:cNvSpPr>
            <a:spLocks noChangeAspect="1"/>
          </p:cNvSpPr>
          <p:nvPr/>
        </p:nvSpPr>
        <p:spPr>
          <a:xfrm>
            <a:off x="1635699" y="2965143"/>
            <a:ext cx="1224670" cy="1220832"/>
          </a:xfrm>
          <a:prstGeom prst="rect">
            <a:avLst/>
          </a:prstGeom>
          <a:solidFill>
            <a:schemeClr val="bg1"/>
          </a:solidFill>
          <a:ln w="38100">
            <a:solidFill>
              <a:schemeClr val="accent4">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Validate that the proposed solution delivers against the envisioned value</a:t>
            </a:r>
          </a:p>
        </p:txBody>
      </p:sp>
      <p:sp>
        <p:nvSpPr>
          <p:cNvPr id="188" name="Rectangle 187">
            <a:extLst>
              <a:ext uri="{FF2B5EF4-FFF2-40B4-BE49-F238E27FC236}">
                <a16:creationId xmlns:a16="http://schemas.microsoft.com/office/drawing/2014/main" id="{ACC4766B-E55F-1D46-8BE5-9EA815C316A4}"/>
              </a:ext>
            </a:extLst>
          </p:cNvPr>
          <p:cNvSpPr>
            <a:spLocks noChangeAspect="1"/>
          </p:cNvSpPr>
          <p:nvPr/>
        </p:nvSpPr>
        <p:spPr>
          <a:xfrm>
            <a:off x="2987917" y="2965143"/>
            <a:ext cx="1224670" cy="1220832"/>
          </a:xfrm>
          <a:prstGeom prst="rect">
            <a:avLst/>
          </a:prstGeom>
          <a:solidFill>
            <a:schemeClr val="bg1"/>
          </a:solidFill>
          <a:ln w="38100">
            <a:solidFill>
              <a:schemeClr val="accent4">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Dependencies are understood and defined </a:t>
            </a:r>
          </a:p>
        </p:txBody>
      </p:sp>
      <p:sp>
        <p:nvSpPr>
          <p:cNvPr id="189" name="Rectangle 188">
            <a:extLst>
              <a:ext uri="{FF2B5EF4-FFF2-40B4-BE49-F238E27FC236}">
                <a16:creationId xmlns:a16="http://schemas.microsoft.com/office/drawing/2014/main" id="{A8C68268-AFF8-ED4F-BABE-68A6A9712D93}"/>
              </a:ext>
            </a:extLst>
          </p:cNvPr>
          <p:cNvSpPr>
            <a:spLocks noChangeAspect="1"/>
          </p:cNvSpPr>
          <p:nvPr/>
        </p:nvSpPr>
        <p:spPr>
          <a:xfrm>
            <a:off x="4340135" y="2965143"/>
            <a:ext cx="1224670" cy="1220832"/>
          </a:xfrm>
          <a:prstGeom prst="rect">
            <a:avLst/>
          </a:prstGeom>
          <a:solidFill>
            <a:schemeClr val="bg1"/>
          </a:solidFill>
          <a:ln w="38100">
            <a:solidFill>
              <a:schemeClr val="accent4">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R="0" lvl="0" indent="0" algn="ctr" defTabSz="914400" fontAlgn="auto">
              <a:lnSpc>
                <a:spcPct val="100000"/>
              </a:lnSpc>
              <a:spcBef>
                <a:spcPts val="0"/>
              </a:spcBef>
              <a:spcAft>
                <a:spcPts val="0"/>
              </a:spcAft>
              <a:buClrTx/>
              <a:buSzTx/>
              <a:buFontTx/>
              <a:buNone/>
              <a:tabLst/>
              <a:defRPr/>
            </a:pPr>
            <a:r>
              <a:rPr lang="en-US" sz="1050" dirty="0">
                <a:solidFill>
                  <a:schemeClr val="tx1">
                    <a:lumMod val="75000"/>
                    <a:lumOff val="25000"/>
                  </a:schemeClr>
                </a:solidFill>
              </a:rPr>
              <a:t>Right sized to enter system of delivery</a:t>
            </a:r>
          </a:p>
        </p:txBody>
      </p:sp>
      <p:cxnSp>
        <p:nvCxnSpPr>
          <p:cNvPr id="190" name="Straight Connector 189">
            <a:extLst>
              <a:ext uri="{FF2B5EF4-FFF2-40B4-BE49-F238E27FC236}">
                <a16:creationId xmlns:a16="http://schemas.microsoft.com/office/drawing/2014/main" id="{837BE1AF-CCB9-6A40-B68B-48073E82BFCE}"/>
              </a:ext>
            </a:extLst>
          </p:cNvPr>
          <p:cNvCxnSpPr/>
          <p:nvPr/>
        </p:nvCxnSpPr>
        <p:spPr>
          <a:xfrm flipV="1">
            <a:off x="8525175" y="5207674"/>
            <a:ext cx="871093" cy="4380"/>
          </a:xfrm>
          <a:prstGeom prst="line">
            <a:avLst/>
          </a:prstGeom>
          <a:ln w="19050">
            <a:solidFill>
              <a:schemeClr val="accent5"/>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91" name="Straight Connector 190">
            <a:extLst>
              <a:ext uri="{FF2B5EF4-FFF2-40B4-BE49-F238E27FC236}">
                <a16:creationId xmlns:a16="http://schemas.microsoft.com/office/drawing/2014/main" id="{47511B6B-E0C9-A146-AC7E-135A6ADCBD53}"/>
              </a:ext>
            </a:extLst>
          </p:cNvPr>
          <p:cNvCxnSpPr>
            <a:cxnSpLocks/>
          </p:cNvCxnSpPr>
          <p:nvPr/>
        </p:nvCxnSpPr>
        <p:spPr>
          <a:xfrm>
            <a:off x="4472853" y="2008794"/>
            <a:ext cx="0" cy="147192"/>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92" name="Straight Connector 191">
            <a:extLst>
              <a:ext uri="{FF2B5EF4-FFF2-40B4-BE49-F238E27FC236}">
                <a16:creationId xmlns:a16="http://schemas.microsoft.com/office/drawing/2014/main" id="{8619E855-368C-A34E-A380-8017009B8290}"/>
              </a:ext>
            </a:extLst>
          </p:cNvPr>
          <p:cNvCxnSpPr/>
          <p:nvPr/>
        </p:nvCxnSpPr>
        <p:spPr>
          <a:xfrm>
            <a:off x="5634906" y="2008794"/>
            <a:ext cx="0" cy="147192"/>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93" name="Straight Connector 192">
            <a:extLst>
              <a:ext uri="{FF2B5EF4-FFF2-40B4-BE49-F238E27FC236}">
                <a16:creationId xmlns:a16="http://schemas.microsoft.com/office/drawing/2014/main" id="{CCE6A1C5-B9F1-3F49-AA69-DC288D356F4F}"/>
              </a:ext>
            </a:extLst>
          </p:cNvPr>
          <p:cNvCxnSpPr/>
          <p:nvPr/>
        </p:nvCxnSpPr>
        <p:spPr>
          <a:xfrm>
            <a:off x="7873116" y="2008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95" name="Straight Connector 194">
            <a:extLst>
              <a:ext uri="{FF2B5EF4-FFF2-40B4-BE49-F238E27FC236}">
                <a16:creationId xmlns:a16="http://schemas.microsoft.com/office/drawing/2014/main" id="{661E27BE-B39A-6D49-9D84-5D134A4E185B}"/>
              </a:ext>
            </a:extLst>
          </p:cNvPr>
          <p:cNvCxnSpPr/>
          <p:nvPr/>
        </p:nvCxnSpPr>
        <p:spPr>
          <a:xfrm>
            <a:off x="9986287" y="2008794"/>
            <a:ext cx="0" cy="147192"/>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96" name="Freeform 195">
            <a:extLst>
              <a:ext uri="{FF2B5EF4-FFF2-40B4-BE49-F238E27FC236}">
                <a16:creationId xmlns:a16="http://schemas.microsoft.com/office/drawing/2014/main" id="{7FE606E7-7E26-494D-95D9-F2F228BD74AF}"/>
              </a:ext>
            </a:extLst>
          </p:cNvPr>
          <p:cNvSpPr/>
          <p:nvPr/>
        </p:nvSpPr>
        <p:spPr>
          <a:xfrm>
            <a:off x="8490041"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dirty="0">
                <a:latin typeface="+mj-lt"/>
              </a:rPr>
              <a:t>Epic</a:t>
            </a:r>
          </a:p>
          <a:p>
            <a:pPr algn="ctr"/>
            <a:r>
              <a:rPr lang="en-US" sz="700" b="1" cap="all" spc="70" dirty="0">
                <a:latin typeface="+mj-lt"/>
              </a:rPr>
              <a:t> validation</a:t>
            </a:r>
          </a:p>
        </p:txBody>
      </p:sp>
      <p:cxnSp>
        <p:nvCxnSpPr>
          <p:cNvPr id="197" name="Straight Connector 196">
            <a:extLst>
              <a:ext uri="{FF2B5EF4-FFF2-40B4-BE49-F238E27FC236}">
                <a16:creationId xmlns:a16="http://schemas.microsoft.com/office/drawing/2014/main" id="{878E487C-34B1-1A4F-913F-18E69A05DFEE}"/>
              </a:ext>
            </a:extLst>
          </p:cNvPr>
          <p:cNvCxnSpPr/>
          <p:nvPr/>
        </p:nvCxnSpPr>
        <p:spPr>
          <a:xfrm flipV="1">
            <a:off x="8525128" y="1997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198" name="TextBox 197">
            <a:extLst>
              <a:ext uri="{FF2B5EF4-FFF2-40B4-BE49-F238E27FC236}">
                <a16:creationId xmlns:a16="http://schemas.microsoft.com/office/drawing/2014/main" id="{FD9DE8FC-9E38-4546-A662-4507F231596D}"/>
              </a:ext>
            </a:extLst>
          </p:cNvPr>
          <p:cNvSpPr txBox="1"/>
          <p:nvPr/>
        </p:nvSpPr>
        <p:spPr>
          <a:xfrm>
            <a:off x="8273187" y="2209734"/>
            <a:ext cx="1461896" cy="200055"/>
          </a:xfrm>
          <a:prstGeom prst="rect">
            <a:avLst/>
          </a:prstGeom>
          <a:noFill/>
        </p:spPr>
        <p:txBody>
          <a:bodyPr wrap="square" rtlCol="0">
            <a:spAutoFit/>
          </a:bodyPr>
          <a:lstStyle/>
          <a:p>
            <a:pPr algn="ctr"/>
            <a:r>
              <a:rPr lang="en-US" sz="700" b="1" cap="all" spc="60" dirty="0">
                <a:solidFill>
                  <a:schemeClr val="accent1"/>
                </a:solidFill>
                <a:latin typeface="+mj-lt"/>
              </a:rPr>
              <a:t>validation</a:t>
            </a:r>
          </a:p>
        </p:txBody>
      </p:sp>
      <p:cxnSp>
        <p:nvCxnSpPr>
          <p:cNvPr id="199" name="Straight Connector 198">
            <a:extLst>
              <a:ext uri="{FF2B5EF4-FFF2-40B4-BE49-F238E27FC236}">
                <a16:creationId xmlns:a16="http://schemas.microsoft.com/office/drawing/2014/main" id="{34C11852-F07C-D14E-ABB3-940C422FD605}"/>
              </a:ext>
            </a:extLst>
          </p:cNvPr>
          <p:cNvCxnSpPr/>
          <p:nvPr/>
        </p:nvCxnSpPr>
        <p:spPr>
          <a:xfrm>
            <a:off x="8914677" y="2008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4" name="Slide Number Placeholder 3">
            <a:extLst>
              <a:ext uri="{FF2B5EF4-FFF2-40B4-BE49-F238E27FC236}">
                <a16:creationId xmlns:a16="http://schemas.microsoft.com/office/drawing/2014/main" id="{3DB4E19F-0937-D243-A847-BFB22E4BC6A8}"/>
              </a:ext>
            </a:extLst>
          </p:cNvPr>
          <p:cNvSpPr>
            <a:spLocks noGrp="1"/>
          </p:cNvSpPr>
          <p:nvPr>
            <p:ph type="sldNum" sz="quarter" idx="4"/>
          </p:nvPr>
        </p:nvSpPr>
        <p:spPr/>
        <p:txBody>
          <a:bodyPr/>
          <a:lstStyle/>
          <a:p>
            <a:fld id="{742ED878-647B-DB4D-84DF-0BCCAF9DD0BF}" type="slidenum">
              <a:rPr lang="en-US" smtClean="0"/>
              <a:pPr/>
              <a:t>26</a:t>
            </a:fld>
            <a:endParaRPr lang="en-US" dirty="0"/>
          </a:p>
        </p:txBody>
      </p:sp>
      <p:sp>
        <p:nvSpPr>
          <p:cNvPr id="55" name="Freeform 54">
            <a:extLst>
              <a:ext uri="{FF2B5EF4-FFF2-40B4-BE49-F238E27FC236}">
                <a16:creationId xmlns:a16="http://schemas.microsoft.com/office/drawing/2014/main" id="{257D543D-386A-B748-BD56-35EE8BFA2D2C}"/>
              </a:ext>
            </a:extLst>
          </p:cNvPr>
          <p:cNvSpPr/>
          <p:nvPr/>
        </p:nvSpPr>
        <p:spPr>
          <a:xfrm>
            <a:off x="5403800" y="6118001"/>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Make </a:t>
            </a:r>
            <a:br>
              <a:rPr lang="en-US" sz="700" b="1" cap="all" spc="70">
                <a:latin typeface="+mj-lt"/>
              </a:rPr>
            </a:br>
            <a:r>
              <a:rPr lang="en-US" sz="700" b="1" cap="all" spc="70">
                <a:latin typeface="+mj-lt"/>
              </a:rPr>
              <a:t>Ready</a:t>
            </a:r>
          </a:p>
        </p:txBody>
      </p:sp>
      <p:sp>
        <p:nvSpPr>
          <p:cNvPr id="56" name="Freeform 55">
            <a:extLst>
              <a:ext uri="{FF2B5EF4-FFF2-40B4-BE49-F238E27FC236}">
                <a16:creationId xmlns:a16="http://schemas.microsoft.com/office/drawing/2014/main" id="{195545E0-5155-DE4B-8B58-D211CEE51078}"/>
              </a:ext>
            </a:extLst>
          </p:cNvPr>
          <p:cNvSpPr/>
          <p:nvPr/>
        </p:nvSpPr>
        <p:spPr>
          <a:xfrm>
            <a:off x="64333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Ready</a:t>
            </a:r>
          </a:p>
        </p:txBody>
      </p:sp>
      <p:sp>
        <p:nvSpPr>
          <p:cNvPr id="57" name="Freeform 56">
            <a:extLst>
              <a:ext uri="{FF2B5EF4-FFF2-40B4-BE49-F238E27FC236}">
                <a16:creationId xmlns:a16="http://schemas.microsoft.com/office/drawing/2014/main" id="{F4B0362A-0B2B-8C42-A558-AF55AC5C7690}"/>
              </a:ext>
            </a:extLst>
          </p:cNvPr>
          <p:cNvSpPr/>
          <p:nvPr/>
        </p:nvSpPr>
        <p:spPr>
          <a:xfrm>
            <a:off x="746290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58" name="Freeform 57">
            <a:extLst>
              <a:ext uri="{FF2B5EF4-FFF2-40B4-BE49-F238E27FC236}">
                <a16:creationId xmlns:a16="http://schemas.microsoft.com/office/drawing/2014/main" id="{E3980DB3-39B8-ED4B-A9D9-4EA716B83580}"/>
              </a:ext>
            </a:extLst>
          </p:cNvPr>
          <p:cNvSpPr/>
          <p:nvPr/>
        </p:nvSpPr>
        <p:spPr>
          <a:xfrm>
            <a:off x="84924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a:t>
            </a:r>
            <a:br>
              <a:rPr lang="en-US" sz="700" b="1" cap="all" spc="70">
                <a:latin typeface="+mj-lt"/>
              </a:rPr>
            </a:br>
            <a:r>
              <a:rPr lang="en-US" sz="700" b="1" cap="all" spc="70">
                <a:latin typeface="+mj-lt"/>
              </a:rPr>
              <a:t>Done</a:t>
            </a:r>
          </a:p>
        </p:txBody>
      </p:sp>
      <p:sp>
        <p:nvSpPr>
          <p:cNvPr id="59" name="Freeform 58">
            <a:extLst>
              <a:ext uri="{FF2B5EF4-FFF2-40B4-BE49-F238E27FC236}">
                <a16:creationId xmlns:a16="http://schemas.microsoft.com/office/drawing/2014/main" id="{D2651481-899C-7949-BCF2-FCEACD985A16}"/>
              </a:ext>
            </a:extLst>
          </p:cNvPr>
          <p:cNvSpPr/>
          <p:nvPr/>
        </p:nvSpPr>
        <p:spPr>
          <a:xfrm>
            <a:off x="9522002" y="611800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Story</a:t>
            </a:r>
            <a:br>
              <a:rPr lang="en-US" sz="700" b="1" cap="all" spc="70">
                <a:latin typeface="+mj-lt"/>
              </a:rPr>
            </a:br>
            <a:r>
              <a:rPr lang="en-US" sz="700" b="1" cap="all" spc="70">
                <a:latin typeface="+mj-lt"/>
              </a:rPr>
              <a:t>Accepted</a:t>
            </a:r>
          </a:p>
        </p:txBody>
      </p:sp>
      <p:cxnSp>
        <p:nvCxnSpPr>
          <p:cNvPr id="60" name="Straight Connector 59">
            <a:extLst>
              <a:ext uri="{FF2B5EF4-FFF2-40B4-BE49-F238E27FC236}">
                <a16:creationId xmlns:a16="http://schemas.microsoft.com/office/drawing/2014/main" id="{11F617A6-4B80-644E-8018-252C3994B709}"/>
              </a:ext>
            </a:extLst>
          </p:cNvPr>
          <p:cNvCxnSpPr/>
          <p:nvPr/>
        </p:nvCxnSpPr>
        <p:spPr>
          <a:xfrm>
            <a:off x="6415081" y="5420191"/>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1" name="Straight Connector 60">
            <a:extLst>
              <a:ext uri="{FF2B5EF4-FFF2-40B4-BE49-F238E27FC236}">
                <a16:creationId xmlns:a16="http://schemas.microsoft.com/office/drawing/2014/main" id="{76771596-B7DF-F447-AAF2-8A3AEB0FE9CD}"/>
              </a:ext>
            </a:extLst>
          </p:cNvPr>
          <p:cNvCxnSpPr/>
          <p:nvPr/>
        </p:nvCxnSpPr>
        <p:spPr>
          <a:xfrm>
            <a:off x="7913728" y="5420191"/>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2" name="Straight Connector 61">
            <a:extLst>
              <a:ext uri="{FF2B5EF4-FFF2-40B4-BE49-F238E27FC236}">
                <a16:creationId xmlns:a16="http://schemas.microsoft.com/office/drawing/2014/main" id="{27F18B2E-4B5B-FA4C-8CE9-CEAC3731B728}"/>
              </a:ext>
            </a:extLst>
          </p:cNvPr>
          <p:cNvCxnSpPr/>
          <p:nvPr/>
        </p:nvCxnSpPr>
        <p:spPr>
          <a:xfrm>
            <a:off x="5467186" y="603104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3" name="Straight Connector 62">
            <a:extLst>
              <a:ext uri="{FF2B5EF4-FFF2-40B4-BE49-F238E27FC236}">
                <a16:creationId xmlns:a16="http://schemas.microsoft.com/office/drawing/2014/main" id="{5FDD67B9-5B15-9B45-93FB-4C117550EE4A}"/>
              </a:ext>
            </a:extLst>
          </p:cNvPr>
          <p:cNvCxnSpPr/>
          <p:nvPr/>
        </p:nvCxnSpPr>
        <p:spPr>
          <a:xfrm>
            <a:off x="6415081" y="5883852"/>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4" name="Straight Connector 63">
            <a:extLst>
              <a:ext uri="{FF2B5EF4-FFF2-40B4-BE49-F238E27FC236}">
                <a16:creationId xmlns:a16="http://schemas.microsoft.com/office/drawing/2014/main" id="{44D4D596-4E0C-5245-BA74-7D94DCCB966C}"/>
              </a:ext>
            </a:extLst>
          </p:cNvPr>
          <p:cNvCxnSpPr/>
          <p:nvPr/>
        </p:nvCxnSpPr>
        <p:spPr>
          <a:xfrm flipV="1">
            <a:off x="7491111" y="6026730"/>
            <a:ext cx="2994678" cy="4314"/>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5" name="Straight Connector 64">
            <a:extLst>
              <a:ext uri="{FF2B5EF4-FFF2-40B4-BE49-F238E27FC236}">
                <a16:creationId xmlns:a16="http://schemas.microsoft.com/office/drawing/2014/main" id="{9AE9D526-A11C-ED4B-B5B5-CE2B1E5C734C}"/>
              </a:ext>
            </a:extLst>
          </p:cNvPr>
          <p:cNvCxnSpPr/>
          <p:nvPr/>
        </p:nvCxnSpPr>
        <p:spPr>
          <a:xfrm>
            <a:off x="7917475" y="5883852"/>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66" name="TextBox 65">
            <a:extLst>
              <a:ext uri="{FF2B5EF4-FFF2-40B4-BE49-F238E27FC236}">
                <a16:creationId xmlns:a16="http://schemas.microsoft.com/office/drawing/2014/main" id="{FC411EF5-411A-2D48-897C-E8D84BF8C83B}"/>
              </a:ext>
            </a:extLst>
          </p:cNvPr>
          <p:cNvSpPr txBox="1"/>
          <p:nvPr/>
        </p:nvSpPr>
        <p:spPr>
          <a:xfrm>
            <a:off x="4172105" y="5952808"/>
            <a:ext cx="1050483" cy="400109"/>
          </a:xfrm>
          <a:prstGeom prst="rect">
            <a:avLst/>
          </a:prstGeom>
          <a:noFill/>
        </p:spPr>
        <p:txBody>
          <a:bodyPr wrap="square" rtlCol="0">
            <a:spAutoFit/>
          </a:bodyPr>
          <a:lstStyle/>
          <a:p>
            <a:pPr algn="ctr"/>
            <a:r>
              <a:rPr lang="en-US" sz="1000" b="1" cap="all" spc="100">
                <a:latin typeface="+mj-lt"/>
              </a:rPr>
              <a:t>Delivery</a:t>
            </a:r>
          </a:p>
          <a:p>
            <a:pPr algn="ctr"/>
            <a:r>
              <a:rPr lang="en-US" sz="1000" b="1" cap="all" spc="100">
                <a:latin typeface="+mj-lt"/>
              </a:rPr>
              <a:t>TEAM</a:t>
            </a:r>
          </a:p>
        </p:txBody>
      </p:sp>
      <p:sp>
        <p:nvSpPr>
          <p:cNvPr id="67" name="TextBox 66">
            <a:extLst>
              <a:ext uri="{FF2B5EF4-FFF2-40B4-BE49-F238E27FC236}">
                <a16:creationId xmlns:a16="http://schemas.microsoft.com/office/drawing/2014/main" id="{BE48F53B-1207-414E-9EF5-B6D2F2A476E6}"/>
              </a:ext>
            </a:extLst>
          </p:cNvPr>
          <p:cNvSpPr txBox="1"/>
          <p:nvPr/>
        </p:nvSpPr>
        <p:spPr>
          <a:xfrm>
            <a:off x="5684798" y="5660499"/>
            <a:ext cx="1461896" cy="200055"/>
          </a:xfrm>
          <a:prstGeom prst="rect">
            <a:avLst/>
          </a:prstGeom>
          <a:noFill/>
        </p:spPr>
        <p:txBody>
          <a:bodyPr wrap="square" rtlCol="0">
            <a:spAutoFit/>
          </a:bodyPr>
          <a:lstStyle/>
          <a:p>
            <a:pPr algn="ctr"/>
            <a:r>
              <a:rPr lang="en-US" sz="700" b="1" cap="all" spc="60" dirty="0">
                <a:latin typeface="+mj-lt"/>
              </a:rPr>
              <a:t>Demand Planning</a:t>
            </a:r>
          </a:p>
        </p:txBody>
      </p:sp>
      <p:sp>
        <p:nvSpPr>
          <p:cNvPr id="68" name="TextBox 67">
            <a:extLst>
              <a:ext uri="{FF2B5EF4-FFF2-40B4-BE49-F238E27FC236}">
                <a16:creationId xmlns:a16="http://schemas.microsoft.com/office/drawing/2014/main" id="{29E3D807-C0EF-354A-8BAE-365743ADE44B}"/>
              </a:ext>
            </a:extLst>
          </p:cNvPr>
          <p:cNvSpPr txBox="1"/>
          <p:nvPr/>
        </p:nvSpPr>
        <p:spPr>
          <a:xfrm>
            <a:off x="7388651" y="5662315"/>
            <a:ext cx="1737697" cy="200055"/>
          </a:xfrm>
          <a:prstGeom prst="rect">
            <a:avLst/>
          </a:prstGeom>
          <a:noFill/>
        </p:spPr>
        <p:txBody>
          <a:bodyPr wrap="square" rtlCol="0">
            <a:spAutoFit/>
          </a:bodyPr>
          <a:lstStyle/>
          <a:p>
            <a:pPr algn="ctr"/>
            <a:r>
              <a:rPr lang="en-US" sz="700" b="1" cap="all" spc="60">
                <a:solidFill>
                  <a:schemeClr val="accent1"/>
                </a:solidFill>
                <a:latin typeface="+mj-lt"/>
              </a:rPr>
              <a:t>Execution &amp; Accountability</a:t>
            </a:r>
          </a:p>
        </p:txBody>
      </p:sp>
      <p:sp>
        <p:nvSpPr>
          <p:cNvPr id="69" name="TextBox 68">
            <a:extLst>
              <a:ext uri="{FF2B5EF4-FFF2-40B4-BE49-F238E27FC236}">
                <a16:creationId xmlns:a16="http://schemas.microsoft.com/office/drawing/2014/main" id="{CA3B5489-B307-1347-B3EF-61B8655E10C9}"/>
              </a:ext>
            </a:extLst>
          </p:cNvPr>
          <p:cNvSpPr txBox="1"/>
          <p:nvPr/>
        </p:nvSpPr>
        <p:spPr>
          <a:xfrm>
            <a:off x="3959184" y="6298357"/>
            <a:ext cx="1476324" cy="215444"/>
          </a:xfrm>
          <a:prstGeom prst="rect">
            <a:avLst/>
          </a:prstGeom>
          <a:noFill/>
        </p:spPr>
        <p:txBody>
          <a:bodyPr wrap="square" rtlCol="0">
            <a:spAutoFit/>
          </a:bodyPr>
          <a:lstStyle/>
          <a:p>
            <a:pPr algn="ctr"/>
            <a:r>
              <a:rPr lang="en-US" sz="800" i="1" spc="100">
                <a:solidFill>
                  <a:schemeClr val="tx2"/>
                </a:solidFill>
              </a:rPr>
              <a:t>Story | Scrum</a:t>
            </a:r>
          </a:p>
        </p:txBody>
      </p:sp>
    </p:spTree>
    <p:extLst>
      <p:ext uri="{BB962C8B-B14F-4D97-AF65-F5344CB8AC3E}">
        <p14:creationId xmlns:p14="http://schemas.microsoft.com/office/powerpoint/2010/main" val="25700708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Execution</a:t>
            </a:r>
          </a:p>
        </p:txBody>
      </p:sp>
      <p:sp>
        <p:nvSpPr>
          <p:cNvPr id="85" name="Freeform 84">
            <a:extLst>
              <a:ext uri="{FF2B5EF4-FFF2-40B4-BE49-F238E27FC236}">
                <a16:creationId xmlns:a16="http://schemas.microsoft.com/office/drawing/2014/main" id="{2C46D255-060F-A34B-BC19-EBAAB4FBAF94}"/>
              </a:ext>
            </a:extLst>
          </p:cNvPr>
          <p:cNvSpPr/>
          <p:nvPr/>
        </p:nvSpPr>
        <p:spPr>
          <a:xfrm>
            <a:off x="3415505" y="1527478"/>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Portfolio alignment</a:t>
            </a:r>
          </a:p>
        </p:txBody>
      </p:sp>
      <p:sp>
        <p:nvSpPr>
          <p:cNvPr id="86" name="Freeform 85">
            <a:extLst>
              <a:ext uri="{FF2B5EF4-FFF2-40B4-BE49-F238E27FC236}">
                <a16:creationId xmlns:a16="http://schemas.microsoft.com/office/drawing/2014/main" id="{9802BBA1-A5FA-5747-967B-FAE5C2BD583B}"/>
              </a:ext>
            </a:extLst>
          </p:cNvPr>
          <p:cNvSpPr/>
          <p:nvPr/>
        </p:nvSpPr>
        <p:spPr>
          <a:xfrm>
            <a:off x="4412826"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56" dirty="0">
                <a:latin typeface="+mj-lt"/>
              </a:rPr>
              <a:t>Portfolio Prioritization</a:t>
            </a:r>
          </a:p>
        </p:txBody>
      </p:sp>
      <p:sp>
        <p:nvSpPr>
          <p:cNvPr id="90" name="Freeform 89">
            <a:extLst>
              <a:ext uri="{FF2B5EF4-FFF2-40B4-BE49-F238E27FC236}">
                <a16:creationId xmlns:a16="http://schemas.microsoft.com/office/drawing/2014/main" id="{5650C4FC-59DB-9D43-A1F2-E07823C7A255}"/>
              </a:ext>
            </a:extLst>
          </p:cNvPr>
          <p:cNvSpPr/>
          <p:nvPr/>
        </p:nvSpPr>
        <p:spPr>
          <a:xfrm>
            <a:off x="5432130"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finition</a:t>
            </a:r>
          </a:p>
        </p:txBody>
      </p:sp>
      <p:sp>
        <p:nvSpPr>
          <p:cNvPr id="94" name="Freeform 93">
            <a:extLst>
              <a:ext uri="{FF2B5EF4-FFF2-40B4-BE49-F238E27FC236}">
                <a16:creationId xmlns:a16="http://schemas.microsoft.com/office/drawing/2014/main" id="{34B35300-474E-C04B-BD99-0BC41589F630}"/>
              </a:ext>
            </a:extLst>
          </p:cNvPr>
          <p:cNvSpPr/>
          <p:nvPr/>
        </p:nvSpPr>
        <p:spPr>
          <a:xfrm>
            <a:off x="6451434"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Targeting</a:t>
            </a:r>
          </a:p>
        </p:txBody>
      </p:sp>
      <p:sp>
        <p:nvSpPr>
          <p:cNvPr id="95" name="Freeform 94">
            <a:extLst>
              <a:ext uri="{FF2B5EF4-FFF2-40B4-BE49-F238E27FC236}">
                <a16:creationId xmlns:a16="http://schemas.microsoft.com/office/drawing/2014/main" id="{F80F4AE0-802A-2741-A8DB-D8826C66CF56}"/>
              </a:ext>
            </a:extLst>
          </p:cNvPr>
          <p:cNvSpPr/>
          <p:nvPr/>
        </p:nvSpPr>
        <p:spPr>
          <a:xfrm>
            <a:off x="7470738"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15" name="Freeform 114">
            <a:extLst>
              <a:ext uri="{FF2B5EF4-FFF2-40B4-BE49-F238E27FC236}">
                <a16:creationId xmlns:a16="http://schemas.microsoft.com/office/drawing/2014/main" id="{D7486A4D-354B-1442-A195-223E385CB320}"/>
              </a:ext>
            </a:extLst>
          </p:cNvPr>
          <p:cNvSpPr/>
          <p:nvPr/>
        </p:nvSpPr>
        <p:spPr>
          <a:xfrm>
            <a:off x="9509348" y="152926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Completed</a:t>
            </a:r>
          </a:p>
        </p:txBody>
      </p:sp>
      <p:cxnSp>
        <p:nvCxnSpPr>
          <p:cNvPr id="120" name="Straight Connector 119">
            <a:extLst>
              <a:ext uri="{FF2B5EF4-FFF2-40B4-BE49-F238E27FC236}">
                <a16:creationId xmlns:a16="http://schemas.microsoft.com/office/drawing/2014/main" id="{241A0093-5532-CD4E-BD5F-88B2B87ABAD9}"/>
              </a:ext>
            </a:extLst>
          </p:cNvPr>
          <p:cNvCxnSpPr>
            <a:cxnSpLocks/>
          </p:cNvCxnSpPr>
          <p:nvPr/>
        </p:nvCxnSpPr>
        <p:spPr>
          <a:xfrm>
            <a:off x="3475486" y="1997580"/>
            <a:ext cx="1863146" cy="1"/>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3" name="Straight Connector 122">
            <a:extLst>
              <a:ext uri="{FF2B5EF4-FFF2-40B4-BE49-F238E27FC236}">
                <a16:creationId xmlns:a16="http://schemas.microsoft.com/office/drawing/2014/main" id="{CC0E7C9B-35B2-EB42-850A-E1DECD22A761}"/>
              </a:ext>
            </a:extLst>
          </p:cNvPr>
          <p:cNvCxnSpPr/>
          <p:nvPr/>
        </p:nvCxnSpPr>
        <p:spPr>
          <a:xfrm flipV="1">
            <a:off x="5452899" y="1997579"/>
            <a:ext cx="871093" cy="4380"/>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4" name="Straight Connector 123">
            <a:extLst>
              <a:ext uri="{FF2B5EF4-FFF2-40B4-BE49-F238E27FC236}">
                <a16:creationId xmlns:a16="http://schemas.microsoft.com/office/drawing/2014/main" id="{F3CA3256-0244-7148-BC34-E698D0A141E4}"/>
              </a:ext>
            </a:extLst>
          </p:cNvPr>
          <p:cNvCxnSpPr/>
          <p:nvPr/>
        </p:nvCxnSpPr>
        <p:spPr>
          <a:xfrm>
            <a:off x="6797936" y="1997579"/>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9" name="Straight Connector 128">
            <a:extLst>
              <a:ext uri="{FF2B5EF4-FFF2-40B4-BE49-F238E27FC236}">
                <a16:creationId xmlns:a16="http://schemas.microsoft.com/office/drawing/2014/main" id="{4F7648BA-AA49-4A4D-BC99-1FA66C3DFF53}"/>
              </a:ext>
            </a:extLst>
          </p:cNvPr>
          <p:cNvCxnSpPr/>
          <p:nvPr/>
        </p:nvCxnSpPr>
        <p:spPr>
          <a:xfrm flipV="1">
            <a:off x="7483568" y="1997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34" name="Straight Connector 133">
            <a:extLst>
              <a:ext uri="{FF2B5EF4-FFF2-40B4-BE49-F238E27FC236}">
                <a16:creationId xmlns:a16="http://schemas.microsoft.com/office/drawing/2014/main" id="{331B5621-517F-2848-85FB-B6C83AA61B76}"/>
              </a:ext>
            </a:extLst>
          </p:cNvPr>
          <p:cNvCxnSpPr/>
          <p:nvPr/>
        </p:nvCxnSpPr>
        <p:spPr>
          <a:xfrm>
            <a:off x="9538593" y="1997579"/>
            <a:ext cx="962882"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35" name="TextBox 134">
            <a:extLst>
              <a:ext uri="{FF2B5EF4-FFF2-40B4-BE49-F238E27FC236}">
                <a16:creationId xmlns:a16="http://schemas.microsoft.com/office/drawing/2014/main" id="{AA34905F-605E-E64F-8642-D3529C5DA06F}"/>
              </a:ext>
            </a:extLst>
          </p:cNvPr>
          <p:cNvSpPr txBox="1"/>
          <p:nvPr/>
        </p:nvSpPr>
        <p:spPr>
          <a:xfrm>
            <a:off x="2085114" y="1499658"/>
            <a:ext cx="1050483" cy="400109"/>
          </a:xfrm>
          <a:prstGeom prst="rect">
            <a:avLst/>
          </a:prstGeom>
          <a:noFill/>
        </p:spPr>
        <p:txBody>
          <a:bodyPr wrap="square" rtlCol="0">
            <a:spAutoFit/>
          </a:bodyPr>
          <a:lstStyle/>
          <a:p>
            <a:pPr algn="ctr"/>
            <a:r>
              <a:rPr lang="en-US" sz="1000" b="1" cap="all" spc="100" dirty="0">
                <a:latin typeface="+mj-lt"/>
              </a:rPr>
              <a:t>PORTFOLIO TEAM</a:t>
            </a:r>
          </a:p>
        </p:txBody>
      </p:sp>
      <p:sp>
        <p:nvSpPr>
          <p:cNvPr id="145" name="TextBox 144">
            <a:extLst>
              <a:ext uri="{FF2B5EF4-FFF2-40B4-BE49-F238E27FC236}">
                <a16:creationId xmlns:a16="http://schemas.microsoft.com/office/drawing/2014/main" id="{7F45F1A6-6770-2640-A92B-B0BA5BD0C19B}"/>
              </a:ext>
            </a:extLst>
          </p:cNvPr>
          <p:cNvSpPr txBox="1"/>
          <p:nvPr/>
        </p:nvSpPr>
        <p:spPr>
          <a:xfrm>
            <a:off x="3475486" y="2209734"/>
            <a:ext cx="1461896" cy="200055"/>
          </a:xfrm>
          <a:prstGeom prst="rect">
            <a:avLst/>
          </a:prstGeom>
          <a:noFill/>
        </p:spPr>
        <p:txBody>
          <a:bodyPr wrap="square" rtlCol="0">
            <a:spAutoFit/>
          </a:bodyPr>
          <a:lstStyle/>
          <a:p>
            <a:pPr algn="ctr"/>
            <a:r>
              <a:rPr lang="en-US" sz="700" b="1" cap="all" spc="60">
                <a:solidFill>
                  <a:schemeClr val="accent2"/>
                </a:solidFill>
                <a:latin typeface="+mj-lt"/>
              </a:rPr>
              <a:t>Strategic Alignment</a:t>
            </a:r>
          </a:p>
        </p:txBody>
      </p:sp>
      <p:sp>
        <p:nvSpPr>
          <p:cNvPr id="146" name="TextBox 145">
            <a:extLst>
              <a:ext uri="{FF2B5EF4-FFF2-40B4-BE49-F238E27FC236}">
                <a16:creationId xmlns:a16="http://schemas.microsoft.com/office/drawing/2014/main" id="{9A8F99B7-3A25-FC46-AC88-6F95FD959845}"/>
              </a:ext>
            </a:extLst>
          </p:cNvPr>
          <p:cNvSpPr txBox="1"/>
          <p:nvPr/>
        </p:nvSpPr>
        <p:spPr>
          <a:xfrm>
            <a:off x="4721951" y="2209734"/>
            <a:ext cx="1461896" cy="200055"/>
          </a:xfrm>
          <a:prstGeom prst="rect">
            <a:avLst/>
          </a:prstGeom>
          <a:noFill/>
        </p:spPr>
        <p:txBody>
          <a:bodyPr wrap="square" rtlCol="0">
            <a:spAutoFit/>
          </a:bodyPr>
          <a:lstStyle/>
          <a:p>
            <a:pPr algn="ctr"/>
            <a:r>
              <a:rPr lang="en-US" sz="700" b="1" cap="all" spc="60">
                <a:solidFill>
                  <a:schemeClr val="accent4"/>
                </a:solidFill>
                <a:latin typeface="+mj-lt"/>
              </a:rPr>
              <a:t>Solution Vision</a:t>
            </a:r>
          </a:p>
        </p:txBody>
      </p:sp>
      <p:sp>
        <p:nvSpPr>
          <p:cNvPr id="147" name="TextBox 146">
            <a:extLst>
              <a:ext uri="{FF2B5EF4-FFF2-40B4-BE49-F238E27FC236}">
                <a16:creationId xmlns:a16="http://schemas.microsoft.com/office/drawing/2014/main" id="{F44EB770-9AD3-8C40-9C2F-42489E954886}"/>
              </a:ext>
            </a:extLst>
          </p:cNvPr>
          <p:cNvSpPr txBox="1"/>
          <p:nvPr/>
        </p:nvSpPr>
        <p:spPr>
          <a:xfrm>
            <a:off x="6002386" y="2209734"/>
            <a:ext cx="1461896" cy="200055"/>
          </a:xfrm>
          <a:prstGeom prst="rect">
            <a:avLst/>
          </a:prstGeom>
          <a:noFill/>
        </p:spPr>
        <p:txBody>
          <a:bodyPr wrap="square" rtlCol="0">
            <a:spAutoFit/>
          </a:bodyPr>
          <a:lstStyle/>
          <a:p>
            <a:pPr algn="ctr"/>
            <a:r>
              <a:rPr lang="en-US" sz="700" b="1" cap="all" spc="60">
                <a:latin typeface="+mj-lt"/>
              </a:rPr>
              <a:t>Demand Planning</a:t>
            </a:r>
          </a:p>
        </p:txBody>
      </p:sp>
      <p:sp>
        <p:nvSpPr>
          <p:cNvPr id="148" name="TextBox 147">
            <a:extLst>
              <a:ext uri="{FF2B5EF4-FFF2-40B4-BE49-F238E27FC236}">
                <a16:creationId xmlns:a16="http://schemas.microsoft.com/office/drawing/2014/main" id="{9DBD3809-C2C9-684B-B899-47F30998D672}"/>
              </a:ext>
            </a:extLst>
          </p:cNvPr>
          <p:cNvSpPr txBox="1"/>
          <p:nvPr/>
        </p:nvSpPr>
        <p:spPr>
          <a:xfrm>
            <a:off x="7191957" y="2209734"/>
            <a:ext cx="1461896" cy="200055"/>
          </a:xfrm>
          <a:prstGeom prst="rect">
            <a:avLst/>
          </a:prstGeom>
          <a:noFill/>
        </p:spPr>
        <p:txBody>
          <a:bodyPr wrap="square" rtlCol="0">
            <a:spAutoFit/>
          </a:bodyPr>
          <a:lstStyle/>
          <a:p>
            <a:pPr algn="ctr"/>
            <a:r>
              <a:rPr lang="en-US" sz="700" b="1" cap="all" spc="60">
                <a:solidFill>
                  <a:schemeClr val="accent1"/>
                </a:solidFill>
                <a:latin typeface="+mj-lt"/>
              </a:rPr>
              <a:t>Execution</a:t>
            </a:r>
          </a:p>
        </p:txBody>
      </p:sp>
      <p:sp>
        <p:nvSpPr>
          <p:cNvPr id="150" name="TextBox 149">
            <a:extLst>
              <a:ext uri="{FF2B5EF4-FFF2-40B4-BE49-F238E27FC236}">
                <a16:creationId xmlns:a16="http://schemas.microsoft.com/office/drawing/2014/main" id="{07A46F6B-0167-4E4D-90F4-03196E6A645C}"/>
              </a:ext>
            </a:extLst>
          </p:cNvPr>
          <p:cNvSpPr txBox="1"/>
          <p:nvPr/>
        </p:nvSpPr>
        <p:spPr>
          <a:xfrm>
            <a:off x="9289086" y="2229105"/>
            <a:ext cx="1461896" cy="200055"/>
          </a:xfrm>
          <a:prstGeom prst="rect">
            <a:avLst/>
          </a:prstGeom>
          <a:noFill/>
        </p:spPr>
        <p:txBody>
          <a:bodyPr wrap="square" rtlCol="0">
            <a:spAutoFit/>
          </a:bodyPr>
          <a:lstStyle/>
          <a:p>
            <a:pPr algn="ctr"/>
            <a:r>
              <a:rPr lang="en-US" sz="700" b="1" cap="all" spc="60">
                <a:solidFill>
                  <a:schemeClr val="accent6"/>
                </a:solidFill>
                <a:latin typeface="+mj-lt"/>
              </a:rPr>
              <a:t>MEASURE EFFECTIVENESS</a:t>
            </a:r>
          </a:p>
        </p:txBody>
      </p:sp>
      <p:sp>
        <p:nvSpPr>
          <p:cNvPr id="151" name="TextBox 150">
            <a:extLst>
              <a:ext uri="{FF2B5EF4-FFF2-40B4-BE49-F238E27FC236}">
                <a16:creationId xmlns:a16="http://schemas.microsoft.com/office/drawing/2014/main" id="{018F5470-100D-6348-9931-3EA138DE722E}"/>
              </a:ext>
            </a:extLst>
          </p:cNvPr>
          <p:cNvSpPr txBox="1"/>
          <p:nvPr/>
        </p:nvSpPr>
        <p:spPr>
          <a:xfrm>
            <a:off x="1872193" y="1797170"/>
            <a:ext cx="1476324" cy="215444"/>
          </a:xfrm>
          <a:prstGeom prst="rect">
            <a:avLst/>
          </a:prstGeom>
          <a:noFill/>
        </p:spPr>
        <p:txBody>
          <a:bodyPr wrap="square" rtlCol="0">
            <a:spAutoFit/>
          </a:bodyPr>
          <a:lstStyle/>
          <a:p>
            <a:pPr algn="ctr"/>
            <a:r>
              <a:rPr lang="en-US" sz="800" i="1" spc="100">
                <a:solidFill>
                  <a:schemeClr val="tx2"/>
                </a:solidFill>
              </a:rPr>
              <a:t>Epic | Kanban</a:t>
            </a:r>
          </a:p>
        </p:txBody>
      </p:sp>
      <p:cxnSp>
        <p:nvCxnSpPr>
          <p:cNvPr id="152" name="Straight Connector 151">
            <a:extLst>
              <a:ext uri="{FF2B5EF4-FFF2-40B4-BE49-F238E27FC236}">
                <a16:creationId xmlns:a16="http://schemas.microsoft.com/office/drawing/2014/main" id="{FAF20B72-7302-944F-B88A-973C12CCBCD0}"/>
              </a:ext>
            </a:extLst>
          </p:cNvPr>
          <p:cNvCxnSpPr/>
          <p:nvPr/>
        </p:nvCxnSpPr>
        <p:spPr>
          <a:xfrm>
            <a:off x="3425231" y="5216434"/>
            <a:ext cx="869216" cy="0"/>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3" name="Straight Connector 152">
            <a:extLst>
              <a:ext uri="{FF2B5EF4-FFF2-40B4-BE49-F238E27FC236}">
                <a16:creationId xmlns:a16="http://schemas.microsoft.com/office/drawing/2014/main" id="{54BFE844-2480-E146-BC78-0249546030D6}"/>
              </a:ext>
            </a:extLst>
          </p:cNvPr>
          <p:cNvCxnSpPr/>
          <p:nvPr/>
        </p:nvCxnSpPr>
        <p:spPr>
          <a:xfrm flipV="1">
            <a:off x="4438688" y="5213627"/>
            <a:ext cx="886080" cy="2807"/>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4" name="Straight Connector 153">
            <a:extLst>
              <a:ext uri="{FF2B5EF4-FFF2-40B4-BE49-F238E27FC236}">
                <a16:creationId xmlns:a16="http://schemas.microsoft.com/office/drawing/2014/main" id="{03B9C93B-2180-3046-B63E-AC2F58948BE2}"/>
              </a:ext>
            </a:extLst>
          </p:cNvPr>
          <p:cNvCxnSpPr/>
          <p:nvPr/>
        </p:nvCxnSpPr>
        <p:spPr>
          <a:xfrm>
            <a:off x="5446529" y="521643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5" name="Straight Connector 154">
            <a:extLst>
              <a:ext uri="{FF2B5EF4-FFF2-40B4-BE49-F238E27FC236}">
                <a16:creationId xmlns:a16="http://schemas.microsoft.com/office/drawing/2014/main" id="{8A218324-7FB2-4245-8BEA-9589FD02C715}"/>
              </a:ext>
            </a:extLst>
          </p:cNvPr>
          <p:cNvCxnSpPr/>
          <p:nvPr/>
        </p:nvCxnSpPr>
        <p:spPr>
          <a:xfrm flipV="1">
            <a:off x="7504173" y="5212054"/>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7" name="Straight Connector 156">
            <a:extLst>
              <a:ext uri="{FF2B5EF4-FFF2-40B4-BE49-F238E27FC236}">
                <a16:creationId xmlns:a16="http://schemas.microsoft.com/office/drawing/2014/main" id="{0E50CFE9-FB5B-F34F-9112-CAB22B521241}"/>
              </a:ext>
            </a:extLst>
          </p:cNvPr>
          <p:cNvCxnSpPr>
            <a:cxnSpLocks/>
          </p:cNvCxnSpPr>
          <p:nvPr/>
        </p:nvCxnSpPr>
        <p:spPr>
          <a:xfrm>
            <a:off x="9543463" y="5216434"/>
            <a:ext cx="1012838"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58" name="TextBox 157">
            <a:extLst>
              <a:ext uri="{FF2B5EF4-FFF2-40B4-BE49-F238E27FC236}">
                <a16:creationId xmlns:a16="http://schemas.microsoft.com/office/drawing/2014/main" id="{B831852C-385D-F244-A686-AABAC642C0CC}"/>
              </a:ext>
            </a:extLst>
          </p:cNvPr>
          <p:cNvSpPr txBox="1"/>
          <p:nvPr/>
        </p:nvSpPr>
        <p:spPr>
          <a:xfrm>
            <a:off x="2161828" y="5142837"/>
            <a:ext cx="1050483" cy="400109"/>
          </a:xfrm>
          <a:prstGeom prst="rect">
            <a:avLst/>
          </a:prstGeom>
          <a:noFill/>
        </p:spPr>
        <p:txBody>
          <a:bodyPr wrap="square" lIns="91440" tIns="45720" rIns="91440" bIns="45720" rtlCol="0" anchor="t">
            <a:spAutoFit/>
          </a:bodyPr>
          <a:lstStyle/>
          <a:p>
            <a:pPr algn="ctr"/>
            <a:r>
              <a:rPr lang="en-US" sz="1000" b="1" cap="all" spc="100" dirty="0">
                <a:latin typeface="+mj-lt"/>
              </a:rPr>
              <a:t>Product</a:t>
            </a:r>
            <a:endParaRPr lang="en-US" sz="1000" b="1" cap="all" spc="100" dirty="0">
              <a:latin typeface="+mj-lt"/>
              <a:cs typeface="Calibri Bold"/>
            </a:endParaRPr>
          </a:p>
          <a:p>
            <a:pPr algn="ctr"/>
            <a:r>
              <a:rPr lang="en-US" sz="1000" b="1" cap="all" spc="100" dirty="0">
                <a:latin typeface="+mj-lt"/>
              </a:rPr>
              <a:t>Team</a:t>
            </a:r>
            <a:endParaRPr lang="en-US" sz="1000" b="1" cap="all" spc="100" dirty="0">
              <a:latin typeface="+mj-lt"/>
              <a:cs typeface="Calibri Bold"/>
            </a:endParaRPr>
          </a:p>
        </p:txBody>
      </p:sp>
      <p:sp>
        <p:nvSpPr>
          <p:cNvPr id="159" name="Freeform 158">
            <a:extLst>
              <a:ext uri="{FF2B5EF4-FFF2-40B4-BE49-F238E27FC236}">
                <a16:creationId xmlns:a16="http://schemas.microsoft.com/office/drawing/2014/main" id="{EBA7F596-F5B1-DE42-889B-1D1A7AC2E837}"/>
              </a:ext>
            </a:extLst>
          </p:cNvPr>
          <p:cNvSpPr/>
          <p:nvPr/>
        </p:nvSpPr>
        <p:spPr>
          <a:xfrm>
            <a:off x="4412727"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sign</a:t>
            </a:r>
          </a:p>
        </p:txBody>
      </p:sp>
      <p:sp>
        <p:nvSpPr>
          <p:cNvPr id="160" name="Freeform 159">
            <a:extLst>
              <a:ext uri="{FF2B5EF4-FFF2-40B4-BE49-F238E27FC236}">
                <a16:creationId xmlns:a16="http://schemas.microsoft.com/office/drawing/2014/main" id="{80D5D53D-388B-CF45-8644-629F3CB1FA00}"/>
              </a:ext>
            </a:extLst>
          </p:cNvPr>
          <p:cNvSpPr/>
          <p:nvPr/>
        </p:nvSpPr>
        <p:spPr>
          <a:xfrm>
            <a:off x="5430350"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Planning</a:t>
            </a:r>
          </a:p>
        </p:txBody>
      </p:sp>
      <p:sp>
        <p:nvSpPr>
          <p:cNvPr id="161" name="Freeform 160">
            <a:extLst>
              <a:ext uri="{FF2B5EF4-FFF2-40B4-BE49-F238E27FC236}">
                <a16:creationId xmlns:a16="http://schemas.microsoft.com/office/drawing/2014/main" id="{39022ADC-8F4D-4B4B-AC1C-2B38597D16DB}"/>
              </a:ext>
            </a:extLst>
          </p:cNvPr>
          <p:cNvSpPr/>
          <p:nvPr/>
        </p:nvSpPr>
        <p:spPr>
          <a:xfrm>
            <a:off x="6447974"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a:t>
            </a:r>
          </a:p>
          <a:p>
            <a:pPr algn="ctr"/>
            <a:r>
              <a:rPr lang="en-US" sz="700" b="1" cap="all" spc="70">
                <a:latin typeface="+mj-lt"/>
              </a:rPr>
              <a:t>Ready</a:t>
            </a:r>
          </a:p>
        </p:txBody>
      </p:sp>
      <p:sp>
        <p:nvSpPr>
          <p:cNvPr id="162" name="Freeform 161">
            <a:extLst>
              <a:ext uri="{FF2B5EF4-FFF2-40B4-BE49-F238E27FC236}">
                <a16:creationId xmlns:a16="http://schemas.microsoft.com/office/drawing/2014/main" id="{6E8C57A1-FB90-1844-8DDE-49B274CD718E}"/>
              </a:ext>
            </a:extLst>
          </p:cNvPr>
          <p:cNvSpPr/>
          <p:nvPr/>
        </p:nvSpPr>
        <p:spPr>
          <a:xfrm>
            <a:off x="7465597"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63" name="Freeform 162">
            <a:extLst>
              <a:ext uri="{FF2B5EF4-FFF2-40B4-BE49-F238E27FC236}">
                <a16:creationId xmlns:a16="http://schemas.microsoft.com/office/drawing/2014/main" id="{1C13EF64-C139-D743-8EBD-A881B23D2E5E}"/>
              </a:ext>
            </a:extLst>
          </p:cNvPr>
          <p:cNvSpPr/>
          <p:nvPr/>
        </p:nvSpPr>
        <p:spPr>
          <a:xfrm>
            <a:off x="8483221"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5"/>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validation</a:t>
            </a:r>
          </a:p>
        </p:txBody>
      </p:sp>
      <p:sp>
        <p:nvSpPr>
          <p:cNvPr id="164" name="Freeform 163">
            <a:extLst>
              <a:ext uri="{FF2B5EF4-FFF2-40B4-BE49-F238E27FC236}">
                <a16:creationId xmlns:a16="http://schemas.microsoft.com/office/drawing/2014/main" id="{C93AF4B0-CF5F-3C48-9063-A197275153E8}"/>
              </a:ext>
            </a:extLst>
          </p:cNvPr>
          <p:cNvSpPr/>
          <p:nvPr/>
        </p:nvSpPr>
        <p:spPr>
          <a:xfrm>
            <a:off x="9509348" y="5292777"/>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Feature Completed</a:t>
            </a:r>
          </a:p>
        </p:txBody>
      </p:sp>
      <p:sp>
        <p:nvSpPr>
          <p:cNvPr id="165" name="Freeform 164">
            <a:extLst>
              <a:ext uri="{FF2B5EF4-FFF2-40B4-BE49-F238E27FC236}">
                <a16:creationId xmlns:a16="http://schemas.microsoft.com/office/drawing/2014/main" id="{32A1DD37-EF88-794D-82D3-1428F07FE9B8}"/>
              </a:ext>
            </a:extLst>
          </p:cNvPr>
          <p:cNvSpPr/>
          <p:nvPr/>
        </p:nvSpPr>
        <p:spPr>
          <a:xfrm>
            <a:off x="3395103" y="5292777"/>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Intake</a:t>
            </a:r>
          </a:p>
        </p:txBody>
      </p:sp>
      <p:sp>
        <p:nvSpPr>
          <p:cNvPr id="166" name="TextBox 165">
            <a:extLst>
              <a:ext uri="{FF2B5EF4-FFF2-40B4-BE49-F238E27FC236}">
                <a16:creationId xmlns:a16="http://schemas.microsoft.com/office/drawing/2014/main" id="{0701F6CA-BC33-3C43-98C2-DBBBA4EED932}"/>
              </a:ext>
            </a:extLst>
          </p:cNvPr>
          <p:cNvSpPr txBox="1"/>
          <p:nvPr/>
        </p:nvSpPr>
        <p:spPr>
          <a:xfrm>
            <a:off x="1948906" y="5487500"/>
            <a:ext cx="1476324" cy="215444"/>
          </a:xfrm>
          <a:prstGeom prst="rect">
            <a:avLst/>
          </a:prstGeom>
          <a:noFill/>
        </p:spPr>
        <p:txBody>
          <a:bodyPr wrap="square" rtlCol="0">
            <a:spAutoFit/>
          </a:bodyPr>
          <a:lstStyle/>
          <a:p>
            <a:pPr algn="ctr"/>
            <a:r>
              <a:rPr lang="en-US" sz="800" i="1" spc="100">
                <a:solidFill>
                  <a:schemeClr val="tx2"/>
                </a:solidFill>
              </a:rPr>
              <a:t>Feature | Kanban</a:t>
            </a:r>
          </a:p>
        </p:txBody>
      </p:sp>
      <p:cxnSp>
        <p:nvCxnSpPr>
          <p:cNvPr id="180" name="Straight Connector 179">
            <a:extLst>
              <a:ext uri="{FF2B5EF4-FFF2-40B4-BE49-F238E27FC236}">
                <a16:creationId xmlns:a16="http://schemas.microsoft.com/office/drawing/2014/main" id="{766D9B51-B9D0-B842-92A4-F095E05B2E0C}"/>
              </a:ext>
            </a:extLst>
          </p:cNvPr>
          <p:cNvCxnSpPr/>
          <p:nvPr/>
        </p:nvCxnSpPr>
        <p:spPr>
          <a:xfrm flipV="1">
            <a:off x="6491998" y="2000096"/>
            <a:ext cx="871093" cy="4380"/>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sp>
        <p:nvSpPr>
          <p:cNvPr id="41" name="Circular Arrow 40">
            <a:extLst>
              <a:ext uri="{FF2B5EF4-FFF2-40B4-BE49-F238E27FC236}">
                <a16:creationId xmlns:a16="http://schemas.microsoft.com/office/drawing/2014/main" id="{B09E7F7B-3C33-DB49-8DAF-B8CBEEB28D05}"/>
              </a:ext>
            </a:extLst>
          </p:cNvPr>
          <p:cNvSpPr/>
          <p:nvPr/>
        </p:nvSpPr>
        <p:spPr>
          <a:xfrm rot="16932402">
            <a:off x="6605075" y="2999370"/>
            <a:ext cx="2968460" cy="176792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42" name="Circular Arrow 41">
            <a:extLst>
              <a:ext uri="{FF2B5EF4-FFF2-40B4-BE49-F238E27FC236}">
                <a16:creationId xmlns:a16="http://schemas.microsoft.com/office/drawing/2014/main" id="{AB91942C-A627-FA41-BA7F-BBB6EB7BEC8E}"/>
              </a:ext>
            </a:extLst>
          </p:cNvPr>
          <p:cNvSpPr/>
          <p:nvPr/>
        </p:nvSpPr>
        <p:spPr>
          <a:xfrm rot="16451841" flipH="1" flipV="1">
            <a:off x="6621958" y="2653152"/>
            <a:ext cx="2791964" cy="207205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43" name="Rectangle 42">
            <a:extLst>
              <a:ext uri="{FF2B5EF4-FFF2-40B4-BE49-F238E27FC236}">
                <a16:creationId xmlns:a16="http://schemas.microsoft.com/office/drawing/2014/main" id="{C1431667-328D-A940-8529-DF8A651E7098}"/>
              </a:ext>
            </a:extLst>
          </p:cNvPr>
          <p:cNvSpPr>
            <a:spLocks noChangeAspect="1"/>
          </p:cNvSpPr>
          <p:nvPr/>
        </p:nvSpPr>
        <p:spPr>
          <a:xfrm>
            <a:off x="6572928" y="2965143"/>
            <a:ext cx="1293371" cy="1097280"/>
          </a:xfrm>
          <a:prstGeom prst="rect">
            <a:avLst/>
          </a:prstGeom>
          <a:solidFill>
            <a:schemeClr val="bg1"/>
          </a:solidFill>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400">
              <a:defRPr/>
            </a:pPr>
            <a:r>
              <a:rPr lang="en-US" sz="1050" dirty="0">
                <a:solidFill>
                  <a:schemeClr val="tx1">
                    <a:lumMod val="75000"/>
                    <a:lumOff val="25000"/>
                  </a:schemeClr>
                </a:solidFill>
              </a:rPr>
              <a:t>Are there any impediments preventing us from meeting our commitments/</a:t>
            </a:r>
            <a:br>
              <a:rPr lang="en-US" sz="1050" dirty="0">
                <a:solidFill>
                  <a:schemeClr val="tx1">
                    <a:lumMod val="75000"/>
                    <a:lumOff val="25000"/>
                  </a:schemeClr>
                </a:solidFill>
              </a:rPr>
            </a:br>
            <a:r>
              <a:rPr lang="en-US" sz="1050" dirty="0">
                <a:solidFill>
                  <a:schemeClr val="tx1">
                    <a:lumMod val="75000"/>
                    <a:lumOff val="25000"/>
                  </a:schemeClr>
                </a:solidFill>
              </a:rPr>
              <a:t>plan?</a:t>
            </a:r>
          </a:p>
        </p:txBody>
      </p:sp>
      <p:sp>
        <p:nvSpPr>
          <p:cNvPr id="44" name="Rectangle 43">
            <a:extLst>
              <a:ext uri="{FF2B5EF4-FFF2-40B4-BE49-F238E27FC236}">
                <a16:creationId xmlns:a16="http://schemas.microsoft.com/office/drawing/2014/main" id="{0932B526-DCB7-A04E-B836-E8340B04CB00}"/>
              </a:ext>
            </a:extLst>
          </p:cNvPr>
          <p:cNvSpPr>
            <a:spLocks noChangeAspect="1"/>
          </p:cNvSpPr>
          <p:nvPr/>
        </p:nvSpPr>
        <p:spPr>
          <a:xfrm>
            <a:off x="7991253" y="2965143"/>
            <a:ext cx="1293371" cy="1097280"/>
          </a:xfrm>
          <a:prstGeom prst="rect">
            <a:avLst/>
          </a:prstGeom>
          <a:solidFill>
            <a:schemeClr val="bg1"/>
          </a:solidFill>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400">
              <a:defRPr/>
            </a:pPr>
            <a:r>
              <a:rPr lang="en-US" sz="1050" dirty="0">
                <a:solidFill>
                  <a:schemeClr val="tx1">
                    <a:lumMod val="75000"/>
                    <a:lumOff val="25000"/>
                  </a:schemeClr>
                </a:solidFill>
              </a:rPr>
              <a:t>What are the differences from the proposed plan? More complexity? Capacity?</a:t>
            </a:r>
          </a:p>
        </p:txBody>
      </p:sp>
      <p:sp>
        <p:nvSpPr>
          <p:cNvPr id="45" name="Rectangle 44">
            <a:extLst>
              <a:ext uri="{FF2B5EF4-FFF2-40B4-BE49-F238E27FC236}">
                <a16:creationId xmlns:a16="http://schemas.microsoft.com/office/drawing/2014/main" id="{211F3165-1E06-374F-AABC-FC281DDC8BE0}"/>
              </a:ext>
            </a:extLst>
          </p:cNvPr>
          <p:cNvSpPr>
            <a:spLocks noChangeAspect="1"/>
          </p:cNvSpPr>
          <p:nvPr/>
        </p:nvSpPr>
        <p:spPr>
          <a:xfrm>
            <a:off x="5154603" y="2965143"/>
            <a:ext cx="1293371" cy="1097280"/>
          </a:xfrm>
          <a:prstGeom prst="rect">
            <a:avLst/>
          </a:prstGeom>
          <a:solidFill>
            <a:schemeClr val="bg1"/>
          </a:solidFill>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dirty="0">
                <a:solidFill>
                  <a:schemeClr val="tx1">
                    <a:lumMod val="75000"/>
                    <a:lumOff val="25000"/>
                  </a:schemeClr>
                </a:solidFill>
              </a:rPr>
              <a:t>Are we managing and mitigating risks proactively?</a:t>
            </a:r>
          </a:p>
        </p:txBody>
      </p:sp>
      <p:sp>
        <p:nvSpPr>
          <p:cNvPr id="46" name="Rectangle 45">
            <a:extLst>
              <a:ext uri="{FF2B5EF4-FFF2-40B4-BE49-F238E27FC236}">
                <a16:creationId xmlns:a16="http://schemas.microsoft.com/office/drawing/2014/main" id="{6D19A1AC-DAA6-1A47-9ACC-E7DC5C2E81D9}"/>
              </a:ext>
            </a:extLst>
          </p:cNvPr>
          <p:cNvSpPr>
            <a:spLocks noChangeAspect="1"/>
          </p:cNvSpPr>
          <p:nvPr/>
        </p:nvSpPr>
        <p:spPr>
          <a:xfrm>
            <a:off x="9409579" y="2965143"/>
            <a:ext cx="1293371" cy="1097280"/>
          </a:xfrm>
          <a:prstGeom prst="rect">
            <a:avLst/>
          </a:prstGeom>
          <a:solidFill>
            <a:schemeClr val="bg1"/>
          </a:solidFill>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400">
              <a:defRPr/>
            </a:pPr>
            <a:r>
              <a:rPr lang="en-US" sz="1050" dirty="0">
                <a:solidFill>
                  <a:schemeClr val="tx1">
                    <a:lumMod val="75000"/>
                    <a:lumOff val="25000"/>
                  </a:schemeClr>
                </a:solidFill>
              </a:rPr>
              <a:t>Are we operating over capacity? Do we need to pull work back?</a:t>
            </a:r>
          </a:p>
        </p:txBody>
      </p:sp>
      <p:cxnSp>
        <p:nvCxnSpPr>
          <p:cNvPr id="47" name="Straight Connector 46">
            <a:extLst>
              <a:ext uri="{FF2B5EF4-FFF2-40B4-BE49-F238E27FC236}">
                <a16:creationId xmlns:a16="http://schemas.microsoft.com/office/drawing/2014/main" id="{AB676D57-833E-174C-B465-D9BA428E2DB7}"/>
              </a:ext>
            </a:extLst>
          </p:cNvPr>
          <p:cNvCxnSpPr/>
          <p:nvPr/>
        </p:nvCxnSpPr>
        <p:spPr>
          <a:xfrm flipV="1">
            <a:off x="8525175" y="5207674"/>
            <a:ext cx="871093" cy="4380"/>
          </a:xfrm>
          <a:prstGeom prst="line">
            <a:avLst/>
          </a:prstGeom>
          <a:ln w="19050">
            <a:solidFill>
              <a:schemeClr val="accent5"/>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8" name="Straight Connector 47">
            <a:extLst>
              <a:ext uri="{FF2B5EF4-FFF2-40B4-BE49-F238E27FC236}">
                <a16:creationId xmlns:a16="http://schemas.microsoft.com/office/drawing/2014/main" id="{15525168-5578-2C43-9863-4AD4A9304D7B}"/>
              </a:ext>
            </a:extLst>
          </p:cNvPr>
          <p:cNvCxnSpPr>
            <a:cxnSpLocks/>
          </p:cNvCxnSpPr>
          <p:nvPr/>
        </p:nvCxnSpPr>
        <p:spPr>
          <a:xfrm>
            <a:off x="4472853" y="2008794"/>
            <a:ext cx="0" cy="147192"/>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9" name="Straight Connector 48">
            <a:extLst>
              <a:ext uri="{FF2B5EF4-FFF2-40B4-BE49-F238E27FC236}">
                <a16:creationId xmlns:a16="http://schemas.microsoft.com/office/drawing/2014/main" id="{DB15C473-8F63-DC40-A9B6-5B57AE2BED46}"/>
              </a:ext>
            </a:extLst>
          </p:cNvPr>
          <p:cNvCxnSpPr/>
          <p:nvPr/>
        </p:nvCxnSpPr>
        <p:spPr>
          <a:xfrm>
            <a:off x="5634906" y="2008794"/>
            <a:ext cx="0" cy="147192"/>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0" name="Straight Connector 49">
            <a:extLst>
              <a:ext uri="{FF2B5EF4-FFF2-40B4-BE49-F238E27FC236}">
                <a16:creationId xmlns:a16="http://schemas.microsoft.com/office/drawing/2014/main" id="{8A2E87DD-4D55-4D41-8ABC-61ED0984BD23}"/>
              </a:ext>
            </a:extLst>
          </p:cNvPr>
          <p:cNvCxnSpPr/>
          <p:nvPr/>
        </p:nvCxnSpPr>
        <p:spPr>
          <a:xfrm>
            <a:off x="7873116" y="2008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52" name="Straight Connector 51">
            <a:extLst>
              <a:ext uri="{FF2B5EF4-FFF2-40B4-BE49-F238E27FC236}">
                <a16:creationId xmlns:a16="http://schemas.microsoft.com/office/drawing/2014/main" id="{8620AF14-8870-CC49-BFCF-AB7FE0C71F9E}"/>
              </a:ext>
            </a:extLst>
          </p:cNvPr>
          <p:cNvCxnSpPr/>
          <p:nvPr/>
        </p:nvCxnSpPr>
        <p:spPr>
          <a:xfrm>
            <a:off x="9986287" y="2008794"/>
            <a:ext cx="0" cy="147192"/>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53" name="Freeform 52">
            <a:extLst>
              <a:ext uri="{FF2B5EF4-FFF2-40B4-BE49-F238E27FC236}">
                <a16:creationId xmlns:a16="http://schemas.microsoft.com/office/drawing/2014/main" id="{6AED1A5B-8ACF-6041-92E0-A24F84F9A312}"/>
              </a:ext>
            </a:extLst>
          </p:cNvPr>
          <p:cNvSpPr/>
          <p:nvPr/>
        </p:nvSpPr>
        <p:spPr>
          <a:xfrm>
            <a:off x="8490041"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dirty="0">
                <a:latin typeface="+mj-lt"/>
              </a:rPr>
              <a:t>Epic</a:t>
            </a:r>
          </a:p>
          <a:p>
            <a:pPr algn="ctr"/>
            <a:r>
              <a:rPr lang="en-US" sz="700" b="1" cap="all" spc="70" dirty="0">
                <a:latin typeface="+mj-lt"/>
              </a:rPr>
              <a:t> validation</a:t>
            </a:r>
          </a:p>
        </p:txBody>
      </p:sp>
      <p:cxnSp>
        <p:nvCxnSpPr>
          <p:cNvPr id="54" name="Straight Connector 53">
            <a:extLst>
              <a:ext uri="{FF2B5EF4-FFF2-40B4-BE49-F238E27FC236}">
                <a16:creationId xmlns:a16="http://schemas.microsoft.com/office/drawing/2014/main" id="{196999CF-D4A3-BA46-AC08-22EEBFD752A7}"/>
              </a:ext>
            </a:extLst>
          </p:cNvPr>
          <p:cNvCxnSpPr/>
          <p:nvPr/>
        </p:nvCxnSpPr>
        <p:spPr>
          <a:xfrm flipV="1">
            <a:off x="8525128" y="1997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55" name="TextBox 54">
            <a:extLst>
              <a:ext uri="{FF2B5EF4-FFF2-40B4-BE49-F238E27FC236}">
                <a16:creationId xmlns:a16="http://schemas.microsoft.com/office/drawing/2014/main" id="{29853E32-8150-FA42-B638-7C87B6B0DE9D}"/>
              </a:ext>
            </a:extLst>
          </p:cNvPr>
          <p:cNvSpPr txBox="1"/>
          <p:nvPr/>
        </p:nvSpPr>
        <p:spPr>
          <a:xfrm>
            <a:off x="8273187" y="2209734"/>
            <a:ext cx="1461896" cy="200055"/>
          </a:xfrm>
          <a:prstGeom prst="rect">
            <a:avLst/>
          </a:prstGeom>
          <a:noFill/>
        </p:spPr>
        <p:txBody>
          <a:bodyPr wrap="square" rtlCol="0">
            <a:spAutoFit/>
          </a:bodyPr>
          <a:lstStyle/>
          <a:p>
            <a:pPr algn="ctr"/>
            <a:r>
              <a:rPr lang="en-US" sz="700" b="1" cap="all" spc="60" dirty="0">
                <a:solidFill>
                  <a:schemeClr val="accent1"/>
                </a:solidFill>
                <a:latin typeface="+mj-lt"/>
              </a:rPr>
              <a:t>validation</a:t>
            </a:r>
          </a:p>
        </p:txBody>
      </p:sp>
      <p:cxnSp>
        <p:nvCxnSpPr>
          <p:cNvPr id="56" name="Straight Connector 55">
            <a:extLst>
              <a:ext uri="{FF2B5EF4-FFF2-40B4-BE49-F238E27FC236}">
                <a16:creationId xmlns:a16="http://schemas.microsoft.com/office/drawing/2014/main" id="{FAFC41CC-E0A3-4E4F-850E-C3AFA00B3106}"/>
              </a:ext>
            </a:extLst>
          </p:cNvPr>
          <p:cNvCxnSpPr/>
          <p:nvPr/>
        </p:nvCxnSpPr>
        <p:spPr>
          <a:xfrm>
            <a:off x="8914677" y="2008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4" name="Slide Number Placeholder 3">
            <a:extLst>
              <a:ext uri="{FF2B5EF4-FFF2-40B4-BE49-F238E27FC236}">
                <a16:creationId xmlns:a16="http://schemas.microsoft.com/office/drawing/2014/main" id="{06423978-BFA4-5D49-A7EF-E915619FC24D}"/>
              </a:ext>
            </a:extLst>
          </p:cNvPr>
          <p:cNvSpPr>
            <a:spLocks noGrp="1"/>
          </p:cNvSpPr>
          <p:nvPr>
            <p:ph type="sldNum" sz="quarter" idx="4"/>
          </p:nvPr>
        </p:nvSpPr>
        <p:spPr/>
        <p:txBody>
          <a:bodyPr/>
          <a:lstStyle/>
          <a:p>
            <a:fld id="{742ED878-647B-DB4D-84DF-0BCCAF9DD0BF}" type="slidenum">
              <a:rPr lang="en-US" smtClean="0"/>
              <a:pPr/>
              <a:t>27</a:t>
            </a:fld>
            <a:endParaRPr lang="en-US" dirty="0"/>
          </a:p>
        </p:txBody>
      </p:sp>
      <p:sp>
        <p:nvSpPr>
          <p:cNvPr id="57" name="Freeform 56">
            <a:extLst>
              <a:ext uri="{FF2B5EF4-FFF2-40B4-BE49-F238E27FC236}">
                <a16:creationId xmlns:a16="http://schemas.microsoft.com/office/drawing/2014/main" id="{C3609E3A-0181-9147-9679-1E9B6EDBD76A}"/>
              </a:ext>
            </a:extLst>
          </p:cNvPr>
          <p:cNvSpPr/>
          <p:nvPr/>
        </p:nvSpPr>
        <p:spPr>
          <a:xfrm>
            <a:off x="5403800" y="6118001"/>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Make </a:t>
            </a:r>
            <a:br>
              <a:rPr lang="en-US" sz="700" b="1" cap="all" spc="70">
                <a:latin typeface="+mj-lt"/>
              </a:rPr>
            </a:br>
            <a:r>
              <a:rPr lang="en-US" sz="700" b="1" cap="all" spc="70">
                <a:latin typeface="+mj-lt"/>
              </a:rPr>
              <a:t>Ready</a:t>
            </a:r>
          </a:p>
        </p:txBody>
      </p:sp>
      <p:sp>
        <p:nvSpPr>
          <p:cNvPr id="58" name="Freeform 57">
            <a:extLst>
              <a:ext uri="{FF2B5EF4-FFF2-40B4-BE49-F238E27FC236}">
                <a16:creationId xmlns:a16="http://schemas.microsoft.com/office/drawing/2014/main" id="{5518AFB7-D42D-684D-84CA-0BBC3BE7C671}"/>
              </a:ext>
            </a:extLst>
          </p:cNvPr>
          <p:cNvSpPr/>
          <p:nvPr/>
        </p:nvSpPr>
        <p:spPr>
          <a:xfrm>
            <a:off x="64333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Ready</a:t>
            </a:r>
          </a:p>
        </p:txBody>
      </p:sp>
      <p:sp>
        <p:nvSpPr>
          <p:cNvPr id="59" name="Freeform 58">
            <a:extLst>
              <a:ext uri="{FF2B5EF4-FFF2-40B4-BE49-F238E27FC236}">
                <a16:creationId xmlns:a16="http://schemas.microsoft.com/office/drawing/2014/main" id="{96DFC804-39DC-D148-9ABE-92D3C71500C6}"/>
              </a:ext>
            </a:extLst>
          </p:cNvPr>
          <p:cNvSpPr/>
          <p:nvPr/>
        </p:nvSpPr>
        <p:spPr>
          <a:xfrm>
            <a:off x="746290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60" name="Freeform 59">
            <a:extLst>
              <a:ext uri="{FF2B5EF4-FFF2-40B4-BE49-F238E27FC236}">
                <a16:creationId xmlns:a16="http://schemas.microsoft.com/office/drawing/2014/main" id="{732DF7BB-1036-F247-8317-B3BB06FBFBD7}"/>
              </a:ext>
            </a:extLst>
          </p:cNvPr>
          <p:cNvSpPr/>
          <p:nvPr/>
        </p:nvSpPr>
        <p:spPr>
          <a:xfrm>
            <a:off x="84924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a:t>
            </a:r>
            <a:br>
              <a:rPr lang="en-US" sz="700" b="1" cap="all" spc="70">
                <a:latin typeface="+mj-lt"/>
              </a:rPr>
            </a:br>
            <a:r>
              <a:rPr lang="en-US" sz="700" b="1" cap="all" spc="70">
                <a:latin typeface="+mj-lt"/>
              </a:rPr>
              <a:t>Done</a:t>
            </a:r>
          </a:p>
        </p:txBody>
      </p:sp>
      <p:sp>
        <p:nvSpPr>
          <p:cNvPr id="61" name="Freeform 60">
            <a:extLst>
              <a:ext uri="{FF2B5EF4-FFF2-40B4-BE49-F238E27FC236}">
                <a16:creationId xmlns:a16="http://schemas.microsoft.com/office/drawing/2014/main" id="{0D1D1875-57DA-5945-8AA6-3FF974EA1E61}"/>
              </a:ext>
            </a:extLst>
          </p:cNvPr>
          <p:cNvSpPr/>
          <p:nvPr/>
        </p:nvSpPr>
        <p:spPr>
          <a:xfrm>
            <a:off x="9522002" y="611800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Story</a:t>
            </a:r>
            <a:br>
              <a:rPr lang="en-US" sz="700" b="1" cap="all" spc="70">
                <a:latin typeface="+mj-lt"/>
              </a:rPr>
            </a:br>
            <a:r>
              <a:rPr lang="en-US" sz="700" b="1" cap="all" spc="70">
                <a:latin typeface="+mj-lt"/>
              </a:rPr>
              <a:t>Accepted</a:t>
            </a:r>
          </a:p>
        </p:txBody>
      </p:sp>
      <p:cxnSp>
        <p:nvCxnSpPr>
          <p:cNvPr id="62" name="Straight Connector 61">
            <a:extLst>
              <a:ext uri="{FF2B5EF4-FFF2-40B4-BE49-F238E27FC236}">
                <a16:creationId xmlns:a16="http://schemas.microsoft.com/office/drawing/2014/main" id="{A62D41DD-126C-194E-A003-0E49A076124D}"/>
              </a:ext>
            </a:extLst>
          </p:cNvPr>
          <p:cNvCxnSpPr/>
          <p:nvPr/>
        </p:nvCxnSpPr>
        <p:spPr>
          <a:xfrm>
            <a:off x="6415081" y="5420191"/>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3" name="Straight Connector 62">
            <a:extLst>
              <a:ext uri="{FF2B5EF4-FFF2-40B4-BE49-F238E27FC236}">
                <a16:creationId xmlns:a16="http://schemas.microsoft.com/office/drawing/2014/main" id="{B10CCC40-DF10-F04F-8AC9-28B0CDA8D099}"/>
              </a:ext>
            </a:extLst>
          </p:cNvPr>
          <p:cNvCxnSpPr/>
          <p:nvPr/>
        </p:nvCxnSpPr>
        <p:spPr>
          <a:xfrm>
            <a:off x="7913728" y="5420191"/>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4" name="Straight Connector 63">
            <a:extLst>
              <a:ext uri="{FF2B5EF4-FFF2-40B4-BE49-F238E27FC236}">
                <a16:creationId xmlns:a16="http://schemas.microsoft.com/office/drawing/2014/main" id="{49B5BE92-5A52-404E-8B80-9C41E966BFD6}"/>
              </a:ext>
            </a:extLst>
          </p:cNvPr>
          <p:cNvCxnSpPr/>
          <p:nvPr/>
        </p:nvCxnSpPr>
        <p:spPr>
          <a:xfrm>
            <a:off x="5467186" y="603104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5" name="Straight Connector 64">
            <a:extLst>
              <a:ext uri="{FF2B5EF4-FFF2-40B4-BE49-F238E27FC236}">
                <a16:creationId xmlns:a16="http://schemas.microsoft.com/office/drawing/2014/main" id="{20405453-C576-E549-A01C-B12F5463D79F}"/>
              </a:ext>
            </a:extLst>
          </p:cNvPr>
          <p:cNvCxnSpPr/>
          <p:nvPr/>
        </p:nvCxnSpPr>
        <p:spPr>
          <a:xfrm>
            <a:off x="6415081" y="5883852"/>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6" name="Straight Connector 65">
            <a:extLst>
              <a:ext uri="{FF2B5EF4-FFF2-40B4-BE49-F238E27FC236}">
                <a16:creationId xmlns:a16="http://schemas.microsoft.com/office/drawing/2014/main" id="{26A7AA09-5E28-8643-8561-7471345FFF84}"/>
              </a:ext>
            </a:extLst>
          </p:cNvPr>
          <p:cNvCxnSpPr/>
          <p:nvPr/>
        </p:nvCxnSpPr>
        <p:spPr>
          <a:xfrm flipV="1">
            <a:off x="7491111" y="6026730"/>
            <a:ext cx="2994678" cy="4314"/>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7" name="Straight Connector 66">
            <a:extLst>
              <a:ext uri="{FF2B5EF4-FFF2-40B4-BE49-F238E27FC236}">
                <a16:creationId xmlns:a16="http://schemas.microsoft.com/office/drawing/2014/main" id="{BE0844C1-8AAF-B749-B921-C459A8BBAA4F}"/>
              </a:ext>
            </a:extLst>
          </p:cNvPr>
          <p:cNvCxnSpPr/>
          <p:nvPr/>
        </p:nvCxnSpPr>
        <p:spPr>
          <a:xfrm>
            <a:off x="7917475" y="5883852"/>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68" name="TextBox 67">
            <a:extLst>
              <a:ext uri="{FF2B5EF4-FFF2-40B4-BE49-F238E27FC236}">
                <a16:creationId xmlns:a16="http://schemas.microsoft.com/office/drawing/2014/main" id="{522EB2B5-ADAB-CE45-8953-0B4BF93A2D43}"/>
              </a:ext>
            </a:extLst>
          </p:cNvPr>
          <p:cNvSpPr txBox="1"/>
          <p:nvPr/>
        </p:nvSpPr>
        <p:spPr>
          <a:xfrm>
            <a:off x="4172105" y="5952808"/>
            <a:ext cx="1050483" cy="400109"/>
          </a:xfrm>
          <a:prstGeom prst="rect">
            <a:avLst/>
          </a:prstGeom>
          <a:noFill/>
        </p:spPr>
        <p:txBody>
          <a:bodyPr wrap="square" rtlCol="0">
            <a:spAutoFit/>
          </a:bodyPr>
          <a:lstStyle/>
          <a:p>
            <a:pPr algn="ctr"/>
            <a:r>
              <a:rPr lang="en-US" sz="1000" b="1" cap="all" spc="100">
                <a:latin typeface="+mj-lt"/>
              </a:rPr>
              <a:t>Delivery</a:t>
            </a:r>
          </a:p>
          <a:p>
            <a:pPr algn="ctr"/>
            <a:r>
              <a:rPr lang="en-US" sz="1000" b="1" cap="all" spc="100">
                <a:latin typeface="+mj-lt"/>
              </a:rPr>
              <a:t>TEAM</a:t>
            </a:r>
          </a:p>
        </p:txBody>
      </p:sp>
      <p:sp>
        <p:nvSpPr>
          <p:cNvPr id="69" name="TextBox 68">
            <a:extLst>
              <a:ext uri="{FF2B5EF4-FFF2-40B4-BE49-F238E27FC236}">
                <a16:creationId xmlns:a16="http://schemas.microsoft.com/office/drawing/2014/main" id="{E7B56843-F3B6-D54D-A2D0-3879A6ED79D2}"/>
              </a:ext>
            </a:extLst>
          </p:cNvPr>
          <p:cNvSpPr txBox="1"/>
          <p:nvPr/>
        </p:nvSpPr>
        <p:spPr>
          <a:xfrm>
            <a:off x="5684798" y="5660499"/>
            <a:ext cx="1461896" cy="200055"/>
          </a:xfrm>
          <a:prstGeom prst="rect">
            <a:avLst/>
          </a:prstGeom>
          <a:noFill/>
        </p:spPr>
        <p:txBody>
          <a:bodyPr wrap="square" rtlCol="0">
            <a:spAutoFit/>
          </a:bodyPr>
          <a:lstStyle/>
          <a:p>
            <a:pPr algn="ctr"/>
            <a:r>
              <a:rPr lang="en-US" sz="700" b="1" cap="all" spc="60" dirty="0">
                <a:latin typeface="+mj-lt"/>
              </a:rPr>
              <a:t>Demand Planning</a:t>
            </a:r>
          </a:p>
        </p:txBody>
      </p:sp>
      <p:sp>
        <p:nvSpPr>
          <p:cNvPr id="70" name="TextBox 69">
            <a:extLst>
              <a:ext uri="{FF2B5EF4-FFF2-40B4-BE49-F238E27FC236}">
                <a16:creationId xmlns:a16="http://schemas.microsoft.com/office/drawing/2014/main" id="{7FA25223-9DC0-444A-B1BD-9232EF9B861E}"/>
              </a:ext>
            </a:extLst>
          </p:cNvPr>
          <p:cNvSpPr txBox="1"/>
          <p:nvPr/>
        </p:nvSpPr>
        <p:spPr>
          <a:xfrm>
            <a:off x="7388651" y="5662315"/>
            <a:ext cx="1737697" cy="200055"/>
          </a:xfrm>
          <a:prstGeom prst="rect">
            <a:avLst/>
          </a:prstGeom>
          <a:noFill/>
        </p:spPr>
        <p:txBody>
          <a:bodyPr wrap="square" rtlCol="0">
            <a:spAutoFit/>
          </a:bodyPr>
          <a:lstStyle/>
          <a:p>
            <a:pPr algn="ctr"/>
            <a:r>
              <a:rPr lang="en-US" sz="700" b="1" cap="all" spc="60">
                <a:solidFill>
                  <a:schemeClr val="accent1"/>
                </a:solidFill>
                <a:latin typeface="+mj-lt"/>
              </a:rPr>
              <a:t>Execution &amp; Accountability</a:t>
            </a:r>
          </a:p>
        </p:txBody>
      </p:sp>
      <p:sp>
        <p:nvSpPr>
          <p:cNvPr id="71" name="TextBox 70">
            <a:extLst>
              <a:ext uri="{FF2B5EF4-FFF2-40B4-BE49-F238E27FC236}">
                <a16:creationId xmlns:a16="http://schemas.microsoft.com/office/drawing/2014/main" id="{90517FBF-007E-EB46-BC24-670A1D98CB69}"/>
              </a:ext>
            </a:extLst>
          </p:cNvPr>
          <p:cNvSpPr txBox="1"/>
          <p:nvPr/>
        </p:nvSpPr>
        <p:spPr>
          <a:xfrm>
            <a:off x="3959184" y="6298357"/>
            <a:ext cx="1476324" cy="215444"/>
          </a:xfrm>
          <a:prstGeom prst="rect">
            <a:avLst/>
          </a:prstGeom>
          <a:noFill/>
        </p:spPr>
        <p:txBody>
          <a:bodyPr wrap="square" rtlCol="0">
            <a:spAutoFit/>
          </a:bodyPr>
          <a:lstStyle/>
          <a:p>
            <a:pPr algn="ctr"/>
            <a:r>
              <a:rPr lang="en-US" sz="800" i="1" spc="100">
                <a:solidFill>
                  <a:schemeClr val="tx2"/>
                </a:solidFill>
              </a:rPr>
              <a:t>Story | Scrum</a:t>
            </a:r>
          </a:p>
        </p:txBody>
      </p:sp>
    </p:spTree>
    <p:extLst>
      <p:ext uri="{BB962C8B-B14F-4D97-AF65-F5344CB8AC3E}">
        <p14:creationId xmlns:p14="http://schemas.microsoft.com/office/powerpoint/2010/main" val="171782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Measure Effectiveness</a:t>
            </a:r>
          </a:p>
        </p:txBody>
      </p:sp>
      <p:sp>
        <p:nvSpPr>
          <p:cNvPr id="85" name="Freeform 84">
            <a:extLst>
              <a:ext uri="{FF2B5EF4-FFF2-40B4-BE49-F238E27FC236}">
                <a16:creationId xmlns:a16="http://schemas.microsoft.com/office/drawing/2014/main" id="{2C46D255-060F-A34B-BC19-EBAAB4FBAF94}"/>
              </a:ext>
            </a:extLst>
          </p:cNvPr>
          <p:cNvSpPr/>
          <p:nvPr/>
        </p:nvSpPr>
        <p:spPr>
          <a:xfrm>
            <a:off x="3415505" y="1527478"/>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Portfolio alignment</a:t>
            </a:r>
          </a:p>
        </p:txBody>
      </p:sp>
      <p:sp>
        <p:nvSpPr>
          <p:cNvPr id="86" name="Freeform 85">
            <a:extLst>
              <a:ext uri="{FF2B5EF4-FFF2-40B4-BE49-F238E27FC236}">
                <a16:creationId xmlns:a16="http://schemas.microsoft.com/office/drawing/2014/main" id="{9802BBA1-A5FA-5747-967B-FAE5C2BD583B}"/>
              </a:ext>
            </a:extLst>
          </p:cNvPr>
          <p:cNvSpPr/>
          <p:nvPr/>
        </p:nvSpPr>
        <p:spPr>
          <a:xfrm>
            <a:off x="4412826"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56" dirty="0">
                <a:latin typeface="+mj-lt"/>
              </a:rPr>
              <a:t>Portfolio Prioritization</a:t>
            </a:r>
          </a:p>
        </p:txBody>
      </p:sp>
      <p:sp>
        <p:nvSpPr>
          <p:cNvPr id="90" name="Freeform 89">
            <a:extLst>
              <a:ext uri="{FF2B5EF4-FFF2-40B4-BE49-F238E27FC236}">
                <a16:creationId xmlns:a16="http://schemas.microsoft.com/office/drawing/2014/main" id="{5650C4FC-59DB-9D43-A1F2-E07823C7A255}"/>
              </a:ext>
            </a:extLst>
          </p:cNvPr>
          <p:cNvSpPr/>
          <p:nvPr/>
        </p:nvSpPr>
        <p:spPr>
          <a:xfrm>
            <a:off x="5432130"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finition</a:t>
            </a:r>
          </a:p>
        </p:txBody>
      </p:sp>
      <p:sp>
        <p:nvSpPr>
          <p:cNvPr id="94" name="Freeform 93">
            <a:extLst>
              <a:ext uri="{FF2B5EF4-FFF2-40B4-BE49-F238E27FC236}">
                <a16:creationId xmlns:a16="http://schemas.microsoft.com/office/drawing/2014/main" id="{34B35300-474E-C04B-BD99-0BC41589F630}"/>
              </a:ext>
            </a:extLst>
          </p:cNvPr>
          <p:cNvSpPr/>
          <p:nvPr/>
        </p:nvSpPr>
        <p:spPr>
          <a:xfrm>
            <a:off x="6451434"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Targeting</a:t>
            </a:r>
          </a:p>
        </p:txBody>
      </p:sp>
      <p:sp>
        <p:nvSpPr>
          <p:cNvPr id="95" name="Freeform 94">
            <a:extLst>
              <a:ext uri="{FF2B5EF4-FFF2-40B4-BE49-F238E27FC236}">
                <a16:creationId xmlns:a16="http://schemas.microsoft.com/office/drawing/2014/main" id="{F80F4AE0-802A-2741-A8DB-D8826C66CF56}"/>
              </a:ext>
            </a:extLst>
          </p:cNvPr>
          <p:cNvSpPr/>
          <p:nvPr/>
        </p:nvSpPr>
        <p:spPr>
          <a:xfrm>
            <a:off x="7470738"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15" name="Freeform 114">
            <a:extLst>
              <a:ext uri="{FF2B5EF4-FFF2-40B4-BE49-F238E27FC236}">
                <a16:creationId xmlns:a16="http://schemas.microsoft.com/office/drawing/2014/main" id="{D7486A4D-354B-1442-A195-223E385CB320}"/>
              </a:ext>
            </a:extLst>
          </p:cNvPr>
          <p:cNvSpPr/>
          <p:nvPr/>
        </p:nvSpPr>
        <p:spPr>
          <a:xfrm>
            <a:off x="9509348" y="152926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Completed</a:t>
            </a:r>
          </a:p>
        </p:txBody>
      </p:sp>
      <p:cxnSp>
        <p:nvCxnSpPr>
          <p:cNvPr id="120" name="Straight Connector 119">
            <a:extLst>
              <a:ext uri="{FF2B5EF4-FFF2-40B4-BE49-F238E27FC236}">
                <a16:creationId xmlns:a16="http://schemas.microsoft.com/office/drawing/2014/main" id="{241A0093-5532-CD4E-BD5F-88B2B87ABAD9}"/>
              </a:ext>
            </a:extLst>
          </p:cNvPr>
          <p:cNvCxnSpPr>
            <a:cxnSpLocks/>
          </p:cNvCxnSpPr>
          <p:nvPr/>
        </p:nvCxnSpPr>
        <p:spPr>
          <a:xfrm>
            <a:off x="3475486" y="1997580"/>
            <a:ext cx="1863146" cy="1"/>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3" name="Straight Connector 122">
            <a:extLst>
              <a:ext uri="{FF2B5EF4-FFF2-40B4-BE49-F238E27FC236}">
                <a16:creationId xmlns:a16="http://schemas.microsoft.com/office/drawing/2014/main" id="{CC0E7C9B-35B2-EB42-850A-E1DECD22A761}"/>
              </a:ext>
            </a:extLst>
          </p:cNvPr>
          <p:cNvCxnSpPr/>
          <p:nvPr/>
        </p:nvCxnSpPr>
        <p:spPr>
          <a:xfrm flipV="1">
            <a:off x="5452899" y="1997579"/>
            <a:ext cx="871093" cy="4380"/>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4" name="Straight Connector 123">
            <a:extLst>
              <a:ext uri="{FF2B5EF4-FFF2-40B4-BE49-F238E27FC236}">
                <a16:creationId xmlns:a16="http://schemas.microsoft.com/office/drawing/2014/main" id="{F3CA3256-0244-7148-BC34-E698D0A141E4}"/>
              </a:ext>
            </a:extLst>
          </p:cNvPr>
          <p:cNvCxnSpPr/>
          <p:nvPr/>
        </p:nvCxnSpPr>
        <p:spPr>
          <a:xfrm>
            <a:off x="6797936" y="1997579"/>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9" name="Straight Connector 128">
            <a:extLst>
              <a:ext uri="{FF2B5EF4-FFF2-40B4-BE49-F238E27FC236}">
                <a16:creationId xmlns:a16="http://schemas.microsoft.com/office/drawing/2014/main" id="{4F7648BA-AA49-4A4D-BC99-1FA66C3DFF53}"/>
              </a:ext>
            </a:extLst>
          </p:cNvPr>
          <p:cNvCxnSpPr/>
          <p:nvPr/>
        </p:nvCxnSpPr>
        <p:spPr>
          <a:xfrm flipV="1">
            <a:off x="7483568" y="1997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34" name="Straight Connector 133">
            <a:extLst>
              <a:ext uri="{FF2B5EF4-FFF2-40B4-BE49-F238E27FC236}">
                <a16:creationId xmlns:a16="http://schemas.microsoft.com/office/drawing/2014/main" id="{331B5621-517F-2848-85FB-B6C83AA61B76}"/>
              </a:ext>
            </a:extLst>
          </p:cNvPr>
          <p:cNvCxnSpPr/>
          <p:nvPr/>
        </p:nvCxnSpPr>
        <p:spPr>
          <a:xfrm>
            <a:off x="9538593" y="1997579"/>
            <a:ext cx="962882"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35" name="TextBox 134">
            <a:extLst>
              <a:ext uri="{FF2B5EF4-FFF2-40B4-BE49-F238E27FC236}">
                <a16:creationId xmlns:a16="http://schemas.microsoft.com/office/drawing/2014/main" id="{AA34905F-605E-E64F-8642-D3529C5DA06F}"/>
              </a:ext>
            </a:extLst>
          </p:cNvPr>
          <p:cNvSpPr txBox="1"/>
          <p:nvPr/>
        </p:nvSpPr>
        <p:spPr>
          <a:xfrm>
            <a:off x="2085114" y="1475908"/>
            <a:ext cx="1050483" cy="400109"/>
          </a:xfrm>
          <a:prstGeom prst="rect">
            <a:avLst/>
          </a:prstGeom>
          <a:noFill/>
        </p:spPr>
        <p:txBody>
          <a:bodyPr wrap="square" rtlCol="0">
            <a:spAutoFit/>
          </a:bodyPr>
          <a:lstStyle/>
          <a:p>
            <a:pPr algn="ctr"/>
            <a:r>
              <a:rPr lang="en-US" sz="1000" b="1" cap="all" spc="100" dirty="0">
                <a:latin typeface="+mj-lt"/>
              </a:rPr>
              <a:t>PORTFOLIO TEAM</a:t>
            </a:r>
          </a:p>
        </p:txBody>
      </p:sp>
      <p:sp>
        <p:nvSpPr>
          <p:cNvPr id="145" name="TextBox 144">
            <a:extLst>
              <a:ext uri="{FF2B5EF4-FFF2-40B4-BE49-F238E27FC236}">
                <a16:creationId xmlns:a16="http://schemas.microsoft.com/office/drawing/2014/main" id="{7F45F1A6-6770-2640-A92B-B0BA5BD0C19B}"/>
              </a:ext>
            </a:extLst>
          </p:cNvPr>
          <p:cNvSpPr txBox="1"/>
          <p:nvPr/>
        </p:nvSpPr>
        <p:spPr>
          <a:xfrm>
            <a:off x="3475486" y="2209734"/>
            <a:ext cx="1461896" cy="200055"/>
          </a:xfrm>
          <a:prstGeom prst="rect">
            <a:avLst/>
          </a:prstGeom>
          <a:noFill/>
        </p:spPr>
        <p:txBody>
          <a:bodyPr wrap="square" rtlCol="0">
            <a:spAutoFit/>
          </a:bodyPr>
          <a:lstStyle/>
          <a:p>
            <a:pPr algn="ctr"/>
            <a:r>
              <a:rPr lang="en-US" sz="700" b="1" cap="all" spc="60">
                <a:solidFill>
                  <a:schemeClr val="accent2"/>
                </a:solidFill>
                <a:latin typeface="+mj-lt"/>
              </a:rPr>
              <a:t>Strategic Alignment</a:t>
            </a:r>
          </a:p>
        </p:txBody>
      </p:sp>
      <p:sp>
        <p:nvSpPr>
          <p:cNvPr id="146" name="TextBox 145">
            <a:extLst>
              <a:ext uri="{FF2B5EF4-FFF2-40B4-BE49-F238E27FC236}">
                <a16:creationId xmlns:a16="http://schemas.microsoft.com/office/drawing/2014/main" id="{9A8F99B7-3A25-FC46-AC88-6F95FD959845}"/>
              </a:ext>
            </a:extLst>
          </p:cNvPr>
          <p:cNvSpPr txBox="1"/>
          <p:nvPr/>
        </p:nvSpPr>
        <p:spPr>
          <a:xfrm>
            <a:off x="4721951" y="2209734"/>
            <a:ext cx="1461896" cy="200055"/>
          </a:xfrm>
          <a:prstGeom prst="rect">
            <a:avLst/>
          </a:prstGeom>
          <a:noFill/>
        </p:spPr>
        <p:txBody>
          <a:bodyPr wrap="square" rtlCol="0">
            <a:spAutoFit/>
          </a:bodyPr>
          <a:lstStyle/>
          <a:p>
            <a:pPr algn="ctr"/>
            <a:r>
              <a:rPr lang="en-US" sz="700" b="1" cap="all" spc="60">
                <a:solidFill>
                  <a:schemeClr val="accent4"/>
                </a:solidFill>
                <a:latin typeface="+mj-lt"/>
              </a:rPr>
              <a:t>Solution Vision</a:t>
            </a:r>
          </a:p>
        </p:txBody>
      </p:sp>
      <p:sp>
        <p:nvSpPr>
          <p:cNvPr id="147" name="TextBox 146">
            <a:extLst>
              <a:ext uri="{FF2B5EF4-FFF2-40B4-BE49-F238E27FC236}">
                <a16:creationId xmlns:a16="http://schemas.microsoft.com/office/drawing/2014/main" id="{F44EB770-9AD3-8C40-9C2F-42489E954886}"/>
              </a:ext>
            </a:extLst>
          </p:cNvPr>
          <p:cNvSpPr txBox="1"/>
          <p:nvPr/>
        </p:nvSpPr>
        <p:spPr>
          <a:xfrm>
            <a:off x="6002386" y="2209734"/>
            <a:ext cx="1461896" cy="200055"/>
          </a:xfrm>
          <a:prstGeom prst="rect">
            <a:avLst/>
          </a:prstGeom>
          <a:noFill/>
        </p:spPr>
        <p:txBody>
          <a:bodyPr wrap="square" rtlCol="0">
            <a:spAutoFit/>
          </a:bodyPr>
          <a:lstStyle/>
          <a:p>
            <a:pPr algn="ctr"/>
            <a:r>
              <a:rPr lang="en-US" sz="700" b="1" cap="all" spc="60">
                <a:latin typeface="+mj-lt"/>
              </a:rPr>
              <a:t>Demand Planning</a:t>
            </a:r>
          </a:p>
        </p:txBody>
      </p:sp>
      <p:sp>
        <p:nvSpPr>
          <p:cNvPr id="148" name="TextBox 147">
            <a:extLst>
              <a:ext uri="{FF2B5EF4-FFF2-40B4-BE49-F238E27FC236}">
                <a16:creationId xmlns:a16="http://schemas.microsoft.com/office/drawing/2014/main" id="{9DBD3809-C2C9-684B-B899-47F30998D672}"/>
              </a:ext>
            </a:extLst>
          </p:cNvPr>
          <p:cNvSpPr txBox="1"/>
          <p:nvPr/>
        </p:nvSpPr>
        <p:spPr>
          <a:xfrm>
            <a:off x="7191957" y="2209734"/>
            <a:ext cx="1461896" cy="200055"/>
          </a:xfrm>
          <a:prstGeom prst="rect">
            <a:avLst/>
          </a:prstGeom>
          <a:noFill/>
        </p:spPr>
        <p:txBody>
          <a:bodyPr wrap="square" rtlCol="0">
            <a:spAutoFit/>
          </a:bodyPr>
          <a:lstStyle/>
          <a:p>
            <a:pPr algn="ctr"/>
            <a:r>
              <a:rPr lang="en-US" sz="700" b="1" cap="all" spc="60">
                <a:solidFill>
                  <a:schemeClr val="accent1"/>
                </a:solidFill>
                <a:latin typeface="+mj-lt"/>
              </a:rPr>
              <a:t>Execution</a:t>
            </a:r>
          </a:p>
        </p:txBody>
      </p:sp>
      <p:sp>
        <p:nvSpPr>
          <p:cNvPr id="150" name="TextBox 149">
            <a:extLst>
              <a:ext uri="{FF2B5EF4-FFF2-40B4-BE49-F238E27FC236}">
                <a16:creationId xmlns:a16="http://schemas.microsoft.com/office/drawing/2014/main" id="{07A46F6B-0167-4E4D-90F4-03196E6A645C}"/>
              </a:ext>
            </a:extLst>
          </p:cNvPr>
          <p:cNvSpPr txBox="1"/>
          <p:nvPr/>
        </p:nvSpPr>
        <p:spPr>
          <a:xfrm>
            <a:off x="9289086" y="2205355"/>
            <a:ext cx="1461896" cy="200055"/>
          </a:xfrm>
          <a:prstGeom prst="rect">
            <a:avLst/>
          </a:prstGeom>
          <a:noFill/>
        </p:spPr>
        <p:txBody>
          <a:bodyPr wrap="square" rtlCol="0">
            <a:spAutoFit/>
          </a:bodyPr>
          <a:lstStyle/>
          <a:p>
            <a:pPr algn="ctr"/>
            <a:r>
              <a:rPr lang="en-US" sz="700" b="1" cap="all" spc="60">
                <a:solidFill>
                  <a:schemeClr val="accent6"/>
                </a:solidFill>
                <a:latin typeface="+mj-lt"/>
              </a:rPr>
              <a:t>MEASURE EFFECTIVENESS</a:t>
            </a:r>
          </a:p>
        </p:txBody>
      </p:sp>
      <p:sp>
        <p:nvSpPr>
          <p:cNvPr id="151" name="TextBox 150">
            <a:extLst>
              <a:ext uri="{FF2B5EF4-FFF2-40B4-BE49-F238E27FC236}">
                <a16:creationId xmlns:a16="http://schemas.microsoft.com/office/drawing/2014/main" id="{018F5470-100D-6348-9931-3EA138DE722E}"/>
              </a:ext>
            </a:extLst>
          </p:cNvPr>
          <p:cNvSpPr txBox="1"/>
          <p:nvPr/>
        </p:nvSpPr>
        <p:spPr>
          <a:xfrm>
            <a:off x="1872193" y="1797170"/>
            <a:ext cx="1476324" cy="215444"/>
          </a:xfrm>
          <a:prstGeom prst="rect">
            <a:avLst/>
          </a:prstGeom>
          <a:noFill/>
        </p:spPr>
        <p:txBody>
          <a:bodyPr wrap="square" rtlCol="0">
            <a:spAutoFit/>
          </a:bodyPr>
          <a:lstStyle/>
          <a:p>
            <a:pPr algn="ctr"/>
            <a:r>
              <a:rPr lang="en-US" sz="800" i="1" spc="100">
                <a:solidFill>
                  <a:schemeClr val="tx2"/>
                </a:solidFill>
              </a:rPr>
              <a:t>Epic | Kanban</a:t>
            </a:r>
          </a:p>
        </p:txBody>
      </p:sp>
      <p:cxnSp>
        <p:nvCxnSpPr>
          <p:cNvPr id="152" name="Straight Connector 151">
            <a:extLst>
              <a:ext uri="{FF2B5EF4-FFF2-40B4-BE49-F238E27FC236}">
                <a16:creationId xmlns:a16="http://schemas.microsoft.com/office/drawing/2014/main" id="{FAF20B72-7302-944F-B88A-973C12CCBCD0}"/>
              </a:ext>
            </a:extLst>
          </p:cNvPr>
          <p:cNvCxnSpPr/>
          <p:nvPr/>
        </p:nvCxnSpPr>
        <p:spPr>
          <a:xfrm>
            <a:off x="3425231" y="5216434"/>
            <a:ext cx="869216" cy="0"/>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3" name="Straight Connector 152">
            <a:extLst>
              <a:ext uri="{FF2B5EF4-FFF2-40B4-BE49-F238E27FC236}">
                <a16:creationId xmlns:a16="http://schemas.microsoft.com/office/drawing/2014/main" id="{54BFE844-2480-E146-BC78-0249546030D6}"/>
              </a:ext>
            </a:extLst>
          </p:cNvPr>
          <p:cNvCxnSpPr/>
          <p:nvPr/>
        </p:nvCxnSpPr>
        <p:spPr>
          <a:xfrm flipV="1">
            <a:off x="4438688" y="5213627"/>
            <a:ext cx="886080" cy="2807"/>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4" name="Straight Connector 153">
            <a:extLst>
              <a:ext uri="{FF2B5EF4-FFF2-40B4-BE49-F238E27FC236}">
                <a16:creationId xmlns:a16="http://schemas.microsoft.com/office/drawing/2014/main" id="{03B9C93B-2180-3046-B63E-AC2F58948BE2}"/>
              </a:ext>
            </a:extLst>
          </p:cNvPr>
          <p:cNvCxnSpPr/>
          <p:nvPr/>
        </p:nvCxnSpPr>
        <p:spPr>
          <a:xfrm>
            <a:off x="5446529" y="521643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5" name="Straight Connector 154">
            <a:extLst>
              <a:ext uri="{FF2B5EF4-FFF2-40B4-BE49-F238E27FC236}">
                <a16:creationId xmlns:a16="http://schemas.microsoft.com/office/drawing/2014/main" id="{8A218324-7FB2-4245-8BEA-9589FD02C715}"/>
              </a:ext>
            </a:extLst>
          </p:cNvPr>
          <p:cNvCxnSpPr/>
          <p:nvPr/>
        </p:nvCxnSpPr>
        <p:spPr>
          <a:xfrm flipV="1">
            <a:off x="7504173" y="5212054"/>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7" name="Straight Connector 156">
            <a:extLst>
              <a:ext uri="{FF2B5EF4-FFF2-40B4-BE49-F238E27FC236}">
                <a16:creationId xmlns:a16="http://schemas.microsoft.com/office/drawing/2014/main" id="{0E50CFE9-FB5B-F34F-9112-CAB22B521241}"/>
              </a:ext>
            </a:extLst>
          </p:cNvPr>
          <p:cNvCxnSpPr>
            <a:cxnSpLocks/>
          </p:cNvCxnSpPr>
          <p:nvPr/>
        </p:nvCxnSpPr>
        <p:spPr>
          <a:xfrm>
            <a:off x="9543463" y="5216434"/>
            <a:ext cx="1012838"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58" name="TextBox 157">
            <a:extLst>
              <a:ext uri="{FF2B5EF4-FFF2-40B4-BE49-F238E27FC236}">
                <a16:creationId xmlns:a16="http://schemas.microsoft.com/office/drawing/2014/main" id="{B831852C-385D-F244-A686-AABAC642C0CC}"/>
              </a:ext>
            </a:extLst>
          </p:cNvPr>
          <p:cNvSpPr txBox="1"/>
          <p:nvPr/>
        </p:nvSpPr>
        <p:spPr>
          <a:xfrm>
            <a:off x="2161828" y="5142837"/>
            <a:ext cx="1050483" cy="400109"/>
          </a:xfrm>
          <a:prstGeom prst="rect">
            <a:avLst/>
          </a:prstGeom>
          <a:noFill/>
        </p:spPr>
        <p:txBody>
          <a:bodyPr wrap="square" lIns="91440" tIns="45720" rIns="91440" bIns="45720" rtlCol="0" anchor="t">
            <a:spAutoFit/>
          </a:bodyPr>
          <a:lstStyle/>
          <a:p>
            <a:pPr algn="ctr"/>
            <a:r>
              <a:rPr lang="en-US" sz="1000" b="1" cap="all" spc="100" dirty="0">
                <a:latin typeface="+mj-lt"/>
              </a:rPr>
              <a:t>Product</a:t>
            </a:r>
            <a:endParaRPr lang="en-US" sz="1000" b="1" cap="all" spc="100" dirty="0">
              <a:latin typeface="+mj-lt"/>
              <a:cs typeface="Calibri Bold"/>
            </a:endParaRPr>
          </a:p>
          <a:p>
            <a:pPr algn="ctr"/>
            <a:r>
              <a:rPr lang="en-US" sz="1000" b="1" cap="all" spc="100" dirty="0">
                <a:latin typeface="+mj-lt"/>
              </a:rPr>
              <a:t>Team</a:t>
            </a:r>
            <a:endParaRPr lang="en-US" sz="1000" b="1" cap="all" spc="100" dirty="0">
              <a:latin typeface="+mj-lt"/>
              <a:cs typeface="Calibri Bold"/>
            </a:endParaRPr>
          </a:p>
        </p:txBody>
      </p:sp>
      <p:sp>
        <p:nvSpPr>
          <p:cNvPr id="159" name="Freeform 158">
            <a:extLst>
              <a:ext uri="{FF2B5EF4-FFF2-40B4-BE49-F238E27FC236}">
                <a16:creationId xmlns:a16="http://schemas.microsoft.com/office/drawing/2014/main" id="{EBA7F596-F5B1-DE42-889B-1D1A7AC2E837}"/>
              </a:ext>
            </a:extLst>
          </p:cNvPr>
          <p:cNvSpPr/>
          <p:nvPr/>
        </p:nvSpPr>
        <p:spPr>
          <a:xfrm>
            <a:off x="4412727"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sign</a:t>
            </a:r>
          </a:p>
        </p:txBody>
      </p:sp>
      <p:sp>
        <p:nvSpPr>
          <p:cNvPr id="160" name="Freeform 159">
            <a:extLst>
              <a:ext uri="{FF2B5EF4-FFF2-40B4-BE49-F238E27FC236}">
                <a16:creationId xmlns:a16="http://schemas.microsoft.com/office/drawing/2014/main" id="{80D5D53D-388B-CF45-8644-629F3CB1FA00}"/>
              </a:ext>
            </a:extLst>
          </p:cNvPr>
          <p:cNvSpPr/>
          <p:nvPr/>
        </p:nvSpPr>
        <p:spPr>
          <a:xfrm>
            <a:off x="5430350"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Planning</a:t>
            </a:r>
          </a:p>
        </p:txBody>
      </p:sp>
      <p:sp>
        <p:nvSpPr>
          <p:cNvPr id="161" name="Freeform 160">
            <a:extLst>
              <a:ext uri="{FF2B5EF4-FFF2-40B4-BE49-F238E27FC236}">
                <a16:creationId xmlns:a16="http://schemas.microsoft.com/office/drawing/2014/main" id="{39022ADC-8F4D-4B4B-AC1C-2B38597D16DB}"/>
              </a:ext>
            </a:extLst>
          </p:cNvPr>
          <p:cNvSpPr/>
          <p:nvPr/>
        </p:nvSpPr>
        <p:spPr>
          <a:xfrm>
            <a:off x="6447974"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a:t>
            </a:r>
          </a:p>
          <a:p>
            <a:pPr algn="ctr"/>
            <a:r>
              <a:rPr lang="en-US" sz="700" b="1" cap="all" spc="70">
                <a:latin typeface="+mj-lt"/>
              </a:rPr>
              <a:t>Ready</a:t>
            </a:r>
          </a:p>
        </p:txBody>
      </p:sp>
      <p:sp>
        <p:nvSpPr>
          <p:cNvPr id="162" name="Freeform 161">
            <a:extLst>
              <a:ext uri="{FF2B5EF4-FFF2-40B4-BE49-F238E27FC236}">
                <a16:creationId xmlns:a16="http://schemas.microsoft.com/office/drawing/2014/main" id="{6E8C57A1-FB90-1844-8DDE-49B274CD718E}"/>
              </a:ext>
            </a:extLst>
          </p:cNvPr>
          <p:cNvSpPr/>
          <p:nvPr/>
        </p:nvSpPr>
        <p:spPr>
          <a:xfrm>
            <a:off x="7465597"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63" name="Freeform 162">
            <a:extLst>
              <a:ext uri="{FF2B5EF4-FFF2-40B4-BE49-F238E27FC236}">
                <a16:creationId xmlns:a16="http://schemas.microsoft.com/office/drawing/2014/main" id="{1C13EF64-C139-D743-8EBD-A881B23D2E5E}"/>
              </a:ext>
            </a:extLst>
          </p:cNvPr>
          <p:cNvSpPr/>
          <p:nvPr/>
        </p:nvSpPr>
        <p:spPr>
          <a:xfrm>
            <a:off x="8483221" y="5292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5"/>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validation</a:t>
            </a:r>
          </a:p>
        </p:txBody>
      </p:sp>
      <p:sp>
        <p:nvSpPr>
          <p:cNvPr id="164" name="Freeform 163">
            <a:extLst>
              <a:ext uri="{FF2B5EF4-FFF2-40B4-BE49-F238E27FC236}">
                <a16:creationId xmlns:a16="http://schemas.microsoft.com/office/drawing/2014/main" id="{C93AF4B0-CF5F-3C48-9063-A197275153E8}"/>
              </a:ext>
            </a:extLst>
          </p:cNvPr>
          <p:cNvSpPr/>
          <p:nvPr/>
        </p:nvSpPr>
        <p:spPr>
          <a:xfrm>
            <a:off x="9509348" y="5292777"/>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Feature Completed</a:t>
            </a:r>
          </a:p>
        </p:txBody>
      </p:sp>
      <p:sp>
        <p:nvSpPr>
          <p:cNvPr id="165" name="Freeform 164">
            <a:extLst>
              <a:ext uri="{FF2B5EF4-FFF2-40B4-BE49-F238E27FC236}">
                <a16:creationId xmlns:a16="http://schemas.microsoft.com/office/drawing/2014/main" id="{32A1DD37-EF88-794D-82D3-1428F07FE9B8}"/>
              </a:ext>
            </a:extLst>
          </p:cNvPr>
          <p:cNvSpPr/>
          <p:nvPr/>
        </p:nvSpPr>
        <p:spPr>
          <a:xfrm>
            <a:off x="3395103" y="5292777"/>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Intake</a:t>
            </a:r>
          </a:p>
        </p:txBody>
      </p:sp>
      <p:sp>
        <p:nvSpPr>
          <p:cNvPr id="166" name="TextBox 165">
            <a:extLst>
              <a:ext uri="{FF2B5EF4-FFF2-40B4-BE49-F238E27FC236}">
                <a16:creationId xmlns:a16="http://schemas.microsoft.com/office/drawing/2014/main" id="{0701F6CA-BC33-3C43-98C2-DBBBA4EED932}"/>
              </a:ext>
            </a:extLst>
          </p:cNvPr>
          <p:cNvSpPr txBox="1"/>
          <p:nvPr/>
        </p:nvSpPr>
        <p:spPr>
          <a:xfrm>
            <a:off x="1948906" y="5511250"/>
            <a:ext cx="1476324" cy="215444"/>
          </a:xfrm>
          <a:prstGeom prst="rect">
            <a:avLst/>
          </a:prstGeom>
          <a:noFill/>
        </p:spPr>
        <p:txBody>
          <a:bodyPr wrap="square" rtlCol="0">
            <a:spAutoFit/>
          </a:bodyPr>
          <a:lstStyle/>
          <a:p>
            <a:pPr algn="ctr"/>
            <a:r>
              <a:rPr lang="en-US" sz="800" i="1" spc="100">
                <a:solidFill>
                  <a:schemeClr val="tx2"/>
                </a:solidFill>
              </a:rPr>
              <a:t>Feature | Kanban</a:t>
            </a:r>
          </a:p>
        </p:txBody>
      </p:sp>
      <p:cxnSp>
        <p:nvCxnSpPr>
          <p:cNvPr id="180" name="Straight Connector 179">
            <a:extLst>
              <a:ext uri="{FF2B5EF4-FFF2-40B4-BE49-F238E27FC236}">
                <a16:creationId xmlns:a16="http://schemas.microsoft.com/office/drawing/2014/main" id="{766D9B51-B9D0-B842-92A4-F095E05B2E0C}"/>
              </a:ext>
            </a:extLst>
          </p:cNvPr>
          <p:cNvCxnSpPr/>
          <p:nvPr/>
        </p:nvCxnSpPr>
        <p:spPr>
          <a:xfrm flipV="1">
            <a:off x="6491998" y="2000096"/>
            <a:ext cx="871093" cy="4380"/>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1" name="Straight Connector 40">
            <a:extLst>
              <a:ext uri="{FF2B5EF4-FFF2-40B4-BE49-F238E27FC236}">
                <a16:creationId xmlns:a16="http://schemas.microsoft.com/office/drawing/2014/main" id="{EE280D3D-57AF-DD47-91D1-33E4CB2385C7}"/>
              </a:ext>
            </a:extLst>
          </p:cNvPr>
          <p:cNvCxnSpPr/>
          <p:nvPr/>
        </p:nvCxnSpPr>
        <p:spPr>
          <a:xfrm flipV="1">
            <a:off x="8525175" y="5207674"/>
            <a:ext cx="871093" cy="4380"/>
          </a:xfrm>
          <a:prstGeom prst="line">
            <a:avLst/>
          </a:prstGeom>
          <a:ln w="19050">
            <a:solidFill>
              <a:schemeClr val="accent5"/>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2" name="Straight Connector 41">
            <a:extLst>
              <a:ext uri="{FF2B5EF4-FFF2-40B4-BE49-F238E27FC236}">
                <a16:creationId xmlns:a16="http://schemas.microsoft.com/office/drawing/2014/main" id="{46205D0A-3E09-7F47-8F90-DEFD93D7C8E7}"/>
              </a:ext>
            </a:extLst>
          </p:cNvPr>
          <p:cNvCxnSpPr>
            <a:cxnSpLocks/>
          </p:cNvCxnSpPr>
          <p:nvPr/>
        </p:nvCxnSpPr>
        <p:spPr>
          <a:xfrm>
            <a:off x="4472853" y="2008794"/>
            <a:ext cx="0" cy="147192"/>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3" name="Straight Connector 42">
            <a:extLst>
              <a:ext uri="{FF2B5EF4-FFF2-40B4-BE49-F238E27FC236}">
                <a16:creationId xmlns:a16="http://schemas.microsoft.com/office/drawing/2014/main" id="{B7BF46CD-546F-6243-8E6F-F84BAB955F28}"/>
              </a:ext>
            </a:extLst>
          </p:cNvPr>
          <p:cNvCxnSpPr/>
          <p:nvPr/>
        </p:nvCxnSpPr>
        <p:spPr>
          <a:xfrm>
            <a:off x="5634906" y="2008794"/>
            <a:ext cx="0" cy="147192"/>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4" name="Straight Connector 43">
            <a:extLst>
              <a:ext uri="{FF2B5EF4-FFF2-40B4-BE49-F238E27FC236}">
                <a16:creationId xmlns:a16="http://schemas.microsoft.com/office/drawing/2014/main" id="{F9B1D12C-5830-D74A-B18E-CFF675451D71}"/>
              </a:ext>
            </a:extLst>
          </p:cNvPr>
          <p:cNvCxnSpPr/>
          <p:nvPr/>
        </p:nvCxnSpPr>
        <p:spPr>
          <a:xfrm>
            <a:off x="7873116" y="2008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6" name="Straight Connector 45">
            <a:extLst>
              <a:ext uri="{FF2B5EF4-FFF2-40B4-BE49-F238E27FC236}">
                <a16:creationId xmlns:a16="http://schemas.microsoft.com/office/drawing/2014/main" id="{914BB8D6-E4BF-934D-AE08-6383535819E7}"/>
              </a:ext>
            </a:extLst>
          </p:cNvPr>
          <p:cNvCxnSpPr/>
          <p:nvPr/>
        </p:nvCxnSpPr>
        <p:spPr>
          <a:xfrm>
            <a:off x="9986287" y="2008794"/>
            <a:ext cx="0" cy="147192"/>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47" name="Freeform 46">
            <a:extLst>
              <a:ext uri="{FF2B5EF4-FFF2-40B4-BE49-F238E27FC236}">
                <a16:creationId xmlns:a16="http://schemas.microsoft.com/office/drawing/2014/main" id="{CBC3D0A2-3189-6546-9B55-9189C8CE481B}"/>
              </a:ext>
            </a:extLst>
          </p:cNvPr>
          <p:cNvSpPr/>
          <p:nvPr/>
        </p:nvSpPr>
        <p:spPr>
          <a:xfrm>
            <a:off x="8490041" y="1529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dirty="0">
                <a:latin typeface="+mj-lt"/>
              </a:rPr>
              <a:t>Epic</a:t>
            </a:r>
          </a:p>
          <a:p>
            <a:pPr algn="ctr"/>
            <a:r>
              <a:rPr lang="en-US" sz="700" b="1" cap="all" spc="70" dirty="0">
                <a:latin typeface="+mj-lt"/>
              </a:rPr>
              <a:t> validation</a:t>
            </a:r>
          </a:p>
        </p:txBody>
      </p:sp>
      <p:cxnSp>
        <p:nvCxnSpPr>
          <p:cNvPr id="48" name="Straight Connector 47">
            <a:extLst>
              <a:ext uri="{FF2B5EF4-FFF2-40B4-BE49-F238E27FC236}">
                <a16:creationId xmlns:a16="http://schemas.microsoft.com/office/drawing/2014/main" id="{8CEA38D0-32CE-6B45-86D6-0201599F8D34}"/>
              </a:ext>
            </a:extLst>
          </p:cNvPr>
          <p:cNvCxnSpPr/>
          <p:nvPr/>
        </p:nvCxnSpPr>
        <p:spPr>
          <a:xfrm flipV="1">
            <a:off x="8525128" y="1997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49" name="TextBox 48">
            <a:extLst>
              <a:ext uri="{FF2B5EF4-FFF2-40B4-BE49-F238E27FC236}">
                <a16:creationId xmlns:a16="http://schemas.microsoft.com/office/drawing/2014/main" id="{91853361-2239-1349-B37F-87E039D2EE41}"/>
              </a:ext>
            </a:extLst>
          </p:cNvPr>
          <p:cNvSpPr txBox="1"/>
          <p:nvPr/>
        </p:nvSpPr>
        <p:spPr>
          <a:xfrm>
            <a:off x="8273187" y="2209734"/>
            <a:ext cx="1461896" cy="200055"/>
          </a:xfrm>
          <a:prstGeom prst="rect">
            <a:avLst/>
          </a:prstGeom>
          <a:noFill/>
        </p:spPr>
        <p:txBody>
          <a:bodyPr wrap="square" rtlCol="0">
            <a:spAutoFit/>
          </a:bodyPr>
          <a:lstStyle/>
          <a:p>
            <a:pPr algn="ctr"/>
            <a:r>
              <a:rPr lang="en-US" sz="700" b="1" cap="all" spc="60" dirty="0">
                <a:solidFill>
                  <a:schemeClr val="accent1"/>
                </a:solidFill>
                <a:latin typeface="+mj-lt"/>
              </a:rPr>
              <a:t>validation</a:t>
            </a:r>
          </a:p>
        </p:txBody>
      </p:sp>
      <p:cxnSp>
        <p:nvCxnSpPr>
          <p:cNvPr id="50" name="Straight Connector 49">
            <a:extLst>
              <a:ext uri="{FF2B5EF4-FFF2-40B4-BE49-F238E27FC236}">
                <a16:creationId xmlns:a16="http://schemas.microsoft.com/office/drawing/2014/main" id="{23205F69-AC10-7240-8389-7272856036AE}"/>
              </a:ext>
            </a:extLst>
          </p:cNvPr>
          <p:cNvCxnSpPr/>
          <p:nvPr/>
        </p:nvCxnSpPr>
        <p:spPr>
          <a:xfrm>
            <a:off x="8914677" y="2008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51" name="Circular Arrow 50">
            <a:extLst>
              <a:ext uri="{FF2B5EF4-FFF2-40B4-BE49-F238E27FC236}">
                <a16:creationId xmlns:a16="http://schemas.microsoft.com/office/drawing/2014/main" id="{56004449-C4EA-DE4D-92C8-93A3E1F7AF80}"/>
              </a:ext>
            </a:extLst>
          </p:cNvPr>
          <p:cNvSpPr/>
          <p:nvPr/>
        </p:nvSpPr>
        <p:spPr>
          <a:xfrm rot="15962534">
            <a:off x="8592158" y="2928783"/>
            <a:ext cx="2968460" cy="176792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52" name="Circular Arrow 51">
            <a:extLst>
              <a:ext uri="{FF2B5EF4-FFF2-40B4-BE49-F238E27FC236}">
                <a16:creationId xmlns:a16="http://schemas.microsoft.com/office/drawing/2014/main" id="{B3A8925B-47BB-5847-81E7-624DFB4BFE74}"/>
              </a:ext>
            </a:extLst>
          </p:cNvPr>
          <p:cNvSpPr/>
          <p:nvPr/>
        </p:nvSpPr>
        <p:spPr>
          <a:xfrm rot="15481973" flipH="1" flipV="1">
            <a:off x="8609041" y="2707257"/>
            <a:ext cx="2791964" cy="207205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53" name="Rectangle 52">
            <a:extLst>
              <a:ext uri="{FF2B5EF4-FFF2-40B4-BE49-F238E27FC236}">
                <a16:creationId xmlns:a16="http://schemas.microsoft.com/office/drawing/2014/main" id="{50229285-59BA-F14B-A6D1-F6F6C7699603}"/>
              </a:ext>
            </a:extLst>
          </p:cNvPr>
          <p:cNvSpPr>
            <a:spLocks noChangeAspect="1"/>
          </p:cNvSpPr>
          <p:nvPr/>
        </p:nvSpPr>
        <p:spPr>
          <a:xfrm>
            <a:off x="8979755" y="2701250"/>
            <a:ext cx="1117675" cy="1005840"/>
          </a:xfrm>
          <a:prstGeom prst="rect">
            <a:avLst/>
          </a:prstGeom>
          <a:solidFill>
            <a:schemeClr val="bg1"/>
          </a:solidFill>
          <a:ln w="38100">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dirty="0">
                <a:solidFill>
                  <a:schemeClr val="tx1">
                    <a:lumMod val="75000"/>
                    <a:lumOff val="25000"/>
                  </a:schemeClr>
                </a:solidFill>
              </a:rPr>
              <a:t>Does this meet acceptance criteria and strategic objectives?</a:t>
            </a:r>
          </a:p>
        </p:txBody>
      </p:sp>
      <p:sp>
        <p:nvSpPr>
          <p:cNvPr id="54" name="Rectangle 53">
            <a:extLst>
              <a:ext uri="{FF2B5EF4-FFF2-40B4-BE49-F238E27FC236}">
                <a16:creationId xmlns:a16="http://schemas.microsoft.com/office/drawing/2014/main" id="{C692033B-06C4-394B-9377-549B5BC0E1A0}"/>
              </a:ext>
            </a:extLst>
          </p:cNvPr>
          <p:cNvSpPr>
            <a:spLocks noChangeAspect="1"/>
          </p:cNvSpPr>
          <p:nvPr/>
        </p:nvSpPr>
        <p:spPr>
          <a:xfrm>
            <a:off x="10190655" y="2701250"/>
            <a:ext cx="1117675" cy="1005840"/>
          </a:xfrm>
          <a:prstGeom prst="rect">
            <a:avLst/>
          </a:prstGeom>
          <a:solidFill>
            <a:schemeClr val="bg1"/>
          </a:solidFill>
          <a:ln w="38100">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dirty="0">
                <a:solidFill>
                  <a:schemeClr val="tx1">
                    <a:lumMod val="75000"/>
                    <a:lumOff val="25000"/>
                  </a:schemeClr>
                </a:solidFill>
              </a:rPr>
              <a:t>Can we measure value/get feedback?</a:t>
            </a:r>
          </a:p>
        </p:txBody>
      </p:sp>
      <p:sp>
        <p:nvSpPr>
          <p:cNvPr id="55" name="Rectangle 54">
            <a:extLst>
              <a:ext uri="{FF2B5EF4-FFF2-40B4-BE49-F238E27FC236}">
                <a16:creationId xmlns:a16="http://schemas.microsoft.com/office/drawing/2014/main" id="{56D7C949-5ADD-7848-A14A-B93ECD915A56}"/>
              </a:ext>
            </a:extLst>
          </p:cNvPr>
          <p:cNvSpPr>
            <a:spLocks noChangeAspect="1"/>
          </p:cNvSpPr>
          <p:nvPr/>
        </p:nvSpPr>
        <p:spPr>
          <a:xfrm>
            <a:off x="8434608" y="3773772"/>
            <a:ext cx="1117675" cy="1005840"/>
          </a:xfrm>
          <a:prstGeom prst="rect">
            <a:avLst/>
          </a:prstGeom>
          <a:solidFill>
            <a:schemeClr val="bg1"/>
          </a:solidFill>
          <a:ln w="38100">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dirty="0">
                <a:solidFill>
                  <a:schemeClr val="tx1">
                    <a:lumMod val="75000"/>
                    <a:lumOff val="25000"/>
                  </a:schemeClr>
                </a:solidFill>
              </a:rPr>
              <a:t>Released any dependent work?</a:t>
            </a:r>
          </a:p>
        </p:txBody>
      </p:sp>
      <p:sp>
        <p:nvSpPr>
          <p:cNvPr id="56" name="Rectangle 55">
            <a:extLst>
              <a:ext uri="{FF2B5EF4-FFF2-40B4-BE49-F238E27FC236}">
                <a16:creationId xmlns:a16="http://schemas.microsoft.com/office/drawing/2014/main" id="{3E8C0E26-1ACD-174D-87A5-283292D7B67C}"/>
              </a:ext>
            </a:extLst>
          </p:cNvPr>
          <p:cNvSpPr>
            <a:spLocks noChangeAspect="1"/>
          </p:cNvSpPr>
          <p:nvPr/>
        </p:nvSpPr>
        <p:spPr>
          <a:xfrm>
            <a:off x="9637326" y="3773772"/>
            <a:ext cx="1117675" cy="1005840"/>
          </a:xfrm>
          <a:prstGeom prst="rect">
            <a:avLst/>
          </a:prstGeom>
          <a:solidFill>
            <a:schemeClr val="bg1"/>
          </a:solidFill>
          <a:ln w="38100">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a:solidFill>
                  <a:schemeClr val="tx1">
                    <a:lumMod val="75000"/>
                    <a:lumOff val="25000"/>
                  </a:schemeClr>
                </a:solidFill>
              </a:rPr>
              <a:t>Definition of Done met?</a:t>
            </a:r>
            <a:endParaRPr lang="en-US" sz="1050" dirty="0">
              <a:solidFill>
                <a:schemeClr val="tx1">
                  <a:lumMod val="75000"/>
                  <a:lumOff val="25000"/>
                </a:schemeClr>
              </a:solidFill>
            </a:endParaRPr>
          </a:p>
        </p:txBody>
      </p:sp>
      <p:sp>
        <p:nvSpPr>
          <p:cNvPr id="57" name="Rectangle 56">
            <a:extLst>
              <a:ext uri="{FF2B5EF4-FFF2-40B4-BE49-F238E27FC236}">
                <a16:creationId xmlns:a16="http://schemas.microsoft.com/office/drawing/2014/main" id="{9DBADE05-A4BD-2343-B769-1E6F39BF7FBD}"/>
              </a:ext>
            </a:extLst>
          </p:cNvPr>
          <p:cNvSpPr>
            <a:spLocks noChangeAspect="1"/>
          </p:cNvSpPr>
          <p:nvPr/>
        </p:nvSpPr>
        <p:spPr>
          <a:xfrm>
            <a:off x="7768855" y="2701250"/>
            <a:ext cx="1117675" cy="1005840"/>
          </a:xfrm>
          <a:prstGeom prst="rect">
            <a:avLst/>
          </a:prstGeom>
          <a:solidFill>
            <a:schemeClr val="bg1"/>
          </a:solidFill>
          <a:ln w="38100">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dirty="0">
                <a:solidFill>
                  <a:schemeClr val="tx1">
                    <a:lumMod val="75000"/>
                    <a:lumOff val="25000"/>
                  </a:schemeClr>
                </a:solidFill>
              </a:rPr>
              <a:t>Is this in prod environment?</a:t>
            </a:r>
          </a:p>
        </p:txBody>
      </p:sp>
      <p:sp>
        <p:nvSpPr>
          <p:cNvPr id="4" name="Slide Number Placeholder 3">
            <a:extLst>
              <a:ext uri="{FF2B5EF4-FFF2-40B4-BE49-F238E27FC236}">
                <a16:creationId xmlns:a16="http://schemas.microsoft.com/office/drawing/2014/main" id="{B5A40510-065C-4E43-806C-2167EB56CD28}"/>
              </a:ext>
            </a:extLst>
          </p:cNvPr>
          <p:cNvSpPr>
            <a:spLocks noGrp="1"/>
          </p:cNvSpPr>
          <p:nvPr>
            <p:ph type="sldNum" sz="quarter" idx="4"/>
          </p:nvPr>
        </p:nvSpPr>
        <p:spPr/>
        <p:txBody>
          <a:bodyPr/>
          <a:lstStyle/>
          <a:p>
            <a:fld id="{742ED878-647B-DB4D-84DF-0BCCAF9DD0BF}" type="slidenum">
              <a:rPr lang="en-US" smtClean="0"/>
              <a:pPr/>
              <a:t>28</a:t>
            </a:fld>
            <a:endParaRPr lang="en-US" dirty="0"/>
          </a:p>
        </p:txBody>
      </p:sp>
      <p:sp>
        <p:nvSpPr>
          <p:cNvPr id="58" name="Freeform 57">
            <a:extLst>
              <a:ext uri="{FF2B5EF4-FFF2-40B4-BE49-F238E27FC236}">
                <a16:creationId xmlns:a16="http://schemas.microsoft.com/office/drawing/2014/main" id="{5C26E817-6C32-924D-BD06-0A3C1FED738F}"/>
              </a:ext>
            </a:extLst>
          </p:cNvPr>
          <p:cNvSpPr/>
          <p:nvPr/>
        </p:nvSpPr>
        <p:spPr>
          <a:xfrm>
            <a:off x="5403800" y="6118001"/>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Make </a:t>
            </a:r>
            <a:br>
              <a:rPr lang="en-US" sz="700" b="1" cap="all" spc="70">
                <a:latin typeface="+mj-lt"/>
              </a:rPr>
            </a:br>
            <a:r>
              <a:rPr lang="en-US" sz="700" b="1" cap="all" spc="70">
                <a:latin typeface="+mj-lt"/>
              </a:rPr>
              <a:t>Ready</a:t>
            </a:r>
          </a:p>
        </p:txBody>
      </p:sp>
      <p:sp>
        <p:nvSpPr>
          <p:cNvPr id="59" name="Freeform 58">
            <a:extLst>
              <a:ext uri="{FF2B5EF4-FFF2-40B4-BE49-F238E27FC236}">
                <a16:creationId xmlns:a16="http://schemas.microsoft.com/office/drawing/2014/main" id="{FD6AFD94-1154-D44E-B2D6-0FA582AC3956}"/>
              </a:ext>
            </a:extLst>
          </p:cNvPr>
          <p:cNvSpPr/>
          <p:nvPr/>
        </p:nvSpPr>
        <p:spPr>
          <a:xfrm>
            <a:off x="64333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Ready</a:t>
            </a:r>
          </a:p>
        </p:txBody>
      </p:sp>
      <p:sp>
        <p:nvSpPr>
          <p:cNvPr id="60" name="Freeform 59">
            <a:extLst>
              <a:ext uri="{FF2B5EF4-FFF2-40B4-BE49-F238E27FC236}">
                <a16:creationId xmlns:a16="http://schemas.microsoft.com/office/drawing/2014/main" id="{D45EF848-882B-9A45-B7FF-81ABA079AEB0}"/>
              </a:ext>
            </a:extLst>
          </p:cNvPr>
          <p:cNvSpPr/>
          <p:nvPr/>
        </p:nvSpPr>
        <p:spPr>
          <a:xfrm>
            <a:off x="746290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61" name="Freeform 60">
            <a:extLst>
              <a:ext uri="{FF2B5EF4-FFF2-40B4-BE49-F238E27FC236}">
                <a16:creationId xmlns:a16="http://schemas.microsoft.com/office/drawing/2014/main" id="{42B8F652-74C1-C34B-A94D-F3E716E74149}"/>
              </a:ext>
            </a:extLst>
          </p:cNvPr>
          <p:cNvSpPr/>
          <p:nvPr/>
        </p:nvSpPr>
        <p:spPr>
          <a:xfrm>
            <a:off x="8492450" y="611800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tory </a:t>
            </a:r>
            <a:br>
              <a:rPr lang="en-US" sz="700" b="1" cap="all" spc="70">
                <a:latin typeface="+mj-lt"/>
              </a:rPr>
            </a:br>
            <a:r>
              <a:rPr lang="en-US" sz="700" b="1" cap="all" spc="70">
                <a:latin typeface="+mj-lt"/>
              </a:rPr>
              <a:t>Done</a:t>
            </a:r>
          </a:p>
        </p:txBody>
      </p:sp>
      <p:sp>
        <p:nvSpPr>
          <p:cNvPr id="62" name="Freeform 61">
            <a:extLst>
              <a:ext uri="{FF2B5EF4-FFF2-40B4-BE49-F238E27FC236}">
                <a16:creationId xmlns:a16="http://schemas.microsoft.com/office/drawing/2014/main" id="{F758E2D8-FCDE-9E4C-B61A-076DC9517B47}"/>
              </a:ext>
            </a:extLst>
          </p:cNvPr>
          <p:cNvSpPr/>
          <p:nvPr/>
        </p:nvSpPr>
        <p:spPr>
          <a:xfrm>
            <a:off x="9522002" y="611800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Story</a:t>
            </a:r>
            <a:br>
              <a:rPr lang="en-US" sz="700" b="1" cap="all" spc="70">
                <a:latin typeface="+mj-lt"/>
              </a:rPr>
            </a:br>
            <a:r>
              <a:rPr lang="en-US" sz="700" b="1" cap="all" spc="70">
                <a:latin typeface="+mj-lt"/>
              </a:rPr>
              <a:t>Accepted</a:t>
            </a:r>
          </a:p>
        </p:txBody>
      </p:sp>
      <p:cxnSp>
        <p:nvCxnSpPr>
          <p:cNvPr id="63" name="Straight Connector 62">
            <a:extLst>
              <a:ext uri="{FF2B5EF4-FFF2-40B4-BE49-F238E27FC236}">
                <a16:creationId xmlns:a16="http://schemas.microsoft.com/office/drawing/2014/main" id="{61339836-D307-6E46-A329-D681F7F672AA}"/>
              </a:ext>
            </a:extLst>
          </p:cNvPr>
          <p:cNvCxnSpPr/>
          <p:nvPr/>
        </p:nvCxnSpPr>
        <p:spPr>
          <a:xfrm>
            <a:off x="6415081" y="5420191"/>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4" name="Straight Connector 63">
            <a:extLst>
              <a:ext uri="{FF2B5EF4-FFF2-40B4-BE49-F238E27FC236}">
                <a16:creationId xmlns:a16="http://schemas.microsoft.com/office/drawing/2014/main" id="{97AC06D1-C244-6747-876F-D73C8F47D84F}"/>
              </a:ext>
            </a:extLst>
          </p:cNvPr>
          <p:cNvCxnSpPr/>
          <p:nvPr/>
        </p:nvCxnSpPr>
        <p:spPr>
          <a:xfrm>
            <a:off x="7913728" y="5420191"/>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5" name="Straight Connector 64">
            <a:extLst>
              <a:ext uri="{FF2B5EF4-FFF2-40B4-BE49-F238E27FC236}">
                <a16:creationId xmlns:a16="http://schemas.microsoft.com/office/drawing/2014/main" id="{89088A02-5B2C-CB4E-9665-50C1799863B7}"/>
              </a:ext>
            </a:extLst>
          </p:cNvPr>
          <p:cNvCxnSpPr/>
          <p:nvPr/>
        </p:nvCxnSpPr>
        <p:spPr>
          <a:xfrm>
            <a:off x="5467186" y="603104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6" name="Straight Connector 65">
            <a:extLst>
              <a:ext uri="{FF2B5EF4-FFF2-40B4-BE49-F238E27FC236}">
                <a16:creationId xmlns:a16="http://schemas.microsoft.com/office/drawing/2014/main" id="{979C802C-39CF-B84D-89C3-19FD248D526C}"/>
              </a:ext>
            </a:extLst>
          </p:cNvPr>
          <p:cNvCxnSpPr/>
          <p:nvPr/>
        </p:nvCxnSpPr>
        <p:spPr>
          <a:xfrm>
            <a:off x="6415081" y="5883852"/>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7" name="Straight Connector 66">
            <a:extLst>
              <a:ext uri="{FF2B5EF4-FFF2-40B4-BE49-F238E27FC236}">
                <a16:creationId xmlns:a16="http://schemas.microsoft.com/office/drawing/2014/main" id="{9B58E53B-DC65-F144-8CCB-D4984A14589B}"/>
              </a:ext>
            </a:extLst>
          </p:cNvPr>
          <p:cNvCxnSpPr/>
          <p:nvPr/>
        </p:nvCxnSpPr>
        <p:spPr>
          <a:xfrm flipV="1">
            <a:off x="7491111" y="6026730"/>
            <a:ext cx="2994678" cy="4314"/>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68" name="Straight Connector 67">
            <a:extLst>
              <a:ext uri="{FF2B5EF4-FFF2-40B4-BE49-F238E27FC236}">
                <a16:creationId xmlns:a16="http://schemas.microsoft.com/office/drawing/2014/main" id="{7AF3B8B6-B6B1-0543-B83D-CF63C401B327}"/>
              </a:ext>
            </a:extLst>
          </p:cNvPr>
          <p:cNvCxnSpPr/>
          <p:nvPr/>
        </p:nvCxnSpPr>
        <p:spPr>
          <a:xfrm>
            <a:off x="7917475" y="5883852"/>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69" name="TextBox 68">
            <a:extLst>
              <a:ext uri="{FF2B5EF4-FFF2-40B4-BE49-F238E27FC236}">
                <a16:creationId xmlns:a16="http://schemas.microsoft.com/office/drawing/2014/main" id="{896ABB07-1EC6-3A4F-945A-DC5D79BFB6A0}"/>
              </a:ext>
            </a:extLst>
          </p:cNvPr>
          <p:cNvSpPr txBox="1"/>
          <p:nvPr/>
        </p:nvSpPr>
        <p:spPr>
          <a:xfrm>
            <a:off x="4172105" y="5952808"/>
            <a:ext cx="1050483" cy="400109"/>
          </a:xfrm>
          <a:prstGeom prst="rect">
            <a:avLst/>
          </a:prstGeom>
          <a:noFill/>
        </p:spPr>
        <p:txBody>
          <a:bodyPr wrap="square" rtlCol="0">
            <a:spAutoFit/>
          </a:bodyPr>
          <a:lstStyle/>
          <a:p>
            <a:pPr algn="ctr"/>
            <a:r>
              <a:rPr lang="en-US" sz="1000" b="1" cap="all" spc="100">
                <a:latin typeface="+mj-lt"/>
              </a:rPr>
              <a:t>Delivery</a:t>
            </a:r>
          </a:p>
          <a:p>
            <a:pPr algn="ctr"/>
            <a:r>
              <a:rPr lang="en-US" sz="1000" b="1" cap="all" spc="100">
                <a:latin typeface="+mj-lt"/>
              </a:rPr>
              <a:t>TEAM</a:t>
            </a:r>
          </a:p>
        </p:txBody>
      </p:sp>
      <p:sp>
        <p:nvSpPr>
          <p:cNvPr id="70" name="TextBox 69">
            <a:extLst>
              <a:ext uri="{FF2B5EF4-FFF2-40B4-BE49-F238E27FC236}">
                <a16:creationId xmlns:a16="http://schemas.microsoft.com/office/drawing/2014/main" id="{78821CA0-7A92-4E4C-AEAE-A5AB03FC38A0}"/>
              </a:ext>
            </a:extLst>
          </p:cNvPr>
          <p:cNvSpPr txBox="1"/>
          <p:nvPr/>
        </p:nvSpPr>
        <p:spPr>
          <a:xfrm>
            <a:off x="5684798" y="5660499"/>
            <a:ext cx="1461896" cy="200055"/>
          </a:xfrm>
          <a:prstGeom prst="rect">
            <a:avLst/>
          </a:prstGeom>
          <a:noFill/>
        </p:spPr>
        <p:txBody>
          <a:bodyPr wrap="square" rtlCol="0">
            <a:spAutoFit/>
          </a:bodyPr>
          <a:lstStyle/>
          <a:p>
            <a:pPr algn="ctr"/>
            <a:r>
              <a:rPr lang="en-US" sz="700" b="1" cap="all" spc="60" dirty="0">
                <a:latin typeface="+mj-lt"/>
              </a:rPr>
              <a:t>Demand Planning</a:t>
            </a:r>
          </a:p>
        </p:txBody>
      </p:sp>
      <p:sp>
        <p:nvSpPr>
          <p:cNvPr id="71" name="TextBox 70">
            <a:extLst>
              <a:ext uri="{FF2B5EF4-FFF2-40B4-BE49-F238E27FC236}">
                <a16:creationId xmlns:a16="http://schemas.microsoft.com/office/drawing/2014/main" id="{1DCECEC9-284F-DB45-82DA-3B6124F59C7C}"/>
              </a:ext>
            </a:extLst>
          </p:cNvPr>
          <p:cNvSpPr txBox="1"/>
          <p:nvPr/>
        </p:nvSpPr>
        <p:spPr>
          <a:xfrm>
            <a:off x="7388651" y="5662315"/>
            <a:ext cx="1737697" cy="200055"/>
          </a:xfrm>
          <a:prstGeom prst="rect">
            <a:avLst/>
          </a:prstGeom>
          <a:noFill/>
        </p:spPr>
        <p:txBody>
          <a:bodyPr wrap="square" rtlCol="0">
            <a:spAutoFit/>
          </a:bodyPr>
          <a:lstStyle/>
          <a:p>
            <a:pPr algn="ctr"/>
            <a:r>
              <a:rPr lang="en-US" sz="700" b="1" cap="all" spc="60">
                <a:solidFill>
                  <a:schemeClr val="accent1"/>
                </a:solidFill>
                <a:latin typeface="+mj-lt"/>
              </a:rPr>
              <a:t>Execution &amp; Accountability</a:t>
            </a:r>
          </a:p>
        </p:txBody>
      </p:sp>
      <p:sp>
        <p:nvSpPr>
          <p:cNvPr id="72" name="TextBox 71">
            <a:extLst>
              <a:ext uri="{FF2B5EF4-FFF2-40B4-BE49-F238E27FC236}">
                <a16:creationId xmlns:a16="http://schemas.microsoft.com/office/drawing/2014/main" id="{A310D7B2-4FDA-BA46-8DF9-4B311FA688A9}"/>
              </a:ext>
            </a:extLst>
          </p:cNvPr>
          <p:cNvSpPr txBox="1"/>
          <p:nvPr/>
        </p:nvSpPr>
        <p:spPr>
          <a:xfrm>
            <a:off x="3959184" y="6298357"/>
            <a:ext cx="1476324" cy="215444"/>
          </a:xfrm>
          <a:prstGeom prst="rect">
            <a:avLst/>
          </a:prstGeom>
          <a:noFill/>
        </p:spPr>
        <p:txBody>
          <a:bodyPr wrap="square" rtlCol="0">
            <a:spAutoFit/>
          </a:bodyPr>
          <a:lstStyle/>
          <a:p>
            <a:pPr algn="ctr"/>
            <a:r>
              <a:rPr lang="en-US" sz="800" i="1" spc="100">
                <a:solidFill>
                  <a:schemeClr val="tx2"/>
                </a:solidFill>
              </a:rPr>
              <a:t>Story | Scrum</a:t>
            </a:r>
          </a:p>
        </p:txBody>
      </p:sp>
    </p:spTree>
    <p:extLst>
      <p:ext uri="{BB962C8B-B14F-4D97-AF65-F5344CB8AC3E}">
        <p14:creationId xmlns:p14="http://schemas.microsoft.com/office/powerpoint/2010/main" val="25230945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 name="Circular Arrow 60">
            <a:extLst>
              <a:ext uri="{FF2B5EF4-FFF2-40B4-BE49-F238E27FC236}">
                <a16:creationId xmlns:a16="http://schemas.microsoft.com/office/drawing/2014/main" id="{F1B07CA5-1F5D-9E43-8F61-71114E33AEB8}"/>
              </a:ext>
            </a:extLst>
          </p:cNvPr>
          <p:cNvSpPr/>
          <p:nvPr/>
        </p:nvSpPr>
        <p:spPr>
          <a:xfrm rot="15962534">
            <a:off x="1523007" y="2865445"/>
            <a:ext cx="2968460" cy="176792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66" name="Circular Arrow 65">
            <a:extLst>
              <a:ext uri="{FF2B5EF4-FFF2-40B4-BE49-F238E27FC236}">
                <a16:creationId xmlns:a16="http://schemas.microsoft.com/office/drawing/2014/main" id="{EFF7CC2E-7571-D14B-ADBA-15348F6C4902}"/>
              </a:ext>
            </a:extLst>
          </p:cNvPr>
          <p:cNvSpPr/>
          <p:nvPr/>
        </p:nvSpPr>
        <p:spPr>
          <a:xfrm rot="15481973" flipH="1" flipV="1">
            <a:off x="1539890" y="2643919"/>
            <a:ext cx="2791964" cy="2072055"/>
          </a:xfrm>
          <a:prstGeom prst="circularArrow">
            <a:avLst>
              <a:gd name="adj1" fmla="val 1826"/>
              <a:gd name="adj2" fmla="val 445267"/>
              <a:gd name="adj3" fmla="val 20738968"/>
              <a:gd name="adj4" fmla="val 12054741"/>
              <a:gd name="adj5" fmla="val 440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474847"/>
              </a:solidFill>
              <a:effectLst/>
              <a:uLnTx/>
              <a:uFillTx/>
              <a:latin typeface="Ford Antenna Regular"/>
              <a:ea typeface="+mn-ea"/>
              <a:cs typeface="+mn-cs"/>
            </a:endParaRPr>
          </a:p>
        </p:txBody>
      </p:sp>
      <p:sp>
        <p:nvSpPr>
          <p:cNvPr id="2" name="Title 1"/>
          <p:cNvSpPr>
            <a:spLocks noGrp="1"/>
          </p:cNvSpPr>
          <p:nvPr>
            <p:ph type="title"/>
          </p:nvPr>
        </p:nvSpPr>
        <p:spPr/>
        <p:txBody>
          <a:bodyPr/>
          <a:lstStyle/>
          <a:p>
            <a:r>
              <a:rPr lang="en-US" dirty="0"/>
              <a:t>Ineffective Collaboration?</a:t>
            </a:r>
          </a:p>
        </p:txBody>
      </p:sp>
      <p:grpSp>
        <p:nvGrpSpPr>
          <p:cNvPr id="20" name="Group 19">
            <a:extLst>
              <a:ext uri="{FF2B5EF4-FFF2-40B4-BE49-F238E27FC236}">
                <a16:creationId xmlns:a16="http://schemas.microsoft.com/office/drawing/2014/main" id="{BC565557-FB11-874D-9E25-0FD06F2C241E}"/>
              </a:ext>
            </a:extLst>
          </p:cNvPr>
          <p:cNvGrpSpPr/>
          <p:nvPr/>
        </p:nvGrpSpPr>
        <p:grpSpPr>
          <a:xfrm>
            <a:off x="1872193" y="1499658"/>
            <a:ext cx="8878789" cy="4227036"/>
            <a:chOff x="1872193" y="1760908"/>
            <a:chExt cx="8878789" cy="4227036"/>
          </a:xfrm>
        </p:grpSpPr>
        <p:sp>
          <p:nvSpPr>
            <p:cNvPr id="85" name="Freeform 84">
              <a:extLst>
                <a:ext uri="{FF2B5EF4-FFF2-40B4-BE49-F238E27FC236}">
                  <a16:creationId xmlns:a16="http://schemas.microsoft.com/office/drawing/2014/main" id="{2C46D255-060F-A34B-BC19-EBAAB4FBAF94}"/>
                </a:ext>
              </a:extLst>
            </p:cNvPr>
            <p:cNvSpPr/>
            <p:nvPr/>
          </p:nvSpPr>
          <p:spPr>
            <a:xfrm>
              <a:off x="3415505" y="1812478"/>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Portfolio alignment</a:t>
              </a:r>
            </a:p>
          </p:txBody>
        </p:sp>
        <p:sp>
          <p:nvSpPr>
            <p:cNvPr id="86" name="Freeform 85">
              <a:extLst>
                <a:ext uri="{FF2B5EF4-FFF2-40B4-BE49-F238E27FC236}">
                  <a16:creationId xmlns:a16="http://schemas.microsoft.com/office/drawing/2014/main" id="{9802BBA1-A5FA-5747-967B-FAE5C2BD583B}"/>
                </a:ext>
              </a:extLst>
            </p:cNvPr>
            <p:cNvSpPr/>
            <p:nvPr/>
          </p:nvSpPr>
          <p:spPr>
            <a:xfrm>
              <a:off x="4412826" y="1814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56" dirty="0">
                  <a:latin typeface="+mj-lt"/>
                </a:rPr>
                <a:t>Portfolio Prioritization</a:t>
              </a:r>
            </a:p>
          </p:txBody>
        </p:sp>
        <p:sp>
          <p:nvSpPr>
            <p:cNvPr id="90" name="Freeform 89">
              <a:extLst>
                <a:ext uri="{FF2B5EF4-FFF2-40B4-BE49-F238E27FC236}">
                  <a16:creationId xmlns:a16="http://schemas.microsoft.com/office/drawing/2014/main" id="{5650C4FC-59DB-9D43-A1F2-E07823C7A255}"/>
                </a:ext>
              </a:extLst>
            </p:cNvPr>
            <p:cNvSpPr/>
            <p:nvPr/>
          </p:nvSpPr>
          <p:spPr>
            <a:xfrm>
              <a:off x="5432130" y="1814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finition</a:t>
              </a:r>
            </a:p>
          </p:txBody>
        </p:sp>
        <p:sp>
          <p:nvSpPr>
            <p:cNvPr id="94" name="Freeform 93">
              <a:extLst>
                <a:ext uri="{FF2B5EF4-FFF2-40B4-BE49-F238E27FC236}">
                  <a16:creationId xmlns:a16="http://schemas.microsoft.com/office/drawing/2014/main" id="{34B35300-474E-C04B-BD99-0BC41589F630}"/>
                </a:ext>
              </a:extLst>
            </p:cNvPr>
            <p:cNvSpPr/>
            <p:nvPr/>
          </p:nvSpPr>
          <p:spPr>
            <a:xfrm>
              <a:off x="6451434" y="1814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Targeting</a:t>
              </a:r>
            </a:p>
          </p:txBody>
        </p:sp>
        <p:sp>
          <p:nvSpPr>
            <p:cNvPr id="95" name="Freeform 94">
              <a:extLst>
                <a:ext uri="{FF2B5EF4-FFF2-40B4-BE49-F238E27FC236}">
                  <a16:creationId xmlns:a16="http://schemas.microsoft.com/office/drawing/2014/main" id="{F80F4AE0-802A-2741-A8DB-D8826C66CF56}"/>
                </a:ext>
              </a:extLst>
            </p:cNvPr>
            <p:cNvSpPr/>
            <p:nvPr/>
          </p:nvSpPr>
          <p:spPr>
            <a:xfrm>
              <a:off x="7470738" y="1814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15" name="Freeform 114">
              <a:extLst>
                <a:ext uri="{FF2B5EF4-FFF2-40B4-BE49-F238E27FC236}">
                  <a16:creationId xmlns:a16="http://schemas.microsoft.com/office/drawing/2014/main" id="{D7486A4D-354B-1442-A195-223E385CB320}"/>
                </a:ext>
              </a:extLst>
            </p:cNvPr>
            <p:cNvSpPr/>
            <p:nvPr/>
          </p:nvSpPr>
          <p:spPr>
            <a:xfrm>
              <a:off x="9509348" y="1814261"/>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Completed</a:t>
              </a:r>
            </a:p>
          </p:txBody>
        </p:sp>
        <p:cxnSp>
          <p:nvCxnSpPr>
            <p:cNvPr id="120" name="Straight Connector 119">
              <a:extLst>
                <a:ext uri="{FF2B5EF4-FFF2-40B4-BE49-F238E27FC236}">
                  <a16:creationId xmlns:a16="http://schemas.microsoft.com/office/drawing/2014/main" id="{241A0093-5532-CD4E-BD5F-88B2B87ABAD9}"/>
                </a:ext>
              </a:extLst>
            </p:cNvPr>
            <p:cNvCxnSpPr>
              <a:cxnSpLocks/>
            </p:cNvCxnSpPr>
            <p:nvPr/>
          </p:nvCxnSpPr>
          <p:spPr>
            <a:xfrm>
              <a:off x="3475486" y="2282580"/>
              <a:ext cx="1863146" cy="1"/>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3" name="Straight Connector 122">
              <a:extLst>
                <a:ext uri="{FF2B5EF4-FFF2-40B4-BE49-F238E27FC236}">
                  <a16:creationId xmlns:a16="http://schemas.microsoft.com/office/drawing/2014/main" id="{CC0E7C9B-35B2-EB42-850A-E1DECD22A761}"/>
                </a:ext>
              </a:extLst>
            </p:cNvPr>
            <p:cNvCxnSpPr/>
            <p:nvPr/>
          </p:nvCxnSpPr>
          <p:spPr>
            <a:xfrm flipV="1">
              <a:off x="5452899" y="2282579"/>
              <a:ext cx="871093" cy="4380"/>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4" name="Straight Connector 123">
              <a:extLst>
                <a:ext uri="{FF2B5EF4-FFF2-40B4-BE49-F238E27FC236}">
                  <a16:creationId xmlns:a16="http://schemas.microsoft.com/office/drawing/2014/main" id="{F3CA3256-0244-7148-BC34-E698D0A141E4}"/>
                </a:ext>
              </a:extLst>
            </p:cNvPr>
            <p:cNvCxnSpPr/>
            <p:nvPr/>
          </p:nvCxnSpPr>
          <p:spPr>
            <a:xfrm>
              <a:off x="6797936" y="2282579"/>
              <a:ext cx="0" cy="147192"/>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29" name="Straight Connector 128">
              <a:extLst>
                <a:ext uri="{FF2B5EF4-FFF2-40B4-BE49-F238E27FC236}">
                  <a16:creationId xmlns:a16="http://schemas.microsoft.com/office/drawing/2014/main" id="{4F7648BA-AA49-4A4D-BC99-1FA66C3DFF53}"/>
                </a:ext>
              </a:extLst>
            </p:cNvPr>
            <p:cNvCxnSpPr/>
            <p:nvPr/>
          </p:nvCxnSpPr>
          <p:spPr>
            <a:xfrm flipV="1">
              <a:off x="7483568" y="2282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34" name="Straight Connector 133">
              <a:extLst>
                <a:ext uri="{FF2B5EF4-FFF2-40B4-BE49-F238E27FC236}">
                  <a16:creationId xmlns:a16="http://schemas.microsoft.com/office/drawing/2014/main" id="{331B5621-517F-2848-85FB-B6C83AA61B76}"/>
                </a:ext>
              </a:extLst>
            </p:cNvPr>
            <p:cNvCxnSpPr/>
            <p:nvPr/>
          </p:nvCxnSpPr>
          <p:spPr>
            <a:xfrm>
              <a:off x="9538593" y="2282579"/>
              <a:ext cx="962882"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35" name="TextBox 134">
              <a:extLst>
                <a:ext uri="{FF2B5EF4-FFF2-40B4-BE49-F238E27FC236}">
                  <a16:creationId xmlns:a16="http://schemas.microsoft.com/office/drawing/2014/main" id="{AA34905F-605E-E64F-8642-D3529C5DA06F}"/>
                </a:ext>
              </a:extLst>
            </p:cNvPr>
            <p:cNvSpPr txBox="1"/>
            <p:nvPr/>
          </p:nvSpPr>
          <p:spPr>
            <a:xfrm>
              <a:off x="2085114" y="1760908"/>
              <a:ext cx="1050483" cy="400109"/>
            </a:xfrm>
            <a:prstGeom prst="rect">
              <a:avLst/>
            </a:prstGeom>
            <a:noFill/>
          </p:spPr>
          <p:txBody>
            <a:bodyPr wrap="square" rtlCol="0">
              <a:spAutoFit/>
            </a:bodyPr>
            <a:lstStyle/>
            <a:p>
              <a:pPr algn="ctr"/>
              <a:r>
                <a:rPr lang="en-US" sz="1000" b="1" cap="all" spc="100" dirty="0">
                  <a:latin typeface="+mj-lt"/>
                </a:rPr>
                <a:t>PORTFOLIO TEAM</a:t>
              </a:r>
            </a:p>
          </p:txBody>
        </p:sp>
        <p:sp>
          <p:nvSpPr>
            <p:cNvPr id="145" name="TextBox 144">
              <a:extLst>
                <a:ext uri="{FF2B5EF4-FFF2-40B4-BE49-F238E27FC236}">
                  <a16:creationId xmlns:a16="http://schemas.microsoft.com/office/drawing/2014/main" id="{7F45F1A6-6770-2640-A92B-B0BA5BD0C19B}"/>
                </a:ext>
              </a:extLst>
            </p:cNvPr>
            <p:cNvSpPr txBox="1"/>
            <p:nvPr/>
          </p:nvSpPr>
          <p:spPr>
            <a:xfrm>
              <a:off x="3475486" y="2494734"/>
              <a:ext cx="1461896" cy="200055"/>
            </a:xfrm>
            <a:prstGeom prst="rect">
              <a:avLst/>
            </a:prstGeom>
            <a:noFill/>
          </p:spPr>
          <p:txBody>
            <a:bodyPr wrap="square" rtlCol="0">
              <a:spAutoFit/>
            </a:bodyPr>
            <a:lstStyle/>
            <a:p>
              <a:pPr algn="ctr"/>
              <a:r>
                <a:rPr lang="en-US" sz="700" b="1" cap="all" spc="60">
                  <a:solidFill>
                    <a:schemeClr val="accent2"/>
                  </a:solidFill>
                  <a:latin typeface="+mj-lt"/>
                </a:rPr>
                <a:t>Strategic Alignment</a:t>
              </a:r>
            </a:p>
          </p:txBody>
        </p:sp>
        <p:sp>
          <p:nvSpPr>
            <p:cNvPr id="146" name="TextBox 145">
              <a:extLst>
                <a:ext uri="{FF2B5EF4-FFF2-40B4-BE49-F238E27FC236}">
                  <a16:creationId xmlns:a16="http://schemas.microsoft.com/office/drawing/2014/main" id="{9A8F99B7-3A25-FC46-AC88-6F95FD959845}"/>
                </a:ext>
              </a:extLst>
            </p:cNvPr>
            <p:cNvSpPr txBox="1"/>
            <p:nvPr/>
          </p:nvSpPr>
          <p:spPr>
            <a:xfrm>
              <a:off x="4721951" y="2494734"/>
              <a:ext cx="1461896" cy="200055"/>
            </a:xfrm>
            <a:prstGeom prst="rect">
              <a:avLst/>
            </a:prstGeom>
            <a:noFill/>
          </p:spPr>
          <p:txBody>
            <a:bodyPr wrap="square" rtlCol="0">
              <a:spAutoFit/>
            </a:bodyPr>
            <a:lstStyle/>
            <a:p>
              <a:pPr algn="ctr"/>
              <a:r>
                <a:rPr lang="en-US" sz="700" b="1" cap="all" spc="60">
                  <a:solidFill>
                    <a:schemeClr val="accent4"/>
                  </a:solidFill>
                  <a:latin typeface="+mj-lt"/>
                </a:rPr>
                <a:t>Solution Vision</a:t>
              </a:r>
            </a:p>
          </p:txBody>
        </p:sp>
        <p:sp>
          <p:nvSpPr>
            <p:cNvPr id="147" name="TextBox 146">
              <a:extLst>
                <a:ext uri="{FF2B5EF4-FFF2-40B4-BE49-F238E27FC236}">
                  <a16:creationId xmlns:a16="http://schemas.microsoft.com/office/drawing/2014/main" id="{F44EB770-9AD3-8C40-9C2F-42489E954886}"/>
                </a:ext>
              </a:extLst>
            </p:cNvPr>
            <p:cNvSpPr txBox="1"/>
            <p:nvPr/>
          </p:nvSpPr>
          <p:spPr>
            <a:xfrm>
              <a:off x="6002386" y="2494734"/>
              <a:ext cx="1461896" cy="200055"/>
            </a:xfrm>
            <a:prstGeom prst="rect">
              <a:avLst/>
            </a:prstGeom>
            <a:noFill/>
          </p:spPr>
          <p:txBody>
            <a:bodyPr wrap="square" rtlCol="0">
              <a:spAutoFit/>
            </a:bodyPr>
            <a:lstStyle/>
            <a:p>
              <a:pPr algn="ctr"/>
              <a:r>
                <a:rPr lang="en-US" sz="700" b="1" cap="all" spc="60">
                  <a:latin typeface="+mj-lt"/>
                </a:rPr>
                <a:t>Demand Planning</a:t>
              </a:r>
            </a:p>
          </p:txBody>
        </p:sp>
        <p:sp>
          <p:nvSpPr>
            <p:cNvPr id="148" name="TextBox 147">
              <a:extLst>
                <a:ext uri="{FF2B5EF4-FFF2-40B4-BE49-F238E27FC236}">
                  <a16:creationId xmlns:a16="http://schemas.microsoft.com/office/drawing/2014/main" id="{9DBD3809-C2C9-684B-B899-47F30998D672}"/>
                </a:ext>
              </a:extLst>
            </p:cNvPr>
            <p:cNvSpPr txBox="1"/>
            <p:nvPr/>
          </p:nvSpPr>
          <p:spPr>
            <a:xfrm>
              <a:off x="7191957" y="2494734"/>
              <a:ext cx="1461896" cy="200055"/>
            </a:xfrm>
            <a:prstGeom prst="rect">
              <a:avLst/>
            </a:prstGeom>
            <a:noFill/>
          </p:spPr>
          <p:txBody>
            <a:bodyPr wrap="square" rtlCol="0">
              <a:spAutoFit/>
            </a:bodyPr>
            <a:lstStyle/>
            <a:p>
              <a:pPr algn="ctr"/>
              <a:r>
                <a:rPr lang="en-US" sz="700" b="1" cap="all" spc="60">
                  <a:solidFill>
                    <a:schemeClr val="accent1"/>
                  </a:solidFill>
                  <a:latin typeface="+mj-lt"/>
                </a:rPr>
                <a:t>Execution</a:t>
              </a:r>
            </a:p>
          </p:txBody>
        </p:sp>
        <p:sp>
          <p:nvSpPr>
            <p:cNvPr id="150" name="TextBox 149">
              <a:extLst>
                <a:ext uri="{FF2B5EF4-FFF2-40B4-BE49-F238E27FC236}">
                  <a16:creationId xmlns:a16="http://schemas.microsoft.com/office/drawing/2014/main" id="{07A46F6B-0167-4E4D-90F4-03196E6A645C}"/>
                </a:ext>
              </a:extLst>
            </p:cNvPr>
            <p:cNvSpPr txBox="1"/>
            <p:nvPr/>
          </p:nvSpPr>
          <p:spPr>
            <a:xfrm>
              <a:off x="9289086" y="2490355"/>
              <a:ext cx="1461896" cy="200055"/>
            </a:xfrm>
            <a:prstGeom prst="rect">
              <a:avLst/>
            </a:prstGeom>
            <a:noFill/>
          </p:spPr>
          <p:txBody>
            <a:bodyPr wrap="square" rtlCol="0">
              <a:spAutoFit/>
            </a:bodyPr>
            <a:lstStyle/>
            <a:p>
              <a:pPr algn="ctr"/>
              <a:r>
                <a:rPr lang="en-US" sz="700" b="1" cap="all" spc="60">
                  <a:solidFill>
                    <a:schemeClr val="accent6"/>
                  </a:solidFill>
                  <a:latin typeface="+mj-lt"/>
                </a:rPr>
                <a:t>MEASURE EFFECTIVENESS</a:t>
              </a:r>
            </a:p>
          </p:txBody>
        </p:sp>
        <p:sp>
          <p:nvSpPr>
            <p:cNvPr id="151" name="TextBox 150">
              <a:extLst>
                <a:ext uri="{FF2B5EF4-FFF2-40B4-BE49-F238E27FC236}">
                  <a16:creationId xmlns:a16="http://schemas.microsoft.com/office/drawing/2014/main" id="{018F5470-100D-6348-9931-3EA138DE722E}"/>
                </a:ext>
              </a:extLst>
            </p:cNvPr>
            <p:cNvSpPr txBox="1"/>
            <p:nvPr/>
          </p:nvSpPr>
          <p:spPr>
            <a:xfrm>
              <a:off x="1872193" y="2082170"/>
              <a:ext cx="1476324" cy="215444"/>
            </a:xfrm>
            <a:prstGeom prst="rect">
              <a:avLst/>
            </a:prstGeom>
            <a:noFill/>
          </p:spPr>
          <p:txBody>
            <a:bodyPr wrap="square" rtlCol="0">
              <a:spAutoFit/>
            </a:bodyPr>
            <a:lstStyle/>
            <a:p>
              <a:pPr algn="ctr"/>
              <a:r>
                <a:rPr lang="en-US" sz="800" i="1" spc="100">
                  <a:solidFill>
                    <a:schemeClr val="tx2"/>
                  </a:solidFill>
                </a:rPr>
                <a:t>Epic | Kanban</a:t>
              </a:r>
            </a:p>
          </p:txBody>
        </p:sp>
        <p:cxnSp>
          <p:nvCxnSpPr>
            <p:cNvPr id="152" name="Straight Connector 151">
              <a:extLst>
                <a:ext uri="{FF2B5EF4-FFF2-40B4-BE49-F238E27FC236}">
                  <a16:creationId xmlns:a16="http://schemas.microsoft.com/office/drawing/2014/main" id="{FAF20B72-7302-944F-B88A-973C12CCBCD0}"/>
                </a:ext>
              </a:extLst>
            </p:cNvPr>
            <p:cNvCxnSpPr/>
            <p:nvPr/>
          </p:nvCxnSpPr>
          <p:spPr>
            <a:xfrm>
              <a:off x="3425231" y="5501434"/>
              <a:ext cx="869216" cy="0"/>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3" name="Straight Connector 152">
              <a:extLst>
                <a:ext uri="{FF2B5EF4-FFF2-40B4-BE49-F238E27FC236}">
                  <a16:creationId xmlns:a16="http://schemas.microsoft.com/office/drawing/2014/main" id="{54BFE844-2480-E146-BC78-0249546030D6}"/>
                </a:ext>
              </a:extLst>
            </p:cNvPr>
            <p:cNvCxnSpPr/>
            <p:nvPr/>
          </p:nvCxnSpPr>
          <p:spPr>
            <a:xfrm flipV="1">
              <a:off x="4438688" y="5498627"/>
              <a:ext cx="886080" cy="2807"/>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4" name="Straight Connector 153">
              <a:extLst>
                <a:ext uri="{FF2B5EF4-FFF2-40B4-BE49-F238E27FC236}">
                  <a16:creationId xmlns:a16="http://schemas.microsoft.com/office/drawing/2014/main" id="{03B9C93B-2180-3046-B63E-AC2F58948BE2}"/>
                </a:ext>
              </a:extLst>
            </p:cNvPr>
            <p:cNvCxnSpPr/>
            <p:nvPr/>
          </p:nvCxnSpPr>
          <p:spPr>
            <a:xfrm>
              <a:off x="5446529" y="5501433"/>
              <a:ext cx="1897668" cy="1"/>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5" name="Straight Connector 154">
              <a:extLst>
                <a:ext uri="{FF2B5EF4-FFF2-40B4-BE49-F238E27FC236}">
                  <a16:creationId xmlns:a16="http://schemas.microsoft.com/office/drawing/2014/main" id="{8A218324-7FB2-4245-8BEA-9589FD02C715}"/>
                </a:ext>
              </a:extLst>
            </p:cNvPr>
            <p:cNvCxnSpPr/>
            <p:nvPr/>
          </p:nvCxnSpPr>
          <p:spPr>
            <a:xfrm flipV="1">
              <a:off x="7504173" y="5497054"/>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157" name="Straight Connector 156">
              <a:extLst>
                <a:ext uri="{FF2B5EF4-FFF2-40B4-BE49-F238E27FC236}">
                  <a16:creationId xmlns:a16="http://schemas.microsoft.com/office/drawing/2014/main" id="{0E50CFE9-FB5B-F34F-9112-CAB22B521241}"/>
                </a:ext>
              </a:extLst>
            </p:cNvPr>
            <p:cNvCxnSpPr>
              <a:cxnSpLocks/>
            </p:cNvCxnSpPr>
            <p:nvPr/>
          </p:nvCxnSpPr>
          <p:spPr>
            <a:xfrm>
              <a:off x="9543463" y="5501434"/>
              <a:ext cx="1012838" cy="0"/>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158" name="TextBox 157">
              <a:extLst>
                <a:ext uri="{FF2B5EF4-FFF2-40B4-BE49-F238E27FC236}">
                  <a16:creationId xmlns:a16="http://schemas.microsoft.com/office/drawing/2014/main" id="{B831852C-385D-F244-A686-AABAC642C0CC}"/>
                </a:ext>
              </a:extLst>
            </p:cNvPr>
            <p:cNvSpPr txBox="1"/>
            <p:nvPr/>
          </p:nvSpPr>
          <p:spPr>
            <a:xfrm>
              <a:off x="2161828" y="5427837"/>
              <a:ext cx="1050483" cy="400109"/>
            </a:xfrm>
            <a:prstGeom prst="rect">
              <a:avLst/>
            </a:prstGeom>
            <a:noFill/>
          </p:spPr>
          <p:txBody>
            <a:bodyPr wrap="square" lIns="91440" tIns="45720" rIns="91440" bIns="45720" rtlCol="0" anchor="t">
              <a:spAutoFit/>
            </a:bodyPr>
            <a:lstStyle/>
            <a:p>
              <a:pPr algn="ctr"/>
              <a:r>
                <a:rPr lang="en-US" sz="1000" b="1" cap="all" spc="100" dirty="0">
                  <a:latin typeface="+mj-lt"/>
                </a:rPr>
                <a:t>Product</a:t>
              </a:r>
              <a:endParaRPr lang="en-US" sz="1000" b="1" cap="all" spc="100" dirty="0">
                <a:latin typeface="+mj-lt"/>
                <a:cs typeface="Calibri Bold"/>
              </a:endParaRPr>
            </a:p>
            <a:p>
              <a:pPr algn="ctr"/>
              <a:r>
                <a:rPr lang="en-US" sz="1000" b="1" cap="all" spc="100" dirty="0">
                  <a:latin typeface="+mj-lt"/>
                </a:rPr>
                <a:t>Team</a:t>
              </a:r>
              <a:endParaRPr lang="en-US" sz="1000" b="1" cap="all" spc="100" dirty="0">
                <a:latin typeface="+mj-lt"/>
                <a:cs typeface="Calibri Bold"/>
              </a:endParaRPr>
            </a:p>
          </p:txBody>
        </p:sp>
        <p:sp>
          <p:nvSpPr>
            <p:cNvPr id="159" name="Freeform 158">
              <a:extLst>
                <a:ext uri="{FF2B5EF4-FFF2-40B4-BE49-F238E27FC236}">
                  <a16:creationId xmlns:a16="http://schemas.microsoft.com/office/drawing/2014/main" id="{EBA7F596-F5B1-DE42-889B-1D1A7AC2E837}"/>
                </a:ext>
              </a:extLst>
            </p:cNvPr>
            <p:cNvSpPr/>
            <p:nvPr/>
          </p:nvSpPr>
          <p:spPr>
            <a:xfrm>
              <a:off x="4412727" y="5577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Solution Design</a:t>
              </a:r>
            </a:p>
          </p:txBody>
        </p:sp>
        <p:sp>
          <p:nvSpPr>
            <p:cNvPr id="160" name="Freeform 159">
              <a:extLst>
                <a:ext uri="{FF2B5EF4-FFF2-40B4-BE49-F238E27FC236}">
                  <a16:creationId xmlns:a16="http://schemas.microsoft.com/office/drawing/2014/main" id="{80D5D53D-388B-CF45-8644-629F3CB1FA00}"/>
                </a:ext>
              </a:extLst>
            </p:cNvPr>
            <p:cNvSpPr/>
            <p:nvPr/>
          </p:nvSpPr>
          <p:spPr>
            <a:xfrm>
              <a:off x="5430350" y="5577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Release Planning</a:t>
              </a:r>
            </a:p>
          </p:txBody>
        </p:sp>
        <p:sp>
          <p:nvSpPr>
            <p:cNvPr id="161" name="Freeform 160">
              <a:extLst>
                <a:ext uri="{FF2B5EF4-FFF2-40B4-BE49-F238E27FC236}">
                  <a16:creationId xmlns:a16="http://schemas.microsoft.com/office/drawing/2014/main" id="{39022ADC-8F4D-4B4B-AC1C-2B38597D16DB}"/>
                </a:ext>
              </a:extLst>
            </p:cNvPr>
            <p:cNvSpPr/>
            <p:nvPr/>
          </p:nvSpPr>
          <p:spPr>
            <a:xfrm>
              <a:off x="6447974" y="5577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lumMod val="50000"/>
              </a:schemeClr>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a:t>
              </a:r>
            </a:p>
            <a:p>
              <a:pPr algn="ctr"/>
              <a:r>
                <a:rPr lang="en-US" sz="700" b="1" cap="all" spc="70">
                  <a:latin typeface="+mj-lt"/>
                </a:rPr>
                <a:t>Ready</a:t>
              </a:r>
            </a:p>
          </p:txBody>
        </p:sp>
        <p:sp>
          <p:nvSpPr>
            <p:cNvPr id="162" name="Freeform 161">
              <a:extLst>
                <a:ext uri="{FF2B5EF4-FFF2-40B4-BE49-F238E27FC236}">
                  <a16:creationId xmlns:a16="http://schemas.microsoft.com/office/drawing/2014/main" id="{6E8C57A1-FB90-1844-8DDE-49B274CD718E}"/>
                </a:ext>
              </a:extLst>
            </p:cNvPr>
            <p:cNvSpPr/>
            <p:nvPr/>
          </p:nvSpPr>
          <p:spPr>
            <a:xfrm>
              <a:off x="7465597" y="5577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In progress</a:t>
              </a:r>
            </a:p>
          </p:txBody>
        </p:sp>
        <p:sp>
          <p:nvSpPr>
            <p:cNvPr id="163" name="Freeform 162">
              <a:extLst>
                <a:ext uri="{FF2B5EF4-FFF2-40B4-BE49-F238E27FC236}">
                  <a16:creationId xmlns:a16="http://schemas.microsoft.com/office/drawing/2014/main" id="{1C13EF64-C139-D743-8EBD-A881B23D2E5E}"/>
                </a:ext>
              </a:extLst>
            </p:cNvPr>
            <p:cNvSpPr/>
            <p:nvPr/>
          </p:nvSpPr>
          <p:spPr>
            <a:xfrm>
              <a:off x="8483221" y="5577777"/>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5"/>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a:latin typeface="+mj-lt"/>
                </a:rPr>
                <a:t>Feature validation</a:t>
              </a:r>
            </a:p>
          </p:txBody>
        </p:sp>
        <p:sp>
          <p:nvSpPr>
            <p:cNvPr id="164" name="Freeform 163">
              <a:extLst>
                <a:ext uri="{FF2B5EF4-FFF2-40B4-BE49-F238E27FC236}">
                  <a16:creationId xmlns:a16="http://schemas.microsoft.com/office/drawing/2014/main" id="{C93AF4B0-CF5F-3C48-9063-A197275153E8}"/>
                </a:ext>
              </a:extLst>
            </p:cNvPr>
            <p:cNvSpPr/>
            <p:nvPr/>
          </p:nvSpPr>
          <p:spPr>
            <a:xfrm>
              <a:off x="9509348" y="5577777"/>
              <a:ext cx="1046953" cy="389445"/>
            </a:xfrm>
            <a:custGeom>
              <a:avLst/>
              <a:gdLst>
                <a:gd name="connsiteX0" fmla="*/ 35877 w 887220"/>
                <a:gd name="connsiteY0" fmla="*/ 0 h 330028"/>
                <a:gd name="connsiteX1" fmla="*/ 832214 w 887220"/>
                <a:gd name="connsiteY1" fmla="*/ 0 h 330028"/>
                <a:gd name="connsiteX2" fmla="*/ 887220 w 887220"/>
                <a:gd name="connsiteY2" fmla="*/ 55006 h 330028"/>
                <a:gd name="connsiteX3" fmla="*/ 887220 w 887220"/>
                <a:gd name="connsiteY3" fmla="*/ 275022 h 330028"/>
                <a:gd name="connsiteX4" fmla="*/ 832214 w 887220"/>
                <a:gd name="connsiteY4" fmla="*/ 330028 h 330028"/>
                <a:gd name="connsiteX5" fmla="*/ 35877 w 887220"/>
                <a:gd name="connsiteY5" fmla="*/ 330028 h 330028"/>
                <a:gd name="connsiteX6" fmla="*/ 14466 w 887220"/>
                <a:gd name="connsiteY6" fmla="*/ 325706 h 330028"/>
                <a:gd name="connsiteX7" fmla="*/ 115 w 887220"/>
                <a:gd name="connsiteY7" fmla="*/ 316030 h 330028"/>
                <a:gd name="connsiteX8" fmla="*/ 178926 w 887220"/>
                <a:gd name="connsiteY8" fmla="*/ 165102 h 330028"/>
                <a:gd name="connsiteX9" fmla="*/ 0 w 887220"/>
                <a:gd name="connsiteY9" fmla="*/ 14077 h 330028"/>
                <a:gd name="connsiteX10" fmla="*/ 14466 w 887220"/>
                <a:gd name="connsiteY10" fmla="*/ 4323 h 330028"/>
                <a:gd name="connsiteX11" fmla="*/ 35877 w 887220"/>
                <a:gd name="connsiteY11"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87220" h="330028">
                  <a:moveTo>
                    <a:pt x="35877" y="0"/>
                  </a:moveTo>
                  <a:lnTo>
                    <a:pt x="832214" y="0"/>
                  </a:lnTo>
                  <a:cubicBezTo>
                    <a:pt x="862593" y="0"/>
                    <a:pt x="887220" y="24627"/>
                    <a:pt x="887220" y="55006"/>
                  </a:cubicBezTo>
                  <a:lnTo>
                    <a:pt x="887220" y="275022"/>
                  </a:lnTo>
                  <a:cubicBezTo>
                    <a:pt x="887220" y="305401"/>
                    <a:pt x="862593" y="330028"/>
                    <a:pt x="832214" y="330028"/>
                  </a:cubicBezTo>
                  <a:lnTo>
                    <a:pt x="35877" y="330028"/>
                  </a:lnTo>
                  <a:cubicBezTo>
                    <a:pt x="28283" y="330028"/>
                    <a:pt x="21047" y="328489"/>
                    <a:pt x="14466" y="325706"/>
                  </a:cubicBezTo>
                  <a:lnTo>
                    <a:pt x="115" y="316030"/>
                  </a:lnTo>
                  <a:lnTo>
                    <a:pt x="178926" y="165102"/>
                  </a:lnTo>
                  <a:lnTo>
                    <a:pt x="0" y="14077"/>
                  </a:lnTo>
                  <a:lnTo>
                    <a:pt x="14466" y="4323"/>
                  </a:lnTo>
                  <a:cubicBezTo>
                    <a:pt x="21047" y="1539"/>
                    <a:pt x="28283" y="0"/>
                    <a:pt x="35877" y="0"/>
                  </a:cubicBezTo>
                  <a:close/>
                </a:path>
              </a:pathLst>
            </a:cu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lIns="182880" rIns="45720" rtlCol="0" anchor="ctr"/>
            <a:lstStyle/>
            <a:p>
              <a:pPr algn="ctr"/>
              <a:r>
                <a:rPr lang="en-US" sz="700" b="1" cap="all" spc="70">
                  <a:latin typeface="+mj-lt"/>
                </a:rPr>
                <a:t>Feature Completed</a:t>
              </a:r>
            </a:p>
          </p:txBody>
        </p:sp>
        <p:sp>
          <p:nvSpPr>
            <p:cNvPr id="165" name="Freeform 164">
              <a:extLst>
                <a:ext uri="{FF2B5EF4-FFF2-40B4-BE49-F238E27FC236}">
                  <a16:creationId xmlns:a16="http://schemas.microsoft.com/office/drawing/2014/main" id="{32A1DD37-EF88-794D-82D3-1428F07FE9B8}"/>
                </a:ext>
              </a:extLst>
            </p:cNvPr>
            <p:cNvSpPr/>
            <p:nvPr/>
          </p:nvSpPr>
          <p:spPr>
            <a:xfrm>
              <a:off x="3395103" y="5577777"/>
              <a:ext cx="1117675" cy="389445"/>
            </a:xfrm>
            <a:custGeom>
              <a:avLst/>
              <a:gdLst>
                <a:gd name="connsiteX0" fmla="*/ 55006 w 947152"/>
                <a:gd name="connsiteY0" fmla="*/ 0 h 330028"/>
                <a:gd name="connsiteX1" fmla="*/ 758796 w 947152"/>
                <a:gd name="connsiteY1" fmla="*/ 0 h 330028"/>
                <a:gd name="connsiteX2" fmla="*/ 780207 w 947152"/>
                <a:gd name="connsiteY2" fmla="*/ 4323 h 330028"/>
                <a:gd name="connsiteX3" fmla="*/ 792505 w 947152"/>
                <a:gd name="connsiteY3" fmla="*/ 12614 h 330028"/>
                <a:gd name="connsiteX4" fmla="*/ 793582 w 947152"/>
                <a:gd name="connsiteY4" fmla="*/ 12614 h 330028"/>
                <a:gd name="connsiteX5" fmla="*/ 795865 w 947152"/>
                <a:gd name="connsiteY5" fmla="*/ 14880 h 330028"/>
                <a:gd name="connsiteX6" fmla="*/ 797691 w 947152"/>
                <a:gd name="connsiteY6" fmla="*/ 16111 h 330028"/>
                <a:gd name="connsiteX7" fmla="*/ 798100 w 947152"/>
                <a:gd name="connsiteY7" fmla="*/ 17097 h 330028"/>
                <a:gd name="connsiteX8" fmla="*/ 947152 w 947152"/>
                <a:gd name="connsiteY8" fmla="*/ 165015 h 330028"/>
                <a:gd name="connsiteX9" fmla="*/ 798099 w 947152"/>
                <a:gd name="connsiteY9" fmla="*/ 312933 h 330028"/>
                <a:gd name="connsiteX10" fmla="*/ 797691 w 947152"/>
                <a:gd name="connsiteY10" fmla="*/ 313917 h 330028"/>
                <a:gd name="connsiteX11" fmla="*/ 795868 w 947152"/>
                <a:gd name="connsiteY11" fmla="*/ 315146 h 330028"/>
                <a:gd name="connsiteX12" fmla="*/ 793582 w 947152"/>
                <a:gd name="connsiteY12" fmla="*/ 317415 h 330028"/>
                <a:gd name="connsiteX13" fmla="*/ 792503 w 947152"/>
                <a:gd name="connsiteY13" fmla="*/ 317415 h 330028"/>
                <a:gd name="connsiteX14" fmla="*/ 780207 w 947152"/>
                <a:gd name="connsiteY14" fmla="*/ 325705 h 330028"/>
                <a:gd name="connsiteX15" fmla="*/ 758796 w 947152"/>
                <a:gd name="connsiteY15" fmla="*/ 330028 h 330028"/>
                <a:gd name="connsiteX16" fmla="*/ 55006 w 947152"/>
                <a:gd name="connsiteY16" fmla="*/ 330028 h 330028"/>
                <a:gd name="connsiteX17" fmla="*/ 0 w 947152"/>
                <a:gd name="connsiteY17" fmla="*/ 275022 h 330028"/>
                <a:gd name="connsiteX18" fmla="*/ 0 w 947152"/>
                <a:gd name="connsiteY18" fmla="*/ 55006 h 330028"/>
                <a:gd name="connsiteX19" fmla="*/ 55006 w 947152"/>
                <a:gd name="connsiteY19"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47152" h="330028">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8" y="315146"/>
                  </a:lnTo>
                  <a:lnTo>
                    <a:pt x="793582" y="317415"/>
                  </a:lnTo>
                  <a:lnTo>
                    <a:pt x="792503" y="317415"/>
                  </a:lnTo>
                  <a:lnTo>
                    <a:pt x="780207" y="325705"/>
                  </a:lnTo>
                  <a:cubicBezTo>
                    <a:pt x="773626" y="328489"/>
                    <a:pt x="766391" y="330028"/>
                    <a:pt x="758796" y="330028"/>
                  </a:cubicBezTo>
                  <a:lnTo>
                    <a:pt x="55006" y="330028"/>
                  </a:lnTo>
                  <a:cubicBezTo>
                    <a:pt x="24627" y="330028"/>
                    <a:pt x="0" y="305401"/>
                    <a:pt x="0" y="275022"/>
                  </a:cubicBezTo>
                  <a:lnTo>
                    <a:pt x="0" y="55006"/>
                  </a:lnTo>
                  <a:cubicBezTo>
                    <a:pt x="0" y="24627"/>
                    <a:pt x="24627"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45720" rIns="182880" rtlCol="0" anchor="ctr"/>
            <a:lstStyle/>
            <a:p>
              <a:pPr algn="ctr"/>
              <a:r>
                <a:rPr lang="en-US" sz="700" b="1" cap="all" spc="70">
                  <a:latin typeface="+mj-lt"/>
                </a:rPr>
                <a:t>Intake</a:t>
              </a:r>
            </a:p>
          </p:txBody>
        </p:sp>
        <p:sp>
          <p:nvSpPr>
            <p:cNvPr id="166" name="TextBox 165">
              <a:extLst>
                <a:ext uri="{FF2B5EF4-FFF2-40B4-BE49-F238E27FC236}">
                  <a16:creationId xmlns:a16="http://schemas.microsoft.com/office/drawing/2014/main" id="{0701F6CA-BC33-3C43-98C2-DBBBA4EED932}"/>
                </a:ext>
              </a:extLst>
            </p:cNvPr>
            <p:cNvSpPr txBox="1"/>
            <p:nvPr/>
          </p:nvSpPr>
          <p:spPr>
            <a:xfrm>
              <a:off x="1948906" y="5772500"/>
              <a:ext cx="1476324" cy="215444"/>
            </a:xfrm>
            <a:prstGeom prst="rect">
              <a:avLst/>
            </a:prstGeom>
            <a:noFill/>
          </p:spPr>
          <p:txBody>
            <a:bodyPr wrap="square" rtlCol="0">
              <a:spAutoFit/>
            </a:bodyPr>
            <a:lstStyle/>
            <a:p>
              <a:pPr algn="ctr"/>
              <a:r>
                <a:rPr lang="en-US" sz="800" i="1" spc="100">
                  <a:solidFill>
                    <a:schemeClr val="tx2"/>
                  </a:solidFill>
                </a:rPr>
                <a:t>Feature | Kanban</a:t>
              </a:r>
            </a:p>
          </p:txBody>
        </p:sp>
        <p:cxnSp>
          <p:nvCxnSpPr>
            <p:cNvPr id="180" name="Straight Connector 179">
              <a:extLst>
                <a:ext uri="{FF2B5EF4-FFF2-40B4-BE49-F238E27FC236}">
                  <a16:creationId xmlns:a16="http://schemas.microsoft.com/office/drawing/2014/main" id="{766D9B51-B9D0-B842-92A4-F095E05B2E0C}"/>
                </a:ext>
              </a:extLst>
            </p:cNvPr>
            <p:cNvCxnSpPr/>
            <p:nvPr/>
          </p:nvCxnSpPr>
          <p:spPr>
            <a:xfrm flipV="1">
              <a:off x="6491998" y="2285096"/>
              <a:ext cx="871093" cy="4380"/>
            </a:xfrm>
            <a:prstGeom prst="line">
              <a:avLst/>
            </a:prstGeom>
            <a:ln w="19050">
              <a:solidFill>
                <a:schemeClr val="accent4">
                  <a:lumMod val="50000"/>
                </a:schemeClr>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1" name="Straight Connector 40">
              <a:extLst>
                <a:ext uri="{FF2B5EF4-FFF2-40B4-BE49-F238E27FC236}">
                  <a16:creationId xmlns:a16="http://schemas.microsoft.com/office/drawing/2014/main" id="{EE280D3D-57AF-DD47-91D1-33E4CB2385C7}"/>
                </a:ext>
              </a:extLst>
            </p:cNvPr>
            <p:cNvCxnSpPr/>
            <p:nvPr/>
          </p:nvCxnSpPr>
          <p:spPr>
            <a:xfrm flipV="1">
              <a:off x="8525175" y="5492674"/>
              <a:ext cx="871093" cy="4380"/>
            </a:xfrm>
            <a:prstGeom prst="line">
              <a:avLst/>
            </a:prstGeom>
            <a:ln w="19050">
              <a:solidFill>
                <a:schemeClr val="accent5"/>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2" name="Straight Connector 41">
              <a:extLst>
                <a:ext uri="{FF2B5EF4-FFF2-40B4-BE49-F238E27FC236}">
                  <a16:creationId xmlns:a16="http://schemas.microsoft.com/office/drawing/2014/main" id="{46205D0A-3E09-7F47-8F90-DEFD93D7C8E7}"/>
                </a:ext>
              </a:extLst>
            </p:cNvPr>
            <p:cNvCxnSpPr>
              <a:cxnSpLocks/>
            </p:cNvCxnSpPr>
            <p:nvPr/>
          </p:nvCxnSpPr>
          <p:spPr>
            <a:xfrm>
              <a:off x="4472853" y="2293794"/>
              <a:ext cx="0" cy="147192"/>
            </a:xfrm>
            <a:prstGeom prst="line">
              <a:avLst/>
            </a:prstGeom>
            <a:ln w="19050">
              <a:solidFill>
                <a:schemeClr val="accent2"/>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3" name="Straight Connector 42">
              <a:extLst>
                <a:ext uri="{FF2B5EF4-FFF2-40B4-BE49-F238E27FC236}">
                  <a16:creationId xmlns:a16="http://schemas.microsoft.com/office/drawing/2014/main" id="{B7BF46CD-546F-6243-8E6F-F84BAB955F28}"/>
                </a:ext>
              </a:extLst>
            </p:cNvPr>
            <p:cNvCxnSpPr/>
            <p:nvPr/>
          </p:nvCxnSpPr>
          <p:spPr>
            <a:xfrm>
              <a:off x="5634906" y="2293794"/>
              <a:ext cx="0" cy="147192"/>
            </a:xfrm>
            <a:prstGeom prst="line">
              <a:avLst/>
            </a:prstGeom>
            <a:ln w="19050">
              <a:solidFill>
                <a:schemeClr val="accent4"/>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4" name="Straight Connector 43">
              <a:extLst>
                <a:ext uri="{FF2B5EF4-FFF2-40B4-BE49-F238E27FC236}">
                  <a16:creationId xmlns:a16="http://schemas.microsoft.com/office/drawing/2014/main" id="{F9B1D12C-5830-D74A-B18E-CFF675451D71}"/>
                </a:ext>
              </a:extLst>
            </p:cNvPr>
            <p:cNvCxnSpPr/>
            <p:nvPr/>
          </p:nvCxnSpPr>
          <p:spPr>
            <a:xfrm>
              <a:off x="7873116" y="2293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cxnSp>
          <p:nvCxnSpPr>
            <p:cNvPr id="46" name="Straight Connector 45">
              <a:extLst>
                <a:ext uri="{FF2B5EF4-FFF2-40B4-BE49-F238E27FC236}">
                  <a16:creationId xmlns:a16="http://schemas.microsoft.com/office/drawing/2014/main" id="{914BB8D6-E4BF-934D-AE08-6383535819E7}"/>
                </a:ext>
              </a:extLst>
            </p:cNvPr>
            <p:cNvCxnSpPr/>
            <p:nvPr/>
          </p:nvCxnSpPr>
          <p:spPr>
            <a:xfrm>
              <a:off x="9986287" y="2293794"/>
              <a:ext cx="0" cy="147192"/>
            </a:xfrm>
            <a:prstGeom prst="line">
              <a:avLst/>
            </a:prstGeom>
            <a:ln w="19050">
              <a:solidFill>
                <a:schemeClr val="accent6"/>
              </a:solidFill>
              <a:tailEnd type="none"/>
            </a:ln>
            <a:effectLst/>
          </p:spPr>
          <p:style>
            <a:lnRef idx="2">
              <a:schemeClr val="accent1"/>
            </a:lnRef>
            <a:fillRef idx="0">
              <a:schemeClr val="accent1"/>
            </a:fillRef>
            <a:effectRef idx="1">
              <a:schemeClr val="accent1"/>
            </a:effectRef>
            <a:fontRef idx="minor">
              <a:schemeClr val="tx1"/>
            </a:fontRef>
          </p:style>
        </p:cxnSp>
        <p:sp>
          <p:nvSpPr>
            <p:cNvPr id="47" name="Freeform 46">
              <a:extLst>
                <a:ext uri="{FF2B5EF4-FFF2-40B4-BE49-F238E27FC236}">
                  <a16:creationId xmlns:a16="http://schemas.microsoft.com/office/drawing/2014/main" id="{CBC3D0A2-3189-6546-9B55-9189C8CE481B}"/>
                </a:ext>
              </a:extLst>
            </p:cNvPr>
            <p:cNvSpPr/>
            <p:nvPr/>
          </p:nvSpPr>
          <p:spPr>
            <a:xfrm>
              <a:off x="8490041" y="1814261"/>
              <a:ext cx="1117675" cy="389445"/>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700" b="1" cap="all" spc="70" dirty="0">
                  <a:latin typeface="+mj-lt"/>
                </a:rPr>
                <a:t>Epic</a:t>
              </a:r>
            </a:p>
            <a:p>
              <a:pPr algn="ctr"/>
              <a:r>
                <a:rPr lang="en-US" sz="700" b="1" cap="all" spc="70" dirty="0">
                  <a:latin typeface="+mj-lt"/>
                </a:rPr>
                <a:t> validation</a:t>
              </a:r>
            </a:p>
          </p:txBody>
        </p:sp>
        <p:cxnSp>
          <p:nvCxnSpPr>
            <p:cNvPr id="48" name="Straight Connector 47">
              <a:extLst>
                <a:ext uri="{FF2B5EF4-FFF2-40B4-BE49-F238E27FC236}">
                  <a16:creationId xmlns:a16="http://schemas.microsoft.com/office/drawing/2014/main" id="{8CEA38D0-32CE-6B45-86D6-0201599F8D34}"/>
                </a:ext>
              </a:extLst>
            </p:cNvPr>
            <p:cNvCxnSpPr/>
            <p:nvPr/>
          </p:nvCxnSpPr>
          <p:spPr>
            <a:xfrm flipV="1">
              <a:off x="8525128" y="2282579"/>
              <a:ext cx="871093" cy="4380"/>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sp>
          <p:nvSpPr>
            <p:cNvPr id="49" name="TextBox 48">
              <a:extLst>
                <a:ext uri="{FF2B5EF4-FFF2-40B4-BE49-F238E27FC236}">
                  <a16:creationId xmlns:a16="http://schemas.microsoft.com/office/drawing/2014/main" id="{91853361-2239-1349-B37F-87E039D2EE41}"/>
                </a:ext>
              </a:extLst>
            </p:cNvPr>
            <p:cNvSpPr txBox="1"/>
            <p:nvPr/>
          </p:nvSpPr>
          <p:spPr>
            <a:xfrm>
              <a:off x="8273187" y="2494734"/>
              <a:ext cx="1461896" cy="200055"/>
            </a:xfrm>
            <a:prstGeom prst="rect">
              <a:avLst/>
            </a:prstGeom>
            <a:noFill/>
          </p:spPr>
          <p:txBody>
            <a:bodyPr wrap="square" rtlCol="0">
              <a:spAutoFit/>
            </a:bodyPr>
            <a:lstStyle/>
            <a:p>
              <a:pPr algn="ctr"/>
              <a:r>
                <a:rPr lang="en-US" sz="700" b="1" cap="all" spc="60" dirty="0">
                  <a:solidFill>
                    <a:schemeClr val="accent1"/>
                  </a:solidFill>
                  <a:latin typeface="+mj-lt"/>
                </a:rPr>
                <a:t>validation</a:t>
              </a:r>
            </a:p>
          </p:txBody>
        </p:sp>
        <p:cxnSp>
          <p:nvCxnSpPr>
            <p:cNvPr id="50" name="Straight Connector 49">
              <a:extLst>
                <a:ext uri="{FF2B5EF4-FFF2-40B4-BE49-F238E27FC236}">
                  <a16:creationId xmlns:a16="http://schemas.microsoft.com/office/drawing/2014/main" id="{23205F69-AC10-7240-8389-7272856036AE}"/>
                </a:ext>
              </a:extLst>
            </p:cNvPr>
            <p:cNvCxnSpPr/>
            <p:nvPr/>
          </p:nvCxnSpPr>
          <p:spPr>
            <a:xfrm>
              <a:off x="8914677" y="2293794"/>
              <a:ext cx="0" cy="147192"/>
            </a:xfrm>
            <a:prstGeom prst="line">
              <a:avLst/>
            </a:prstGeom>
            <a:ln w="19050">
              <a:solidFill>
                <a:schemeClr val="accent1"/>
              </a:solidFill>
              <a:tailEnd type="none"/>
            </a:ln>
            <a:effectLst/>
          </p:spPr>
          <p:style>
            <a:lnRef idx="2">
              <a:schemeClr val="accent1"/>
            </a:lnRef>
            <a:fillRef idx="0">
              <a:schemeClr val="accent1"/>
            </a:fillRef>
            <a:effectRef idx="1">
              <a:schemeClr val="accent1"/>
            </a:effectRef>
            <a:fontRef idx="minor">
              <a:schemeClr val="tx1"/>
            </a:fontRef>
          </p:style>
        </p:cxnSp>
      </p:grpSp>
      <p:sp>
        <p:nvSpPr>
          <p:cNvPr id="65" name="TextBox 64">
            <a:extLst>
              <a:ext uri="{FF2B5EF4-FFF2-40B4-BE49-F238E27FC236}">
                <a16:creationId xmlns:a16="http://schemas.microsoft.com/office/drawing/2014/main" id="{00EDABF3-6A6A-054E-B068-BF495D36C33F}"/>
              </a:ext>
            </a:extLst>
          </p:cNvPr>
          <p:cNvSpPr txBox="1"/>
          <p:nvPr/>
        </p:nvSpPr>
        <p:spPr>
          <a:xfrm>
            <a:off x="2962719" y="2582731"/>
            <a:ext cx="8762956" cy="261610"/>
          </a:xfrm>
          <a:prstGeom prst="rect">
            <a:avLst/>
          </a:prstGeom>
          <a:solidFill>
            <a:schemeClr val="bg2">
              <a:alpha val="87172"/>
            </a:schemeClr>
          </a:solidFill>
        </p:spPr>
        <p:txBody>
          <a:bodyPr wrap="square" rtlCol="0">
            <a:sp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100" dirty="0"/>
              <a:t>If the proper amount of collaboration and alignment between Portfolio and Product Teams do not exist, then Product Teams:</a:t>
            </a:r>
          </a:p>
        </p:txBody>
      </p:sp>
      <p:sp>
        <p:nvSpPr>
          <p:cNvPr id="14" name="TextBox 57, chunk 1">
            <a:extLst>
              <a:ext uri="{FF2B5EF4-FFF2-40B4-BE49-F238E27FC236}">
                <a16:creationId xmlns:a16="http://schemas.microsoft.com/office/drawing/2014/main" id="{EA6F7794-F10B-F047-AC13-8F03B84DFA92}"/>
              </a:ext>
            </a:extLst>
          </p:cNvPr>
          <p:cNvSpPr txBox="1"/>
          <p:nvPr/>
        </p:nvSpPr>
        <p:spPr>
          <a:xfrm>
            <a:off x="3629449" y="2988893"/>
            <a:ext cx="1152081" cy="1011215"/>
          </a:xfrm>
          <a:prstGeom prst="rect">
            <a:avLst/>
          </a:prstGeom>
          <a:solidFill>
            <a:schemeClr val="bg1"/>
          </a:solid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R="0" lvl="0" indent="0" algn="ctr" defTabSz="914400" fontAlgn="auto">
              <a:lnSpc>
                <a:spcPct val="100000"/>
              </a:lnSpc>
              <a:spcBef>
                <a:spcPts val="0"/>
              </a:spcBef>
              <a:spcAft>
                <a:spcPts val="0"/>
              </a:spcAft>
              <a:buClrTx/>
              <a:buSzTx/>
              <a:buFontTx/>
              <a:buNone/>
              <a:tabLst/>
              <a:defRPr sz="1050">
                <a:solidFill>
                  <a:schemeClr val="tx1">
                    <a:lumMod val="75000"/>
                    <a:lumOff val="25000"/>
                  </a:schemeClr>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en-US" dirty="0"/>
              <a:t>Waste capacity on work that may not be the most valuable</a:t>
            </a:r>
          </a:p>
        </p:txBody>
      </p:sp>
      <p:sp>
        <p:nvSpPr>
          <p:cNvPr id="15" name="TextBox 57, chunk 2">
            <a:extLst>
              <a:ext uri="{FF2B5EF4-FFF2-40B4-BE49-F238E27FC236}">
                <a16:creationId xmlns:a16="http://schemas.microsoft.com/office/drawing/2014/main" id="{B034F7DB-8F49-A544-A133-F232B89EDFEA}"/>
              </a:ext>
            </a:extLst>
          </p:cNvPr>
          <p:cNvSpPr txBox="1">
            <a:spLocks/>
          </p:cNvSpPr>
          <p:nvPr/>
        </p:nvSpPr>
        <p:spPr>
          <a:xfrm>
            <a:off x="4979369" y="2988893"/>
            <a:ext cx="1152081" cy="1011215"/>
          </a:xfrm>
          <a:prstGeom prst="rect">
            <a:avLst/>
          </a:prstGeom>
          <a:solidFill>
            <a:schemeClr val="bg1"/>
          </a:solid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R="0" lvl="0" indent="0" algn="ctr" defTabSz="914400" fontAlgn="auto">
              <a:lnSpc>
                <a:spcPct val="100000"/>
              </a:lnSpc>
              <a:spcBef>
                <a:spcPts val="0"/>
              </a:spcBef>
              <a:spcAft>
                <a:spcPts val="0"/>
              </a:spcAft>
              <a:buClrTx/>
              <a:buSzTx/>
              <a:buFontTx/>
              <a:buNone/>
              <a:tabLst/>
              <a:defRPr sz="1050">
                <a:solidFill>
                  <a:schemeClr val="tx1">
                    <a:lumMod val="75000"/>
                    <a:lumOff val="25000"/>
                  </a:schemeClr>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en-US" dirty="0"/>
              <a:t>Lose clarity on the next most important things to work on</a:t>
            </a:r>
          </a:p>
        </p:txBody>
      </p:sp>
      <p:sp>
        <p:nvSpPr>
          <p:cNvPr id="17" name="TextBox 57, chunk 3">
            <a:extLst>
              <a:ext uri="{FF2B5EF4-FFF2-40B4-BE49-F238E27FC236}">
                <a16:creationId xmlns:a16="http://schemas.microsoft.com/office/drawing/2014/main" id="{D8B0C52B-8871-6541-94D8-4E9DE2B5EA35}"/>
              </a:ext>
            </a:extLst>
          </p:cNvPr>
          <p:cNvSpPr txBox="1">
            <a:spLocks/>
          </p:cNvSpPr>
          <p:nvPr/>
        </p:nvSpPr>
        <p:spPr>
          <a:xfrm>
            <a:off x="6329289" y="2988893"/>
            <a:ext cx="1152081" cy="1011215"/>
          </a:xfrm>
          <a:prstGeom prst="rect">
            <a:avLst/>
          </a:prstGeom>
          <a:solidFill>
            <a:schemeClr val="bg1"/>
          </a:solid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R="0" lvl="0" indent="0" algn="ctr" defTabSz="914400" fontAlgn="auto">
              <a:lnSpc>
                <a:spcPct val="100000"/>
              </a:lnSpc>
              <a:spcBef>
                <a:spcPts val="0"/>
              </a:spcBef>
              <a:spcAft>
                <a:spcPts val="0"/>
              </a:spcAft>
              <a:buClrTx/>
              <a:buSzTx/>
              <a:buFontTx/>
              <a:buNone/>
              <a:tabLst/>
              <a:defRPr sz="1050">
                <a:solidFill>
                  <a:schemeClr val="tx1">
                    <a:lumMod val="75000"/>
                    <a:lumOff val="25000"/>
                  </a:schemeClr>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en-US"/>
              <a:t>Get blocked or starved and may pick up poorly defined work too early</a:t>
            </a:r>
            <a:endParaRPr lang="en-US" dirty="0"/>
          </a:p>
        </p:txBody>
      </p:sp>
      <p:sp>
        <p:nvSpPr>
          <p:cNvPr id="18" name="TextBox 57, chunk 4">
            <a:extLst>
              <a:ext uri="{FF2B5EF4-FFF2-40B4-BE49-F238E27FC236}">
                <a16:creationId xmlns:a16="http://schemas.microsoft.com/office/drawing/2014/main" id="{B15EA109-9CFE-7846-8245-49C6B9A14B4D}"/>
              </a:ext>
            </a:extLst>
          </p:cNvPr>
          <p:cNvSpPr txBox="1">
            <a:spLocks/>
          </p:cNvSpPr>
          <p:nvPr/>
        </p:nvSpPr>
        <p:spPr>
          <a:xfrm>
            <a:off x="7679209" y="2988893"/>
            <a:ext cx="1152081" cy="1011215"/>
          </a:xfrm>
          <a:prstGeom prst="rect">
            <a:avLst/>
          </a:prstGeom>
          <a:solidFill>
            <a:schemeClr val="bg1"/>
          </a:solid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R="0" lvl="0" indent="0" algn="ctr" defTabSz="914400" fontAlgn="auto">
              <a:lnSpc>
                <a:spcPct val="100000"/>
              </a:lnSpc>
              <a:spcBef>
                <a:spcPts val="0"/>
              </a:spcBef>
              <a:spcAft>
                <a:spcPts val="0"/>
              </a:spcAft>
              <a:buClrTx/>
              <a:buSzTx/>
              <a:buFontTx/>
              <a:buNone/>
              <a:tabLst/>
              <a:defRPr sz="1050">
                <a:solidFill>
                  <a:schemeClr val="tx1">
                    <a:lumMod val="75000"/>
                    <a:lumOff val="25000"/>
                  </a:schemeClr>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en-US"/>
              <a:t>Spend time scoping and planning work that may not move forward</a:t>
            </a:r>
            <a:endParaRPr lang="en-US" dirty="0"/>
          </a:p>
        </p:txBody>
      </p:sp>
      <p:sp>
        <p:nvSpPr>
          <p:cNvPr id="19" name="TextBox 57, chunk 5">
            <a:extLst>
              <a:ext uri="{FF2B5EF4-FFF2-40B4-BE49-F238E27FC236}">
                <a16:creationId xmlns:a16="http://schemas.microsoft.com/office/drawing/2014/main" id="{101972DE-3763-BD44-BAC7-7EB6621C8275}"/>
              </a:ext>
            </a:extLst>
          </p:cNvPr>
          <p:cNvSpPr txBox="1">
            <a:spLocks/>
          </p:cNvSpPr>
          <p:nvPr/>
        </p:nvSpPr>
        <p:spPr>
          <a:xfrm>
            <a:off x="9029130" y="2988893"/>
            <a:ext cx="1152081" cy="1011215"/>
          </a:xfrm>
          <a:prstGeom prst="rect">
            <a:avLst/>
          </a:prstGeom>
          <a:solidFill>
            <a:schemeClr val="bg1"/>
          </a:solid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R="0" lvl="0" indent="0" algn="ctr" defTabSz="914400" fontAlgn="auto">
              <a:lnSpc>
                <a:spcPct val="100000"/>
              </a:lnSpc>
              <a:spcBef>
                <a:spcPts val="0"/>
              </a:spcBef>
              <a:spcAft>
                <a:spcPts val="0"/>
              </a:spcAft>
              <a:buClrTx/>
              <a:buSzTx/>
              <a:buFontTx/>
              <a:buNone/>
              <a:tabLst/>
              <a:defRPr sz="1050">
                <a:solidFill>
                  <a:schemeClr val="tx1">
                    <a:lumMod val="75000"/>
                    <a:lumOff val="25000"/>
                  </a:schemeClr>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en-US" dirty="0"/>
              <a:t>Learn about dependencies and risks much later</a:t>
            </a:r>
          </a:p>
        </p:txBody>
      </p:sp>
      <p:sp>
        <p:nvSpPr>
          <p:cNvPr id="21" name="Rectangle 20">
            <a:extLst>
              <a:ext uri="{FF2B5EF4-FFF2-40B4-BE49-F238E27FC236}">
                <a16:creationId xmlns:a16="http://schemas.microsoft.com/office/drawing/2014/main" id="{655A4EB2-3DCF-514B-95E6-6431B8B88083}"/>
              </a:ext>
            </a:extLst>
          </p:cNvPr>
          <p:cNvSpPr/>
          <p:nvPr/>
        </p:nvSpPr>
        <p:spPr>
          <a:xfrm>
            <a:off x="2069477" y="1417944"/>
            <a:ext cx="8951449" cy="1011216"/>
          </a:xfrm>
          <a:prstGeom prst="rect">
            <a:avLst/>
          </a:prstGeom>
          <a:solidFill>
            <a:schemeClr val="bg1">
              <a:alpha val="85000"/>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73" name="Rectangle 72">
            <a:extLst>
              <a:ext uri="{FF2B5EF4-FFF2-40B4-BE49-F238E27FC236}">
                <a16:creationId xmlns:a16="http://schemas.microsoft.com/office/drawing/2014/main" id="{8505FD63-DB40-274C-9F6D-160B2C510FB6}"/>
              </a:ext>
            </a:extLst>
          </p:cNvPr>
          <p:cNvSpPr/>
          <p:nvPr/>
        </p:nvSpPr>
        <p:spPr>
          <a:xfrm>
            <a:off x="2069477" y="5011375"/>
            <a:ext cx="8951449" cy="1011216"/>
          </a:xfrm>
          <a:prstGeom prst="rect">
            <a:avLst/>
          </a:prstGeom>
          <a:solidFill>
            <a:schemeClr val="bg1">
              <a:alpha val="85000"/>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22" name="Slide Number Placeholder 21">
            <a:extLst>
              <a:ext uri="{FF2B5EF4-FFF2-40B4-BE49-F238E27FC236}">
                <a16:creationId xmlns:a16="http://schemas.microsoft.com/office/drawing/2014/main" id="{735E9B95-86F6-D842-A2CD-E4DEA8500984}"/>
              </a:ext>
            </a:extLst>
          </p:cNvPr>
          <p:cNvSpPr>
            <a:spLocks noGrp="1"/>
          </p:cNvSpPr>
          <p:nvPr>
            <p:ph type="sldNum" sz="quarter" idx="4"/>
          </p:nvPr>
        </p:nvSpPr>
        <p:spPr/>
        <p:txBody>
          <a:bodyPr/>
          <a:lstStyle/>
          <a:p>
            <a:fld id="{742ED878-647B-DB4D-84DF-0BCCAF9DD0BF}" type="slidenum">
              <a:rPr lang="en-US" smtClean="0"/>
              <a:pPr/>
              <a:t>29</a:t>
            </a:fld>
            <a:endParaRPr lang="en-US" dirty="0"/>
          </a:p>
        </p:txBody>
      </p:sp>
      <p:sp>
        <p:nvSpPr>
          <p:cNvPr id="67" name="Cross 66">
            <a:extLst>
              <a:ext uri="{FF2B5EF4-FFF2-40B4-BE49-F238E27FC236}">
                <a16:creationId xmlns:a16="http://schemas.microsoft.com/office/drawing/2014/main" id="{11A65BE6-FAD5-144B-A251-CF57BE6B9FE1}"/>
              </a:ext>
            </a:extLst>
          </p:cNvPr>
          <p:cNvSpPr/>
          <p:nvPr/>
        </p:nvSpPr>
        <p:spPr>
          <a:xfrm rot="3841567">
            <a:off x="3497870" y="4339523"/>
            <a:ext cx="438003" cy="438003"/>
          </a:xfrm>
          <a:prstGeom prst="plus">
            <a:avLst>
              <a:gd name="adj" fmla="val 44206"/>
            </a:avLst>
          </a:prstGeom>
          <a:solidFill>
            <a:srgbClr val="FF0000"/>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68" name="Cross 67">
            <a:extLst>
              <a:ext uri="{FF2B5EF4-FFF2-40B4-BE49-F238E27FC236}">
                <a16:creationId xmlns:a16="http://schemas.microsoft.com/office/drawing/2014/main" id="{39CA9C7E-414C-514E-8B7F-78DAD9C3F1AF}"/>
              </a:ext>
            </a:extLst>
          </p:cNvPr>
          <p:cNvSpPr/>
          <p:nvPr/>
        </p:nvSpPr>
        <p:spPr>
          <a:xfrm rot="3841567">
            <a:off x="2136901" y="2563886"/>
            <a:ext cx="438003" cy="438003"/>
          </a:xfrm>
          <a:prstGeom prst="plus">
            <a:avLst>
              <a:gd name="adj" fmla="val 44206"/>
            </a:avLst>
          </a:prstGeom>
          <a:solidFill>
            <a:srgbClr val="FF0000"/>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Tree>
    <p:extLst>
      <p:ext uri="{BB962C8B-B14F-4D97-AF65-F5344CB8AC3E}">
        <p14:creationId xmlns:p14="http://schemas.microsoft.com/office/powerpoint/2010/main" val="11995853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2905B6CF-E756-9D49-AFD4-DB49566C3440}"/>
              </a:ext>
            </a:extLst>
          </p:cNvPr>
          <p:cNvSpPr>
            <a:spLocks noGrp="1"/>
          </p:cNvSpPr>
          <p:nvPr>
            <p:ph type="sldNum" sz="quarter" idx="11"/>
          </p:nvPr>
        </p:nvSpPr>
        <p:spPr/>
        <p:txBody>
          <a:bodyPr/>
          <a:lstStyle/>
          <a:p>
            <a:fld id="{742ED878-647B-DB4D-84DF-0BCCAF9DD0BF}" type="slidenum">
              <a:rPr lang="en-US" smtClean="0"/>
              <a:pPr/>
              <a:t>3</a:t>
            </a:fld>
            <a:endParaRPr lang="en-US" dirty="0"/>
          </a:p>
        </p:txBody>
      </p:sp>
      <p:sp>
        <p:nvSpPr>
          <p:cNvPr id="3" name="Title 2">
            <a:extLst>
              <a:ext uri="{FF2B5EF4-FFF2-40B4-BE49-F238E27FC236}">
                <a16:creationId xmlns:a16="http://schemas.microsoft.com/office/drawing/2014/main" id="{EA92A33F-00B4-C347-ABFD-9A8DE470483D}"/>
              </a:ext>
            </a:extLst>
          </p:cNvPr>
          <p:cNvSpPr>
            <a:spLocks noGrp="1"/>
          </p:cNvSpPr>
          <p:nvPr>
            <p:ph type="title"/>
          </p:nvPr>
        </p:nvSpPr>
        <p:spPr/>
        <p:txBody>
          <a:bodyPr/>
          <a:lstStyle/>
          <a:p>
            <a:r>
              <a:rPr lang="en-US" dirty="0"/>
              <a:t>Take My slides with you... </a:t>
            </a:r>
          </a:p>
        </p:txBody>
      </p:sp>
      <p:sp>
        <p:nvSpPr>
          <p:cNvPr id="2" name="Content Placeholder 1">
            <a:extLst>
              <a:ext uri="{FF2B5EF4-FFF2-40B4-BE49-F238E27FC236}">
                <a16:creationId xmlns:a16="http://schemas.microsoft.com/office/drawing/2014/main" id="{89072A4C-1084-F149-995A-382514D88EBF}"/>
              </a:ext>
            </a:extLst>
          </p:cNvPr>
          <p:cNvSpPr>
            <a:spLocks noGrp="1"/>
          </p:cNvSpPr>
          <p:nvPr>
            <p:ph sz="quarter" idx="12"/>
          </p:nvPr>
        </p:nvSpPr>
        <p:spPr/>
        <p:txBody>
          <a:bodyPr/>
          <a:lstStyle/>
          <a:p>
            <a:pPr algn="ctr"/>
            <a:r>
              <a:rPr lang="en-US" sz="3200" dirty="0"/>
              <a:t>Text for Deck:</a:t>
            </a:r>
          </a:p>
          <a:p>
            <a:pPr algn="ctr"/>
            <a:r>
              <a:rPr lang="en-US" sz="3200" b="1" dirty="0">
                <a:solidFill>
                  <a:schemeClr val="bg2"/>
                </a:solidFill>
              </a:rPr>
              <a:t>PORTFOLIO</a:t>
            </a:r>
            <a:r>
              <a:rPr lang="en-US" sz="3200" dirty="0">
                <a:solidFill>
                  <a:srgbClr val="4ABD92"/>
                </a:solidFill>
              </a:rPr>
              <a:t> </a:t>
            </a:r>
          </a:p>
          <a:p>
            <a:pPr algn="ctr"/>
            <a:r>
              <a:rPr lang="en-US" sz="3200" dirty="0"/>
              <a:t>1-844-414-9981</a:t>
            </a:r>
          </a:p>
          <a:p>
            <a:endParaRPr lang="en-US" dirty="0"/>
          </a:p>
          <a:p>
            <a:endParaRPr lang="en-US" dirty="0"/>
          </a:p>
        </p:txBody>
      </p:sp>
    </p:spTree>
    <p:extLst>
      <p:ext uri="{BB962C8B-B14F-4D97-AF65-F5344CB8AC3E}">
        <p14:creationId xmlns:p14="http://schemas.microsoft.com/office/powerpoint/2010/main" val="393096105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p:txBody>
          <a:bodyPr/>
          <a:lstStyle/>
          <a:p>
            <a:r>
              <a:rPr lang="en-US" dirty="0"/>
              <a:t>Prioritization Techniques</a:t>
            </a:r>
          </a:p>
        </p:txBody>
      </p:sp>
      <p:sp>
        <p:nvSpPr>
          <p:cNvPr id="5" name="Subtitle 4"/>
          <p:cNvSpPr>
            <a:spLocks noGrp="1"/>
          </p:cNvSpPr>
          <p:nvPr>
            <p:ph type="subTitle" idx="1"/>
          </p:nvPr>
        </p:nvSpPr>
        <p:spPr/>
        <p:txBody>
          <a:bodyPr/>
          <a:lstStyle/>
          <a:p>
            <a:endParaRPr lang="en-US"/>
          </a:p>
        </p:txBody>
      </p:sp>
    </p:spTree>
    <p:extLst>
      <p:ext uri="{BB962C8B-B14F-4D97-AF65-F5344CB8AC3E}">
        <p14:creationId xmlns:p14="http://schemas.microsoft.com/office/powerpoint/2010/main" val="19882113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2" name="Slide Number Placeholder 51">
            <a:extLst>
              <a:ext uri="{FF2B5EF4-FFF2-40B4-BE49-F238E27FC236}">
                <a16:creationId xmlns:a16="http://schemas.microsoft.com/office/drawing/2014/main" id="{B84C2592-D5FC-944B-9307-B873BC6A359F}"/>
              </a:ext>
            </a:extLst>
          </p:cNvPr>
          <p:cNvSpPr>
            <a:spLocks noGrp="1"/>
          </p:cNvSpPr>
          <p:nvPr>
            <p:ph type="sldNum" sz="quarter" idx="4"/>
          </p:nvPr>
        </p:nvSpPr>
        <p:spPr/>
        <p:txBody>
          <a:bodyPr/>
          <a:lstStyle/>
          <a:p>
            <a:fld id="{742ED878-647B-DB4D-84DF-0BCCAF9DD0BF}" type="slidenum">
              <a:rPr lang="en-US" smtClean="0"/>
              <a:pPr/>
              <a:t>31</a:t>
            </a:fld>
            <a:endParaRPr lang="en-US" dirty="0"/>
          </a:p>
        </p:txBody>
      </p:sp>
      <p:sp>
        <p:nvSpPr>
          <p:cNvPr id="4" name="Title 3"/>
          <p:cNvSpPr>
            <a:spLocks noGrp="1"/>
          </p:cNvSpPr>
          <p:nvPr>
            <p:ph type="title"/>
          </p:nvPr>
        </p:nvSpPr>
        <p:spPr/>
        <p:txBody>
          <a:bodyPr/>
          <a:lstStyle/>
          <a:p>
            <a:r>
              <a:rPr lang="en-US" dirty="0"/>
              <a:t>Cost of Delay</a:t>
            </a:r>
          </a:p>
        </p:txBody>
      </p:sp>
      <p:pic>
        <p:nvPicPr>
          <p:cNvPr id="22" name="Graphic 21">
            <a:extLst>
              <a:ext uri="{FF2B5EF4-FFF2-40B4-BE49-F238E27FC236}">
                <a16:creationId xmlns:a16="http://schemas.microsoft.com/office/drawing/2014/main" id="{FEC6697B-651F-FB48-A067-82068567F1DF}"/>
              </a:ext>
            </a:extLst>
          </p:cNvPr>
          <p:cNvPicPr>
            <a:picLocks noChangeAspect="1"/>
          </p:cNvPicPr>
          <p:nvPr/>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936030" y="3136769"/>
            <a:ext cx="5822692" cy="3308203"/>
          </a:xfrm>
          <a:prstGeom prst="rect">
            <a:avLst/>
          </a:prstGeom>
        </p:spPr>
      </p:pic>
      <p:sp>
        <p:nvSpPr>
          <p:cNvPr id="23" name="Rectangle 22">
            <a:extLst>
              <a:ext uri="{FF2B5EF4-FFF2-40B4-BE49-F238E27FC236}">
                <a16:creationId xmlns:a16="http://schemas.microsoft.com/office/drawing/2014/main" id="{3BBCFC6D-FE50-844F-810D-965DD2E2486D}"/>
              </a:ext>
            </a:extLst>
          </p:cNvPr>
          <p:cNvSpPr/>
          <p:nvPr/>
        </p:nvSpPr>
        <p:spPr>
          <a:xfrm>
            <a:off x="6584616" y="3505686"/>
            <a:ext cx="4621132" cy="1446550"/>
          </a:xfrm>
          <a:prstGeom prst="rect">
            <a:avLst/>
          </a:prstGeom>
        </p:spPr>
        <p:txBody>
          <a:bodyPr wrap="square">
            <a:spAutoFit/>
          </a:bodyPr>
          <a:lstStyle/>
          <a:p>
            <a:pPr>
              <a:buClr>
                <a:schemeClr val="accent4">
                  <a:lumMod val="60000"/>
                  <a:lumOff val="40000"/>
                </a:schemeClr>
              </a:buClr>
            </a:pPr>
            <a:r>
              <a:rPr lang="en-US" sz="1600" spc="180" dirty="0">
                <a:solidFill>
                  <a:schemeClr val="accent1"/>
                </a:solidFill>
                <a:latin typeface="+mj-lt"/>
              </a:rPr>
              <a:t>COST OF DELAY: </a:t>
            </a:r>
          </a:p>
          <a:p>
            <a:pPr marL="285750" indent="-285750">
              <a:buClr>
                <a:schemeClr val="accent1"/>
              </a:buClr>
              <a:buFont typeface="Arial" panose="020B0604020202020204" pitchFamily="34" charset="0"/>
              <a:buChar char="•"/>
            </a:pPr>
            <a:r>
              <a:rPr lang="en-US" dirty="0">
                <a:solidFill>
                  <a:schemeClr val="accent1"/>
                </a:solidFill>
              </a:rPr>
              <a:t>The value that could be earned each month a project is in the market</a:t>
            </a:r>
          </a:p>
          <a:p>
            <a:pPr marL="285750" indent="-285750">
              <a:buClr>
                <a:schemeClr val="accent1"/>
              </a:buClr>
              <a:buFont typeface="Arial" panose="020B0604020202020204" pitchFamily="34" charset="0"/>
              <a:buChar char="•"/>
            </a:pPr>
            <a:r>
              <a:rPr lang="en-US" dirty="0">
                <a:solidFill>
                  <a:schemeClr val="accent1"/>
                </a:solidFill>
              </a:rPr>
              <a:t>It is a way of communicating the impact of time on desired outcomes</a:t>
            </a:r>
          </a:p>
        </p:txBody>
      </p:sp>
      <p:cxnSp>
        <p:nvCxnSpPr>
          <p:cNvPr id="32" name="Straight Arrow Connector 31">
            <a:extLst>
              <a:ext uri="{FF2B5EF4-FFF2-40B4-BE49-F238E27FC236}">
                <a16:creationId xmlns:a16="http://schemas.microsoft.com/office/drawing/2014/main" id="{DF63441C-7DA3-2544-A370-C7A8352B866F}"/>
              </a:ext>
            </a:extLst>
          </p:cNvPr>
          <p:cNvCxnSpPr>
            <a:cxnSpLocks/>
          </p:cNvCxnSpPr>
          <p:nvPr/>
        </p:nvCxnSpPr>
        <p:spPr>
          <a:xfrm>
            <a:off x="4824545" y="3505686"/>
            <a:ext cx="0" cy="1129196"/>
          </a:xfrm>
          <a:prstGeom prst="straightConnector1">
            <a:avLst/>
          </a:prstGeom>
          <a:ln w="25400">
            <a:solidFill>
              <a:schemeClr val="accent1"/>
            </a:solidFill>
            <a:prstDash val="dash"/>
            <a:headEnd type="triangle"/>
            <a:tailEnd type="triangle"/>
          </a:ln>
          <a:effectLst/>
        </p:spPr>
        <p:style>
          <a:lnRef idx="2">
            <a:schemeClr val="accent1"/>
          </a:lnRef>
          <a:fillRef idx="0">
            <a:schemeClr val="accent1"/>
          </a:fillRef>
          <a:effectRef idx="1">
            <a:schemeClr val="accent1"/>
          </a:effectRef>
          <a:fontRef idx="minor">
            <a:schemeClr val="tx1"/>
          </a:fontRef>
        </p:style>
      </p:cxnSp>
      <p:grpSp>
        <p:nvGrpSpPr>
          <p:cNvPr id="41" name="Group 40">
            <a:extLst>
              <a:ext uri="{FF2B5EF4-FFF2-40B4-BE49-F238E27FC236}">
                <a16:creationId xmlns:a16="http://schemas.microsoft.com/office/drawing/2014/main" id="{61D5ACB6-8ADD-5E4C-8B2C-442D4467921F}"/>
              </a:ext>
            </a:extLst>
          </p:cNvPr>
          <p:cNvGrpSpPr/>
          <p:nvPr/>
        </p:nvGrpSpPr>
        <p:grpSpPr>
          <a:xfrm>
            <a:off x="1417199" y="1824616"/>
            <a:ext cx="4965573" cy="1158370"/>
            <a:chOff x="6410639" y="1243213"/>
            <a:chExt cx="4965573" cy="1158370"/>
          </a:xfrm>
        </p:grpSpPr>
        <p:sp>
          <p:nvSpPr>
            <p:cNvPr id="48" name="Rectangle 47">
              <a:extLst>
                <a:ext uri="{FF2B5EF4-FFF2-40B4-BE49-F238E27FC236}">
                  <a16:creationId xmlns:a16="http://schemas.microsoft.com/office/drawing/2014/main" id="{CBF46736-73EE-104C-A39A-727C126EB288}"/>
                </a:ext>
              </a:extLst>
            </p:cNvPr>
            <p:cNvSpPr/>
            <p:nvPr/>
          </p:nvSpPr>
          <p:spPr>
            <a:xfrm>
              <a:off x="6432804" y="2170751"/>
              <a:ext cx="3545728" cy="230832"/>
            </a:xfrm>
            <a:prstGeom prst="rect">
              <a:avLst/>
            </a:prstGeom>
          </p:spPr>
          <p:txBody>
            <a:bodyPr wrap="square">
              <a:spAutoFit/>
            </a:bodyPr>
            <a:lstStyle/>
            <a:p>
              <a:pPr>
                <a:buClr>
                  <a:schemeClr val="accent4">
                    <a:lumMod val="60000"/>
                    <a:lumOff val="40000"/>
                  </a:schemeClr>
                </a:buClr>
              </a:pPr>
              <a:r>
                <a:rPr lang="en-US" sz="900" dirty="0">
                  <a:solidFill>
                    <a:schemeClr val="tx1">
                      <a:lumMod val="50000"/>
                      <a:lumOff val="50000"/>
                    </a:schemeClr>
                  </a:solidFill>
                </a:rPr>
                <a:t>—D. </a:t>
              </a:r>
              <a:r>
                <a:rPr lang="en-US" sz="900" dirty="0" err="1">
                  <a:solidFill>
                    <a:schemeClr val="tx1">
                      <a:lumMod val="50000"/>
                      <a:lumOff val="50000"/>
                    </a:schemeClr>
                  </a:solidFill>
                </a:rPr>
                <a:t>Reinertsen</a:t>
              </a:r>
              <a:r>
                <a:rPr lang="en-US" sz="900" dirty="0">
                  <a:solidFill>
                    <a:schemeClr val="tx1">
                      <a:lumMod val="50000"/>
                      <a:lumOff val="50000"/>
                    </a:schemeClr>
                  </a:solidFill>
                </a:rPr>
                <a:t>, The Principles of Product Development Flow</a:t>
              </a:r>
              <a:endParaRPr lang="en-US" sz="900" spc="180" dirty="0">
                <a:solidFill>
                  <a:schemeClr val="tx1">
                    <a:lumMod val="50000"/>
                    <a:lumOff val="50000"/>
                  </a:schemeClr>
                </a:solidFill>
                <a:latin typeface="+mj-lt"/>
              </a:endParaRPr>
            </a:p>
          </p:txBody>
        </p:sp>
        <p:sp>
          <p:nvSpPr>
            <p:cNvPr id="49" name="Content Placeholder 4">
              <a:extLst>
                <a:ext uri="{FF2B5EF4-FFF2-40B4-BE49-F238E27FC236}">
                  <a16:creationId xmlns:a16="http://schemas.microsoft.com/office/drawing/2014/main" id="{26A9C0EE-1CA2-7D49-9B2A-BE3D1C5824A6}"/>
                </a:ext>
              </a:extLst>
            </p:cNvPr>
            <p:cNvSpPr txBox="1">
              <a:spLocks/>
            </p:cNvSpPr>
            <p:nvPr/>
          </p:nvSpPr>
          <p:spPr>
            <a:xfrm>
              <a:off x="6410639" y="1243213"/>
              <a:ext cx="4965573" cy="914400"/>
            </a:xfrm>
            <a:prstGeom prst="rect">
              <a:avLst/>
            </a:prstGeom>
            <a:ln>
              <a:noFill/>
            </a:ln>
          </p:spPr>
          <p:txBody>
            <a:bodyPr vert="horz" lIns="91440" tIns="45720" rIns="91440" bIns="45720" rtlCol="0">
              <a:normAutofit lnSpcReduction="10000"/>
            </a:bodyPr>
            <a:lstStyle>
              <a:lvl1pPr marL="0" indent="0" algn="l" defTabSz="457200" rtl="0" eaLnBrk="1" latinLnBrk="0" hangingPunct="1">
                <a:spcBef>
                  <a:spcPts val="400"/>
                </a:spcBef>
                <a:spcAft>
                  <a:spcPts val="800"/>
                </a:spcAft>
                <a:buFont typeface="Arial"/>
                <a:buNone/>
                <a:defRPr lang="en-US" sz="2200" b="0" kern="1200">
                  <a:solidFill>
                    <a:schemeClr val="accent4">
                      <a:lumMod val="75000"/>
                    </a:schemeClr>
                  </a:solidFill>
                  <a:latin typeface="+mn-lt"/>
                  <a:ea typeface="+mn-ea"/>
                  <a:cs typeface="+mn-cs"/>
                </a:defRPr>
              </a:lvl1pPr>
              <a:lvl2pPr marL="517525" indent="-228600" algn="l" defTabSz="457200" rtl="0" eaLnBrk="1" latinLnBrk="0" hangingPunct="1">
                <a:spcBef>
                  <a:spcPts val="400"/>
                </a:spcBef>
                <a:spcAft>
                  <a:spcPts val="800"/>
                </a:spcAft>
                <a:buClr>
                  <a:schemeClr val="accent4">
                    <a:lumMod val="60000"/>
                    <a:lumOff val="40000"/>
                  </a:schemeClr>
                </a:buClr>
                <a:buFont typeface="Arial" charset="0"/>
                <a:buChar char="•"/>
                <a:tabLst/>
                <a:defRPr lang="en-US" sz="2200" b="0" kern="1200">
                  <a:solidFill>
                    <a:schemeClr val="accent4">
                      <a:lumMod val="75000"/>
                    </a:schemeClr>
                  </a:solidFill>
                  <a:latin typeface="+mn-lt"/>
                  <a:ea typeface="+mn-ea"/>
                  <a:cs typeface="+mn-cs"/>
                </a:defRPr>
              </a:lvl2pPr>
              <a:lvl3pPr marL="960120" indent="-228600" algn="l" defTabSz="457200" rtl="0" eaLnBrk="1" latinLnBrk="0" hangingPunct="1">
                <a:spcBef>
                  <a:spcPts val="400"/>
                </a:spcBef>
                <a:spcAft>
                  <a:spcPts val="800"/>
                </a:spcAft>
                <a:buClr>
                  <a:schemeClr val="accent4">
                    <a:lumMod val="60000"/>
                    <a:lumOff val="40000"/>
                  </a:schemeClr>
                </a:buClr>
                <a:buFont typeface="Arial"/>
                <a:buChar char="•"/>
                <a:defRPr lang="en-US" sz="2200" b="0" kern="1200">
                  <a:solidFill>
                    <a:schemeClr val="accent4">
                      <a:lumMod val="75000"/>
                    </a:schemeClr>
                  </a:solidFill>
                  <a:latin typeface="+mn-lt"/>
                  <a:ea typeface="+mn-ea"/>
                  <a:cs typeface="+mn-cs"/>
                </a:defRPr>
              </a:lvl3pPr>
              <a:lvl4pPr marL="1417320" indent="-228600" algn="l" defTabSz="457200" rtl="0" eaLnBrk="1" latinLnBrk="0" hangingPunct="1">
                <a:spcBef>
                  <a:spcPts val="400"/>
                </a:spcBef>
                <a:spcAft>
                  <a:spcPts val="800"/>
                </a:spcAft>
                <a:buClr>
                  <a:schemeClr val="accent4">
                    <a:lumMod val="60000"/>
                    <a:lumOff val="40000"/>
                  </a:schemeClr>
                </a:buClr>
                <a:buFont typeface="Arial" charset="0"/>
                <a:buChar char="•"/>
                <a:defRPr lang="en-US" sz="2200" b="0" kern="1200">
                  <a:solidFill>
                    <a:schemeClr val="accent4">
                      <a:lumMod val="75000"/>
                    </a:schemeClr>
                  </a:solidFill>
                  <a:latin typeface="+mn-lt"/>
                  <a:ea typeface="+mn-ea"/>
                  <a:cs typeface="+mn-cs"/>
                </a:defRPr>
              </a:lvl4pPr>
              <a:lvl5pPr marL="1874520" indent="-228600" algn="l" defTabSz="457200" rtl="0" eaLnBrk="1" latinLnBrk="0" hangingPunct="1">
                <a:spcBef>
                  <a:spcPts val="400"/>
                </a:spcBef>
                <a:spcAft>
                  <a:spcPts val="800"/>
                </a:spcAft>
                <a:buClr>
                  <a:schemeClr val="accent4">
                    <a:lumMod val="60000"/>
                    <a:lumOff val="40000"/>
                  </a:schemeClr>
                </a:buClr>
                <a:buFont typeface="Arial" charset="0"/>
                <a:buChar char="•"/>
                <a:defRPr lang="en-US" sz="2200" b="0" kern="1200">
                  <a:solidFill>
                    <a:schemeClr val="accent4">
                      <a:lumMod val="75000"/>
                    </a:schemeClr>
                  </a:solidFill>
                  <a:latin typeface="+mn-lt"/>
                  <a:ea typeface="+mn-ea"/>
                  <a:cs typeface="+mn-cs"/>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a:buClr>
                  <a:schemeClr val="accent4">
                    <a:lumMod val="60000"/>
                    <a:lumOff val="40000"/>
                  </a:schemeClr>
                </a:buClr>
              </a:pPr>
              <a:r>
                <a:rPr lang="en-US" sz="2800" dirty="0">
                  <a:solidFill>
                    <a:schemeClr val="bg1"/>
                  </a:solidFill>
                </a:rPr>
                <a:t>If you only measure one thing, measure </a:t>
              </a:r>
              <a:r>
                <a:rPr lang="en-US" sz="2800" dirty="0">
                  <a:solidFill>
                    <a:schemeClr val="accent1"/>
                  </a:solidFill>
                </a:rPr>
                <a:t>cost of delay</a:t>
              </a:r>
              <a:r>
                <a:rPr lang="en-US" sz="2800" dirty="0">
                  <a:solidFill>
                    <a:schemeClr val="bg1"/>
                  </a:solidFill>
                </a:rPr>
                <a:t>.</a:t>
              </a:r>
              <a:r>
                <a:rPr lang="en-US" sz="2800" dirty="0">
                  <a:solidFill>
                    <a:schemeClr val="accent1"/>
                  </a:solidFill>
                </a:rPr>
                <a:t> </a:t>
              </a:r>
            </a:p>
          </p:txBody>
        </p:sp>
      </p:grpSp>
      <p:pic>
        <p:nvPicPr>
          <p:cNvPr id="3" name="Graphic 2" descr="Open quotation mark with solid fill">
            <a:extLst>
              <a:ext uri="{FF2B5EF4-FFF2-40B4-BE49-F238E27FC236}">
                <a16:creationId xmlns:a16="http://schemas.microsoft.com/office/drawing/2014/main" id="{5C1C5D50-A5F9-0345-9487-62FA5338FF0F}"/>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651642" y="1373985"/>
            <a:ext cx="914400" cy="914400"/>
          </a:xfrm>
          <a:prstGeom prst="rect">
            <a:avLst/>
          </a:prstGeom>
        </p:spPr>
      </p:pic>
      <p:pic>
        <p:nvPicPr>
          <p:cNvPr id="17" name="Graphic 16" descr="Open quotation mark with solid fill">
            <a:extLst>
              <a:ext uri="{FF2B5EF4-FFF2-40B4-BE49-F238E27FC236}">
                <a16:creationId xmlns:a16="http://schemas.microsoft.com/office/drawing/2014/main" id="{3469BD1F-7B4F-D74B-A94C-BFDFFBBB0358}"/>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rot="10800000">
            <a:off x="5872229" y="2113784"/>
            <a:ext cx="914400" cy="914400"/>
          </a:xfrm>
          <a:prstGeom prst="rect">
            <a:avLst/>
          </a:prstGeom>
        </p:spPr>
      </p:pic>
    </p:spTree>
    <p:extLst>
      <p:ext uri="{BB962C8B-B14F-4D97-AF65-F5344CB8AC3E}">
        <p14:creationId xmlns:p14="http://schemas.microsoft.com/office/powerpoint/2010/main" val="11797153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881836A-6940-D54E-AA74-88971C2ACFFD}"/>
              </a:ext>
            </a:extLst>
          </p:cNvPr>
          <p:cNvSpPr>
            <a:spLocks noGrp="1"/>
          </p:cNvSpPr>
          <p:nvPr>
            <p:ph type="ctrTitle"/>
          </p:nvPr>
        </p:nvSpPr>
        <p:spPr/>
        <p:txBody>
          <a:bodyPr/>
          <a:lstStyle/>
          <a:p>
            <a:r>
              <a:rPr lang="en-US" dirty="0"/>
              <a:t>What is WSJF?</a:t>
            </a:r>
          </a:p>
        </p:txBody>
      </p:sp>
      <p:sp>
        <p:nvSpPr>
          <p:cNvPr id="2" name="Slide Number Placeholder 1">
            <a:extLst>
              <a:ext uri="{FF2B5EF4-FFF2-40B4-BE49-F238E27FC236}">
                <a16:creationId xmlns:a16="http://schemas.microsoft.com/office/drawing/2014/main" id="{158A3E7D-FF0B-E34C-BFE1-00DF0D8B4859}"/>
              </a:ext>
            </a:extLst>
          </p:cNvPr>
          <p:cNvSpPr>
            <a:spLocks noGrp="1"/>
          </p:cNvSpPr>
          <p:nvPr>
            <p:ph type="sldNum" sz="quarter" idx="4"/>
          </p:nvPr>
        </p:nvSpPr>
        <p:spPr/>
        <p:txBody>
          <a:bodyPr/>
          <a:lstStyle/>
          <a:p>
            <a:fld id="{742ED878-647B-DB4D-84DF-0BCCAF9DD0BF}" type="slidenum">
              <a:rPr lang="en-US" smtClean="0"/>
              <a:pPr/>
              <a:t>32</a:t>
            </a:fld>
            <a:endParaRPr lang="en-US" dirty="0"/>
          </a:p>
        </p:txBody>
      </p:sp>
      <p:sp>
        <p:nvSpPr>
          <p:cNvPr id="9" name="Content Placeholder 4, chunk 1">
            <a:extLst>
              <a:ext uri="{FF2B5EF4-FFF2-40B4-BE49-F238E27FC236}">
                <a16:creationId xmlns:a16="http://schemas.microsoft.com/office/drawing/2014/main" id="{1F1AD20D-CE26-A540-B5DD-0EC8F0A17165}"/>
              </a:ext>
            </a:extLst>
          </p:cNvPr>
          <p:cNvSpPr txBox="1"/>
          <p:nvPr/>
        </p:nvSpPr>
        <p:spPr>
          <a:xfrm>
            <a:off x="3993061" y="2079423"/>
            <a:ext cx="1828800" cy="770195"/>
          </a:xfrm>
          <a:prstGeom prst="wedgeRectCallout">
            <a:avLst>
              <a:gd name="adj1" fmla="val -20833"/>
              <a:gd name="adj2" fmla="val 80491"/>
            </a:avLst>
          </a:prstGeom>
          <a:solidFill>
            <a:schemeClr val="accent4">
              <a:lumMod val="20000"/>
              <a:lumOff val="80000"/>
            </a:schemeClr>
          </a:solidFill>
          <a:ln>
            <a:noFill/>
          </a:ln>
        </p:spPr>
        <p:txBody>
          <a:bodyPr vert="horz" wrap="square" lIns="91440" tIns="182880" rIns="91440" bIns="182880" rtlCol="0">
            <a:no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400" dirty="0"/>
              <a:t>An expression of business value</a:t>
            </a:r>
          </a:p>
        </p:txBody>
      </p:sp>
      <p:sp>
        <p:nvSpPr>
          <p:cNvPr id="10" name="Content Placeholder 4, chunk 2">
            <a:extLst>
              <a:ext uri="{FF2B5EF4-FFF2-40B4-BE49-F238E27FC236}">
                <a16:creationId xmlns:a16="http://schemas.microsoft.com/office/drawing/2014/main" id="{8BA25C6F-92BE-DE4A-9D4F-DD1F3DDDA182}"/>
              </a:ext>
            </a:extLst>
          </p:cNvPr>
          <p:cNvSpPr txBox="1"/>
          <p:nvPr/>
        </p:nvSpPr>
        <p:spPr>
          <a:xfrm>
            <a:off x="6085601" y="2079422"/>
            <a:ext cx="1828800" cy="770195"/>
          </a:xfrm>
          <a:prstGeom prst="wedgeRectCallout">
            <a:avLst>
              <a:gd name="adj1" fmla="val -20833"/>
              <a:gd name="adj2" fmla="val 77921"/>
            </a:avLst>
          </a:prstGeom>
          <a:solidFill>
            <a:schemeClr val="accent4">
              <a:lumMod val="20000"/>
              <a:lumOff val="80000"/>
            </a:schemeClr>
          </a:solidFill>
          <a:ln>
            <a:noFill/>
          </a:ln>
        </p:spPr>
        <p:txBody>
          <a:bodyPr vert="horz" wrap="square" lIns="91440" tIns="182880" rIns="91440" bIns="182880" rtlCol="0">
            <a:no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400" dirty="0"/>
              <a:t>Does the value decay over time?</a:t>
            </a:r>
          </a:p>
        </p:txBody>
      </p:sp>
      <p:sp>
        <p:nvSpPr>
          <p:cNvPr id="11" name="Content Placeholder 4, chunk 3">
            <a:extLst>
              <a:ext uri="{FF2B5EF4-FFF2-40B4-BE49-F238E27FC236}">
                <a16:creationId xmlns:a16="http://schemas.microsoft.com/office/drawing/2014/main" id="{8D40637F-16BC-9548-84E0-395FAF69C137}"/>
              </a:ext>
            </a:extLst>
          </p:cNvPr>
          <p:cNvSpPr txBox="1"/>
          <p:nvPr/>
        </p:nvSpPr>
        <p:spPr>
          <a:xfrm>
            <a:off x="8497108" y="2079422"/>
            <a:ext cx="2483222" cy="708276"/>
          </a:xfrm>
          <a:prstGeom prst="wedgeRectCallout">
            <a:avLst>
              <a:gd name="adj1" fmla="val -20833"/>
              <a:gd name="adj2" fmla="val 77920"/>
            </a:avLst>
          </a:prstGeom>
          <a:solidFill>
            <a:schemeClr val="accent4">
              <a:lumMod val="20000"/>
              <a:lumOff val="80000"/>
            </a:schemeClr>
          </a:solidFill>
          <a:ln>
            <a:noFill/>
          </a:ln>
        </p:spPr>
        <p:txBody>
          <a:bodyPr vert="horz" wrap="square" lIns="91440" tIns="182880" rIns="91440" bIns="182880" rtlCol="0">
            <a:no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400" dirty="0"/>
              <a:t>Does it reduce risks or create future opportunities?</a:t>
            </a:r>
          </a:p>
        </p:txBody>
      </p:sp>
      <p:sp>
        <p:nvSpPr>
          <p:cNvPr id="12" name="Content Placeholder 4, chunk 4">
            <a:extLst>
              <a:ext uri="{FF2B5EF4-FFF2-40B4-BE49-F238E27FC236}">
                <a16:creationId xmlns:a16="http://schemas.microsoft.com/office/drawing/2014/main" id="{1CB61838-9771-E148-B66C-34DE4BD523BA}"/>
              </a:ext>
            </a:extLst>
          </p:cNvPr>
          <p:cNvSpPr txBox="1"/>
          <p:nvPr/>
        </p:nvSpPr>
        <p:spPr>
          <a:xfrm>
            <a:off x="6917030" y="4850675"/>
            <a:ext cx="1580078" cy="770195"/>
          </a:xfrm>
          <a:prstGeom prst="wedgeRectCallout">
            <a:avLst>
              <a:gd name="adj1" fmla="val -21684"/>
              <a:gd name="adj2" fmla="val -76283"/>
            </a:avLst>
          </a:prstGeom>
          <a:solidFill>
            <a:schemeClr val="accent4">
              <a:lumMod val="20000"/>
              <a:lumOff val="80000"/>
            </a:schemeClr>
          </a:solidFill>
          <a:ln>
            <a:noFill/>
          </a:ln>
        </p:spPr>
        <p:txBody>
          <a:bodyPr vert="horz" wrap="square" lIns="91440" tIns="182880" rIns="91440" bIns="182880" rtlCol="0">
            <a:no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algn="ctr"/>
            <a:r>
              <a:rPr lang="en-US" sz="1400" dirty="0"/>
              <a:t>How long will it take to deliver?</a:t>
            </a:r>
            <a:endParaRPr lang="en-US" sz="1800" dirty="0"/>
          </a:p>
        </p:txBody>
      </p:sp>
      <p:sp>
        <p:nvSpPr>
          <p:cNvPr id="13" name="Content Placeholder 4, chunk 1">
            <a:extLst>
              <a:ext uri="{FF2B5EF4-FFF2-40B4-BE49-F238E27FC236}">
                <a16:creationId xmlns:a16="http://schemas.microsoft.com/office/drawing/2014/main" id="{BB6E4088-C29C-AD46-82BB-E54BB43FA61C}"/>
              </a:ext>
            </a:extLst>
          </p:cNvPr>
          <p:cNvSpPr txBox="1"/>
          <p:nvPr/>
        </p:nvSpPr>
        <p:spPr>
          <a:xfrm>
            <a:off x="3898929" y="3264431"/>
            <a:ext cx="1828800" cy="523220"/>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400" spc="78" dirty="0">
                <a:solidFill>
                  <a:srgbClr val="243033"/>
                </a:solidFill>
                <a:latin typeface="+mj-lt"/>
              </a:rPr>
              <a:t>USER BUSINESS VALUE</a:t>
            </a:r>
          </a:p>
        </p:txBody>
      </p:sp>
      <p:sp>
        <p:nvSpPr>
          <p:cNvPr id="14" name="Content Placeholder 4, chunk 2">
            <a:extLst>
              <a:ext uri="{FF2B5EF4-FFF2-40B4-BE49-F238E27FC236}">
                <a16:creationId xmlns:a16="http://schemas.microsoft.com/office/drawing/2014/main" id="{F882C6A5-E8D1-724A-8225-241D7FC4D7C5}"/>
              </a:ext>
            </a:extLst>
          </p:cNvPr>
          <p:cNvSpPr txBox="1"/>
          <p:nvPr/>
        </p:nvSpPr>
        <p:spPr>
          <a:xfrm>
            <a:off x="5805445" y="3264431"/>
            <a:ext cx="1828800" cy="523220"/>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400" spc="78" dirty="0">
                <a:solidFill>
                  <a:srgbClr val="243033"/>
                </a:solidFill>
                <a:latin typeface="+mj-lt"/>
              </a:rPr>
              <a:t>TIME </a:t>
            </a:r>
            <a:br>
              <a:rPr lang="en-US" sz="1400" spc="78" dirty="0">
                <a:solidFill>
                  <a:srgbClr val="243033"/>
                </a:solidFill>
                <a:latin typeface="+mj-lt"/>
              </a:rPr>
            </a:br>
            <a:r>
              <a:rPr lang="en-US" sz="1400" spc="78" dirty="0">
                <a:solidFill>
                  <a:srgbClr val="243033"/>
                </a:solidFill>
                <a:latin typeface="+mj-lt"/>
              </a:rPr>
              <a:t>CRITICALITY</a:t>
            </a:r>
          </a:p>
        </p:txBody>
      </p:sp>
      <p:sp>
        <p:nvSpPr>
          <p:cNvPr id="15" name="Content Placeholder 4, chunk 3">
            <a:extLst>
              <a:ext uri="{FF2B5EF4-FFF2-40B4-BE49-F238E27FC236}">
                <a16:creationId xmlns:a16="http://schemas.microsoft.com/office/drawing/2014/main" id="{568FE6BB-A23A-3F47-841B-FE4E4C1799AD}"/>
              </a:ext>
            </a:extLst>
          </p:cNvPr>
          <p:cNvSpPr txBox="1"/>
          <p:nvPr/>
        </p:nvSpPr>
        <p:spPr>
          <a:xfrm>
            <a:off x="7641675" y="3264431"/>
            <a:ext cx="3708051" cy="523220"/>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400" spc="78" dirty="0">
                <a:solidFill>
                  <a:srgbClr val="243033"/>
                </a:solidFill>
                <a:latin typeface="+mj-lt"/>
              </a:rPr>
              <a:t>RISK REDUCTION /</a:t>
            </a:r>
            <a:r>
              <a:rPr lang="en-US" sz="1400" spc="78" dirty="0">
                <a:solidFill>
                  <a:srgbClr val="243033"/>
                </a:solidFill>
                <a:latin typeface="Brandon Grotesque Black"/>
              </a:rPr>
              <a:t>OPPORTUNITY ENABLEMENT VALUE</a:t>
            </a:r>
          </a:p>
        </p:txBody>
      </p:sp>
      <p:sp>
        <p:nvSpPr>
          <p:cNvPr id="16" name="Content Placeholder 4, chunk 4">
            <a:extLst>
              <a:ext uri="{FF2B5EF4-FFF2-40B4-BE49-F238E27FC236}">
                <a16:creationId xmlns:a16="http://schemas.microsoft.com/office/drawing/2014/main" id="{A50A92E7-DC1D-CD40-920E-A59D373AC621}"/>
              </a:ext>
            </a:extLst>
          </p:cNvPr>
          <p:cNvSpPr txBox="1"/>
          <p:nvPr/>
        </p:nvSpPr>
        <p:spPr>
          <a:xfrm>
            <a:off x="6542373" y="4270727"/>
            <a:ext cx="1828800" cy="307777"/>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algn="ctr"/>
            <a:r>
              <a:rPr lang="en-US" sz="1400" spc="78" dirty="0">
                <a:solidFill>
                  <a:srgbClr val="243033"/>
                </a:solidFill>
                <a:latin typeface="+mj-lt"/>
              </a:rPr>
              <a:t>JOB SIZE</a:t>
            </a:r>
            <a:endParaRPr lang="en-US" sz="1800" spc="78" dirty="0">
              <a:latin typeface="+mj-lt"/>
            </a:endParaRPr>
          </a:p>
        </p:txBody>
      </p:sp>
      <p:sp>
        <p:nvSpPr>
          <p:cNvPr id="18" name="Content Placeholder 4, chunk 1">
            <a:extLst>
              <a:ext uri="{FF2B5EF4-FFF2-40B4-BE49-F238E27FC236}">
                <a16:creationId xmlns:a16="http://schemas.microsoft.com/office/drawing/2014/main" id="{EEDC72B6-A1E7-1A41-97F8-BDBAD4D34489}"/>
              </a:ext>
            </a:extLst>
          </p:cNvPr>
          <p:cNvSpPr txBox="1"/>
          <p:nvPr/>
        </p:nvSpPr>
        <p:spPr>
          <a:xfrm>
            <a:off x="1823600" y="3630706"/>
            <a:ext cx="1828800" cy="738664"/>
          </a:xfrm>
          <a:prstGeom prst="roundRect">
            <a:avLst/>
          </a:prstGeom>
          <a:solidFill>
            <a:schemeClr val="accent1"/>
          </a:solidFill>
          <a:ln>
            <a:noFill/>
          </a:ln>
        </p:spPr>
        <p:txBody>
          <a:bodyPr vert="horz" wrap="square" lIns="182880" tIns="182880" rIns="182880" bIns="182880" rtlCol="0" anchor="ctr" anchorCtr="0">
            <a:no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3600" spc="78" dirty="0">
                <a:solidFill>
                  <a:schemeClr val="bg1"/>
                </a:solidFill>
                <a:latin typeface="+mj-lt"/>
              </a:rPr>
              <a:t>WSJF</a:t>
            </a:r>
          </a:p>
        </p:txBody>
      </p:sp>
      <p:sp>
        <p:nvSpPr>
          <p:cNvPr id="19" name="Content Placeholder 4, chunk 1">
            <a:extLst>
              <a:ext uri="{FF2B5EF4-FFF2-40B4-BE49-F238E27FC236}">
                <a16:creationId xmlns:a16="http://schemas.microsoft.com/office/drawing/2014/main" id="{5E52957D-B406-1540-B90D-A30BF98A18A1}"/>
              </a:ext>
            </a:extLst>
          </p:cNvPr>
          <p:cNvSpPr txBox="1"/>
          <p:nvPr/>
        </p:nvSpPr>
        <p:spPr>
          <a:xfrm>
            <a:off x="3571497" y="3769204"/>
            <a:ext cx="546847" cy="523220"/>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2800" spc="78" dirty="0">
                <a:solidFill>
                  <a:srgbClr val="243033"/>
                </a:solidFill>
                <a:latin typeface="+mj-lt"/>
              </a:rPr>
              <a:t>=</a:t>
            </a:r>
          </a:p>
        </p:txBody>
      </p:sp>
      <p:cxnSp>
        <p:nvCxnSpPr>
          <p:cNvPr id="21" name="Straight Connector 20">
            <a:extLst>
              <a:ext uri="{FF2B5EF4-FFF2-40B4-BE49-F238E27FC236}">
                <a16:creationId xmlns:a16="http://schemas.microsoft.com/office/drawing/2014/main" id="{BC69D3F2-F514-434E-BB65-9A4723A9161C}"/>
              </a:ext>
            </a:extLst>
          </p:cNvPr>
          <p:cNvCxnSpPr/>
          <p:nvPr/>
        </p:nvCxnSpPr>
        <p:spPr>
          <a:xfrm>
            <a:off x="4118344" y="4030814"/>
            <a:ext cx="6861986" cy="0"/>
          </a:xfrm>
          <a:prstGeom prst="line">
            <a:avLst/>
          </a:prstGeom>
          <a:ln w="25400">
            <a:solidFill>
              <a:schemeClr val="tx1"/>
            </a:solidFill>
            <a:tailEnd type="none"/>
          </a:ln>
          <a:effectLst/>
        </p:spPr>
        <p:style>
          <a:lnRef idx="2">
            <a:schemeClr val="accent1"/>
          </a:lnRef>
          <a:fillRef idx="0">
            <a:schemeClr val="accent1"/>
          </a:fillRef>
          <a:effectRef idx="1">
            <a:schemeClr val="accent1"/>
          </a:effectRef>
          <a:fontRef idx="minor">
            <a:schemeClr val="tx1"/>
          </a:fontRef>
        </p:style>
      </p:cxnSp>
      <p:sp>
        <p:nvSpPr>
          <p:cNvPr id="22" name="Content Placeholder 4, chunk 1">
            <a:extLst>
              <a:ext uri="{FF2B5EF4-FFF2-40B4-BE49-F238E27FC236}">
                <a16:creationId xmlns:a16="http://schemas.microsoft.com/office/drawing/2014/main" id="{C7B6110E-1E1D-484E-B1A6-41FDDEFF27B0}"/>
              </a:ext>
            </a:extLst>
          </p:cNvPr>
          <p:cNvSpPr txBox="1"/>
          <p:nvPr/>
        </p:nvSpPr>
        <p:spPr>
          <a:xfrm>
            <a:off x="5548438" y="3297878"/>
            <a:ext cx="546847" cy="523220"/>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2800" spc="78" dirty="0">
                <a:solidFill>
                  <a:srgbClr val="243033"/>
                </a:solidFill>
                <a:latin typeface="+mj-lt"/>
              </a:rPr>
              <a:t>+</a:t>
            </a:r>
          </a:p>
        </p:txBody>
      </p:sp>
      <p:sp>
        <p:nvSpPr>
          <p:cNvPr id="23" name="Content Placeholder 4, chunk 1">
            <a:extLst>
              <a:ext uri="{FF2B5EF4-FFF2-40B4-BE49-F238E27FC236}">
                <a16:creationId xmlns:a16="http://schemas.microsoft.com/office/drawing/2014/main" id="{3BCBA9F8-21EC-DB49-BB34-C5DC8EACD451}"/>
              </a:ext>
            </a:extLst>
          </p:cNvPr>
          <p:cNvSpPr txBox="1"/>
          <p:nvPr/>
        </p:nvSpPr>
        <p:spPr>
          <a:xfrm>
            <a:off x="7344405" y="3297878"/>
            <a:ext cx="546847" cy="523220"/>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2800" spc="78" dirty="0">
                <a:solidFill>
                  <a:srgbClr val="243033"/>
                </a:solidFill>
                <a:latin typeface="+mj-lt"/>
              </a:rPr>
              <a:t>+</a:t>
            </a:r>
          </a:p>
        </p:txBody>
      </p:sp>
    </p:spTree>
    <p:extLst>
      <p:ext uri="{BB962C8B-B14F-4D97-AF65-F5344CB8AC3E}">
        <p14:creationId xmlns:p14="http://schemas.microsoft.com/office/powerpoint/2010/main" val="24494980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1703388" y="1836738"/>
            <a:ext cx="9467850" cy="1029597"/>
          </a:xfrm>
        </p:spPr>
        <p:txBody>
          <a:bodyPr/>
          <a:lstStyle/>
          <a:p>
            <a:pPr marL="342900" indent="-342900">
              <a:buFont typeface="Arial" panose="020B0604020202020204" pitchFamily="34" charset="0"/>
              <a:buChar char="•"/>
            </a:pPr>
            <a:r>
              <a:rPr lang="en-US" dirty="0"/>
              <a:t>3 Features of a certain value with a CD3 calculation (value / duration)</a:t>
            </a:r>
          </a:p>
          <a:p>
            <a:pPr marL="342900" indent="-342900">
              <a:buFont typeface="Arial" panose="020B0604020202020204" pitchFamily="34" charset="0"/>
              <a:buChar char="•"/>
            </a:pPr>
            <a:r>
              <a:rPr lang="en-US" dirty="0"/>
              <a:t>Total amount of value across three features is $19,000</a:t>
            </a:r>
          </a:p>
        </p:txBody>
      </p:sp>
      <p:sp>
        <p:nvSpPr>
          <p:cNvPr id="2" name="Title 1"/>
          <p:cNvSpPr>
            <a:spLocks noGrp="1"/>
          </p:cNvSpPr>
          <p:nvPr>
            <p:ph type="title"/>
          </p:nvPr>
        </p:nvSpPr>
        <p:spPr>
          <a:xfrm>
            <a:off x="1703350" y="358087"/>
            <a:ext cx="9468234" cy="868349"/>
          </a:xfrm>
        </p:spPr>
        <p:txBody>
          <a:bodyPr/>
          <a:lstStyle/>
          <a:p>
            <a:r>
              <a:rPr lang="en-US" dirty="0"/>
              <a:t>Compare Features</a:t>
            </a:r>
          </a:p>
        </p:txBody>
      </p:sp>
      <p:sp>
        <p:nvSpPr>
          <p:cNvPr id="6" name="Slide Number Placeholder 5">
            <a:extLst>
              <a:ext uri="{FF2B5EF4-FFF2-40B4-BE49-F238E27FC236}">
                <a16:creationId xmlns:a16="http://schemas.microsoft.com/office/drawing/2014/main" id="{B041484B-08A1-6041-9E18-F6DE7BB9C7E2}"/>
              </a:ext>
            </a:extLst>
          </p:cNvPr>
          <p:cNvSpPr>
            <a:spLocks noGrp="1"/>
          </p:cNvSpPr>
          <p:nvPr>
            <p:ph type="sldNum" sz="quarter" idx="4"/>
          </p:nvPr>
        </p:nvSpPr>
        <p:spPr>
          <a:xfrm>
            <a:off x="94594" y="6345839"/>
            <a:ext cx="557048" cy="365125"/>
          </a:xfrm>
        </p:spPr>
        <p:txBody>
          <a:bodyPr/>
          <a:lstStyle/>
          <a:p>
            <a:fld id="{742ED878-647B-DB4D-84DF-0BCCAF9DD0BF}" type="slidenum">
              <a:rPr lang="en-US" smtClean="0"/>
              <a:pPr/>
              <a:t>33</a:t>
            </a:fld>
            <a:endParaRPr lang="en-US" dirty="0"/>
          </a:p>
        </p:txBody>
      </p:sp>
      <p:graphicFrame>
        <p:nvGraphicFramePr>
          <p:cNvPr id="5" name="Table 4"/>
          <p:cNvGraphicFramePr>
            <a:graphicFrameLocks noGrp="1"/>
          </p:cNvGraphicFramePr>
          <p:nvPr>
            <p:extLst>
              <p:ext uri="{D42A27DB-BD31-4B8C-83A1-F6EECF244321}">
                <p14:modId xmlns:p14="http://schemas.microsoft.com/office/powerpoint/2010/main" val="2439972491"/>
              </p:ext>
            </p:extLst>
          </p:nvPr>
        </p:nvGraphicFramePr>
        <p:xfrm>
          <a:off x="2200835" y="3429000"/>
          <a:ext cx="6096000" cy="2304393"/>
        </p:xfrm>
        <a:graphic>
          <a:graphicData uri="http://schemas.openxmlformats.org/drawingml/2006/table">
            <a:tbl>
              <a:tblPr firstRow="1" bandRow="1">
                <a:tableStyleId>{5C22544A-7EE6-4342-B048-85BDC9FD1C3A}</a:tableStyleId>
              </a:tblPr>
              <a:tblGrid>
                <a:gridCol w="1524000">
                  <a:extLst>
                    <a:ext uri="{9D8B030D-6E8A-4147-A177-3AD203B41FA5}">
                      <a16:colId xmlns:a16="http://schemas.microsoft.com/office/drawing/2014/main" val="20000"/>
                    </a:ext>
                  </a:extLst>
                </a:gridCol>
                <a:gridCol w="1524000">
                  <a:extLst>
                    <a:ext uri="{9D8B030D-6E8A-4147-A177-3AD203B41FA5}">
                      <a16:colId xmlns:a16="http://schemas.microsoft.com/office/drawing/2014/main" val="20001"/>
                    </a:ext>
                  </a:extLst>
                </a:gridCol>
                <a:gridCol w="1524000">
                  <a:extLst>
                    <a:ext uri="{9D8B030D-6E8A-4147-A177-3AD203B41FA5}">
                      <a16:colId xmlns:a16="http://schemas.microsoft.com/office/drawing/2014/main" val="20002"/>
                    </a:ext>
                  </a:extLst>
                </a:gridCol>
                <a:gridCol w="1524000">
                  <a:extLst>
                    <a:ext uri="{9D8B030D-6E8A-4147-A177-3AD203B41FA5}">
                      <a16:colId xmlns:a16="http://schemas.microsoft.com/office/drawing/2014/main" val="20003"/>
                    </a:ext>
                  </a:extLst>
                </a:gridCol>
              </a:tblGrid>
              <a:tr h="538655">
                <a:tc>
                  <a:txBody>
                    <a:bodyPr/>
                    <a:lstStyle/>
                    <a:p>
                      <a:pPr algn="ctr"/>
                      <a:r>
                        <a:rPr lang="en-US" spc="120" baseline="0" dirty="0">
                          <a:latin typeface="+mj-lt"/>
                        </a:rPr>
                        <a:t>FEATURE</a:t>
                      </a:r>
                    </a:p>
                  </a:txBody>
                  <a:tcPr anchor="ctr">
                    <a:solidFill>
                      <a:schemeClr val="accent2"/>
                    </a:solidFill>
                  </a:tcPr>
                </a:tc>
                <a:tc>
                  <a:txBody>
                    <a:bodyPr/>
                    <a:lstStyle/>
                    <a:p>
                      <a:pPr algn="ctr"/>
                      <a:r>
                        <a:rPr lang="en-US" spc="120" baseline="0" dirty="0">
                          <a:latin typeface="+mj-lt"/>
                        </a:rPr>
                        <a:t>DURATION</a:t>
                      </a:r>
                    </a:p>
                  </a:txBody>
                  <a:tcPr anchor="ctr">
                    <a:solidFill>
                      <a:schemeClr val="accent2"/>
                    </a:solidFill>
                  </a:tcPr>
                </a:tc>
                <a:tc>
                  <a:txBody>
                    <a:bodyPr/>
                    <a:lstStyle/>
                    <a:p>
                      <a:pPr algn="ctr"/>
                      <a:r>
                        <a:rPr lang="en-US" spc="120" baseline="0" dirty="0">
                          <a:latin typeface="+mj-lt"/>
                        </a:rPr>
                        <a:t>VALUE</a:t>
                      </a:r>
                    </a:p>
                  </a:txBody>
                  <a:tcPr anchor="ctr">
                    <a:solidFill>
                      <a:schemeClr val="accent2"/>
                    </a:solidFill>
                  </a:tcPr>
                </a:tc>
                <a:tc>
                  <a:txBody>
                    <a:bodyPr/>
                    <a:lstStyle/>
                    <a:p>
                      <a:pPr algn="ctr"/>
                      <a:r>
                        <a:rPr lang="en-US" spc="120" baseline="0" dirty="0">
                          <a:latin typeface="+mj-lt"/>
                        </a:rPr>
                        <a:t>CD3</a:t>
                      </a:r>
                    </a:p>
                  </a:txBody>
                  <a:tcPr anchor="ctr"/>
                </a:tc>
                <a:extLst>
                  <a:ext uri="{0D108BD9-81ED-4DB2-BD59-A6C34878D82A}">
                    <a16:rowId xmlns:a16="http://schemas.microsoft.com/office/drawing/2014/main" val="10000"/>
                  </a:ext>
                </a:extLst>
              </a:tr>
              <a:tr h="599090">
                <a:tc>
                  <a:txBody>
                    <a:bodyPr/>
                    <a:lstStyle/>
                    <a:p>
                      <a:pPr algn="ctr"/>
                      <a:r>
                        <a:rPr lang="en-US" dirty="0">
                          <a:solidFill>
                            <a:schemeClr val="accent4">
                              <a:lumMod val="75000"/>
                            </a:schemeClr>
                          </a:solidFill>
                        </a:rPr>
                        <a:t>A</a:t>
                      </a:r>
                    </a:p>
                  </a:txBody>
                  <a:tcPr anchor="ctr">
                    <a:solidFill>
                      <a:schemeClr val="accent4">
                        <a:lumMod val="20000"/>
                        <a:lumOff val="80000"/>
                      </a:schemeClr>
                    </a:solidFill>
                  </a:tcPr>
                </a:tc>
                <a:tc>
                  <a:txBody>
                    <a:bodyPr/>
                    <a:lstStyle/>
                    <a:p>
                      <a:pPr algn="ctr"/>
                      <a:r>
                        <a:rPr lang="en-US" dirty="0">
                          <a:solidFill>
                            <a:schemeClr val="accent4">
                              <a:lumMod val="75000"/>
                            </a:schemeClr>
                          </a:solidFill>
                        </a:rPr>
                        <a:t>3 weeks</a:t>
                      </a:r>
                    </a:p>
                  </a:txBody>
                  <a:tcPr anchor="ctr">
                    <a:solidFill>
                      <a:schemeClr val="accent4">
                        <a:lumMod val="20000"/>
                        <a:lumOff val="80000"/>
                      </a:schemeClr>
                    </a:solidFill>
                  </a:tcPr>
                </a:tc>
                <a:tc>
                  <a:txBody>
                    <a:bodyPr/>
                    <a:lstStyle/>
                    <a:p>
                      <a:pPr algn="ctr"/>
                      <a:r>
                        <a:rPr lang="en-US" dirty="0">
                          <a:solidFill>
                            <a:schemeClr val="accent4">
                              <a:lumMod val="75000"/>
                            </a:schemeClr>
                          </a:solidFill>
                        </a:rPr>
                        <a:t>$3,000</a:t>
                      </a:r>
                    </a:p>
                  </a:txBody>
                  <a:tcPr anchor="ctr">
                    <a:solidFill>
                      <a:schemeClr val="accent4">
                        <a:lumMod val="20000"/>
                        <a:lumOff val="80000"/>
                      </a:schemeClr>
                    </a:solidFill>
                  </a:tcPr>
                </a:tc>
                <a:tc>
                  <a:txBody>
                    <a:bodyPr/>
                    <a:lstStyle/>
                    <a:p>
                      <a:pPr algn="ctr"/>
                      <a:r>
                        <a:rPr lang="en-US" dirty="0">
                          <a:solidFill>
                            <a:schemeClr val="accent4">
                              <a:lumMod val="75000"/>
                            </a:schemeClr>
                          </a:solidFill>
                        </a:rPr>
                        <a:t>1</a:t>
                      </a:r>
                    </a:p>
                  </a:txBody>
                  <a:tcPr anchor="ctr">
                    <a:solidFill>
                      <a:schemeClr val="accent4">
                        <a:lumMod val="20000"/>
                        <a:lumOff val="80000"/>
                      </a:schemeClr>
                    </a:solidFill>
                  </a:tcPr>
                </a:tc>
                <a:extLst>
                  <a:ext uri="{0D108BD9-81ED-4DB2-BD59-A6C34878D82A}">
                    <a16:rowId xmlns:a16="http://schemas.microsoft.com/office/drawing/2014/main" val="10001"/>
                  </a:ext>
                </a:extLst>
              </a:tr>
              <a:tr h="567558">
                <a:tc>
                  <a:txBody>
                    <a:bodyPr/>
                    <a:lstStyle/>
                    <a:p>
                      <a:pPr algn="ctr"/>
                      <a:r>
                        <a:rPr lang="en-US" dirty="0">
                          <a:solidFill>
                            <a:schemeClr val="accent4">
                              <a:lumMod val="75000"/>
                            </a:schemeClr>
                          </a:solidFill>
                        </a:rPr>
                        <a:t>B</a:t>
                      </a:r>
                    </a:p>
                  </a:txBody>
                  <a:tcPr anchor="ctr">
                    <a:solidFill>
                      <a:schemeClr val="accent4">
                        <a:lumMod val="40000"/>
                        <a:lumOff val="60000"/>
                      </a:schemeClr>
                    </a:solidFill>
                  </a:tcPr>
                </a:tc>
                <a:tc>
                  <a:txBody>
                    <a:bodyPr/>
                    <a:lstStyle/>
                    <a:p>
                      <a:pPr algn="ctr"/>
                      <a:r>
                        <a:rPr lang="en-US" dirty="0">
                          <a:solidFill>
                            <a:schemeClr val="accent4">
                              <a:lumMod val="75000"/>
                            </a:schemeClr>
                          </a:solidFill>
                        </a:rPr>
                        <a:t>4 weeks</a:t>
                      </a:r>
                    </a:p>
                  </a:txBody>
                  <a:tcPr anchor="ctr">
                    <a:solidFill>
                      <a:schemeClr val="accent4">
                        <a:lumMod val="40000"/>
                        <a:lumOff val="60000"/>
                      </a:schemeClr>
                    </a:solidFill>
                  </a:tcPr>
                </a:tc>
                <a:tc>
                  <a:txBody>
                    <a:bodyPr/>
                    <a:lstStyle/>
                    <a:p>
                      <a:pPr algn="ctr"/>
                      <a:r>
                        <a:rPr lang="en-US" dirty="0">
                          <a:solidFill>
                            <a:schemeClr val="accent4">
                              <a:lumMod val="75000"/>
                            </a:schemeClr>
                          </a:solidFill>
                        </a:rPr>
                        <a:t>$7,000</a:t>
                      </a:r>
                    </a:p>
                  </a:txBody>
                  <a:tcPr anchor="ctr">
                    <a:solidFill>
                      <a:schemeClr val="accent4">
                        <a:lumMod val="40000"/>
                        <a:lumOff val="60000"/>
                      </a:schemeClr>
                    </a:solidFill>
                  </a:tcPr>
                </a:tc>
                <a:tc>
                  <a:txBody>
                    <a:bodyPr/>
                    <a:lstStyle/>
                    <a:p>
                      <a:pPr algn="ctr"/>
                      <a:r>
                        <a:rPr lang="en-US" dirty="0">
                          <a:solidFill>
                            <a:schemeClr val="accent4">
                              <a:lumMod val="75000"/>
                            </a:schemeClr>
                          </a:solidFill>
                        </a:rPr>
                        <a:t>1.75</a:t>
                      </a:r>
                    </a:p>
                  </a:txBody>
                  <a:tcPr anchor="ctr">
                    <a:solidFill>
                      <a:schemeClr val="accent4">
                        <a:lumMod val="40000"/>
                        <a:lumOff val="60000"/>
                      </a:schemeClr>
                    </a:solidFill>
                  </a:tcPr>
                </a:tc>
                <a:extLst>
                  <a:ext uri="{0D108BD9-81ED-4DB2-BD59-A6C34878D82A}">
                    <a16:rowId xmlns:a16="http://schemas.microsoft.com/office/drawing/2014/main" val="10002"/>
                  </a:ext>
                </a:extLst>
              </a:tr>
              <a:tr h="599090">
                <a:tc>
                  <a:txBody>
                    <a:bodyPr/>
                    <a:lstStyle/>
                    <a:p>
                      <a:pPr algn="ctr"/>
                      <a:r>
                        <a:rPr lang="en-US" dirty="0">
                          <a:solidFill>
                            <a:schemeClr val="accent4">
                              <a:lumMod val="75000"/>
                            </a:schemeClr>
                          </a:solidFill>
                        </a:rPr>
                        <a:t>C</a:t>
                      </a:r>
                    </a:p>
                  </a:txBody>
                  <a:tcPr anchor="ctr">
                    <a:solidFill>
                      <a:schemeClr val="accent4">
                        <a:lumMod val="20000"/>
                        <a:lumOff val="80000"/>
                      </a:schemeClr>
                    </a:solidFill>
                  </a:tcPr>
                </a:tc>
                <a:tc>
                  <a:txBody>
                    <a:bodyPr/>
                    <a:lstStyle/>
                    <a:p>
                      <a:pPr algn="ctr"/>
                      <a:r>
                        <a:rPr lang="en-US" dirty="0">
                          <a:solidFill>
                            <a:schemeClr val="accent4">
                              <a:lumMod val="75000"/>
                            </a:schemeClr>
                          </a:solidFill>
                        </a:rPr>
                        <a:t>6 weeks</a:t>
                      </a:r>
                    </a:p>
                  </a:txBody>
                  <a:tcPr anchor="ctr">
                    <a:solidFill>
                      <a:schemeClr val="accent4">
                        <a:lumMod val="20000"/>
                        <a:lumOff val="80000"/>
                      </a:schemeClr>
                    </a:solidFill>
                  </a:tcPr>
                </a:tc>
                <a:tc>
                  <a:txBody>
                    <a:bodyPr/>
                    <a:lstStyle/>
                    <a:p>
                      <a:pPr algn="ctr"/>
                      <a:r>
                        <a:rPr lang="en-US" dirty="0">
                          <a:solidFill>
                            <a:schemeClr val="accent4">
                              <a:lumMod val="75000"/>
                            </a:schemeClr>
                          </a:solidFill>
                        </a:rPr>
                        <a:t>$9,000</a:t>
                      </a:r>
                    </a:p>
                  </a:txBody>
                  <a:tcPr anchor="ctr">
                    <a:solidFill>
                      <a:schemeClr val="accent4">
                        <a:lumMod val="20000"/>
                        <a:lumOff val="80000"/>
                      </a:schemeClr>
                    </a:solidFill>
                  </a:tcPr>
                </a:tc>
                <a:tc>
                  <a:txBody>
                    <a:bodyPr/>
                    <a:lstStyle/>
                    <a:p>
                      <a:pPr algn="ctr"/>
                      <a:r>
                        <a:rPr lang="en-US" dirty="0">
                          <a:solidFill>
                            <a:schemeClr val="accent4">
                              <a:lumMod val="75000"/>
                            </a:schemeClr>
                          </a:solidFill>
                        </a:rPr>
                        <a:t>1.5</a:t>
                      </a:r>
                    </a:p>
                  </a:txBody>
                  <a:tcPr anchor="ctr">
                    <a:solidFill>
                      <a:schemeClr val="accent4">
                        <a:lumMod val="20000"/>
                        <a:lumOff val="80000"/>
                      </a:schemeClr>
                    </a:solidFill>
                  </a:tcPr>
                </a:tc>
                <a:extLst>
                  <a:ext uri="{0D108BD9-81ED-4DB2-BD59-A6C34878D82A}">
                    <a16:rowId xmlns:a16="http://schemas.microsoft.com/office/drawing/2014/main" val="10003"/>
                  </a:ext>
                </a:extLst>
              </a:tr>
            </a:tbl>
          </a:graphicData>
        </a:graphic>
      </p:graphicFrame>
      <p:sp>
        <p:nvSpPr>
          <p:cNvPr id="4" name="TextBox 3">
            <a:extLst>
              <a:ext uri="{FF2B5EF4-FFF2-40B4-BE49-F238E27FC236}">
                <a16:creationId xmlns:a16="http://schemas.microsoft.com/office/drawing/2014/main" id="{C5840502-834A-894F-AECB-D9BB9D141E12}"/>
              </a:ext>
            </a:extLst>
          </p:cNvPr>
          <p:cNvSpPr txBox="1"/>
          <p:nvPr/>
        </p:nvSpPr>
        <p:spPr>
          <a:xfrm>
            <a:off x="2200837" y="5970240"/>
            <a:ext cx="6511463" cy="338554"/>
          </a:xfrm>
          <a:prstGeom prst="rect">
            <a:avLst/>
          </a:prstGeom>
          <a:noFill/>
        </p:spPr>
        <p:txBody>
          <a:bodyPr wrap="none" rtlCol="0">
            <a:spAutoFit/>
          </a:bodyPr>
          <a:lstStyle/>
          <a:p>
            <a:r>
              <a:rPr lang="en-US" sz="1600" b="1" dirty="0">
                <a:solidFill>
                  <a:schemeClr val="accent4">
                    <a:lumMod val="75000"/>
                  </a:schemeClr>
                </a:solidFill>
              </a:rPr>
              <a:t>Note</a:t>
            </a:r>
            <a:r>
              <a:rPr lang="en-US" sz="1600" dirty="0">
                <a:solidFill>
                  <a:schemeClr val="accent4">
                    <a:lumMod val="75000"/>
                  </a:schemeClr>
                </a:solidFill>
              </a:rPr>
              <a:t>: Values often are expressed using a relative scale (e.g., Fibonacci)</a:t>
            </a:r>
          </a:p>
        </p:txBody>
      </p:sp>
    </p:spTree>
    <p:extLst>
      <p:ext uri="{BB962C8B-B14F-4D97-AF65-F5344CB8AC3E}">
        <p14:creationId xmlns:p14="http://schemas.microsoft.com/office/powerpoint/2010/main" val="19068415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0" name="Rectangle 19">
            <a:extLst>
              <a:ext uri="{FF2B5EF4-FFF2-40B4-BE49-F238E27FC236}">
                <a16:creationId xmlns:a16="http://schemas.microsoft.com/office/drawing/2014/main" id="{266CC634-3E73-4041-8290-16FE6780A586}"/>
              </a:ext>
            </a:extLst>
          </p:cNvPr>
          <p:cNvSpPr/>
          <p:nvPr/>
        </p:nvSpPr>
        <p:spPr>
          <a:xfrm>
            <a:off x="1005286" y="1254642"/>
            <a:ext cx="10181427" cy="3136605"/>
          </a:xfrm>
          <a:prstGeom prst="rect">
            <a:avLst/>
          </a:prstGeom>
          <a:solidFill>
            <a:schemeClr val="accent4">
              <a:lumMod val="20000"/>
              <a:lumOff val="80000"/>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4" name="Snip Single Corner Rectangle 3">
            <a:extLst>
              <a:ext uri="{FF2B5EF4-FFF2-40B4-BE49-F238E27FC236}">
                <a16:creationId xmlns:a16="http://schemas.microsoft.com/office/drawing/2014/main" id="{6638A15F-4FF4-D74D-89C7-FC76C488FF52}"/>
              </a:ext>
            </a:extLst>
          </p:cNvPr>
          <p:cNvSpPr/>
          <p:nvPr/>
        </p:nvSpPr>
        <p:spPr>
          <a:xfrm>
            <a:off x="2492985" y="1900515"/>
            <a:ext cx="1560462" cy="2258568"/>
          </a:xfrm>
          <a:prstGeom prst="snip1Rect">
            <a:avLst/>
          </a:prstGeom>
          <a:solidFill>
            <a:schemeClr val="accent2"/>
          </a:solidFill>
          <a:ln w="9525">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17" name="Snip Single Corner Rectangle 16">
            <a:extLst>
              <a:ext uri="{FF2B5EF4-FFF2-40B4-BE49-F238E27FC236}">
                <a16:creationId xmlns:a16="http://schemas.microsoft.com/office/drawing/2014/main" id="{DAA60903-7C92-9B4B-A9FC-8C1E82988D8C}"/>
              </a:ext>
            </a:extLst>
          </p:cNvPr>
          <p:cNvSpPr/>
          <p:nvPr/>
        </p:nvSpPr>
        <p:spPr>
          <a:xfrm>
            <a:off x="4641255" y="2558883"/>
            <a:ext cx="1560462" cy="1600200"/>
          </a:xfrm>
          <a:prstGeom prst="snip1Rect">
            <a:avLst/>
          </a:prstGeom>
          <a:solidFill>
            <a:schemeClr val="accent2"/>
          </a:solidFill>
          <a:ln w="9525">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18" name="Snip Single Corner Rectangle 17">
            <a:extLst>
              <a:ext uri="{FF2B5EF4-FFF2-40B4-BE49-F238E27FC236}">
                <a16:creationId xmlns:a16="http://schemas.microsoft.com/office/drawing/2014/main" id="{C6EE6FCA-8801-724F-B915-2B8DAD1878F9}"/>
              </a:ext>
            </a:extLst>
          </p:cNvPr>
          <p:cNvSpPr/>
          <p:nvPr/>
        </p:nvSpPr>
        <p:spPr>
          <a:xfrm>
            <a:off x="8937796" y="2723475"/>
            <a:ext cx="1560462" cy="1435608"/>
          </a:xfrm>
          <a:prstGeom prst="snip1Rect">
            <a:avLst/>
          </a:prstGeom>
          <a:solidFill>
            <a:schemeClr val="accent2"/>
          </a:solidFill>
          <a:ln w="9525">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19" name="Snip Single Corner Rectangle 18">
            <a:extLst>
              <a:ext uri="{FF2B5EF4-FFF2-40B4-BE49-F238E27FC236}">
                <a16:creationId xmlns:a16="http://schemas.microsoft.com/office/drawing/2014/main" id="{06405CE2-B365-174A-BB83-C5B2ECF06C9E}"/>
              </a:ext>
            </a:extLst>
          </p:cNvPr>
          <p:cNvSpPr/>
          <p:nvPr/>
        </p:nvSpPr>
        <p:spPr>
          <a:xfrm>
            <a:off x="6789525" y="2449155"/>
            <a:ext cx="1560462" cy="1709928"/>
          </a:xfrm>
          <a:prstGeom prst="snip1Rect">
            <a:avLst/>
          </a:prstGeom>
          <a:solidFill>
            <a:schemeClr val="accent2"/>
          </a:solidFill>
          <a:ln w="9525">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2" name="Slide Number Placeholder 1">
            <a:extLst>
              <a:ext uri="{FF2B5EF4-FFF2-40B4-BE49-F238E27FC236}">
                <a16:creationId xmlns:a16="http://schemas.microsoft.com/office/drawing/2014/main" id="{41014B2B-C6D3-C540-8A38-7C728216C8F3}"/>
              </a:ext>
            </a:extLst>
          </p:cNvPr>
          <p:cNvSpPr>
            <a:spLocks noGrp="1"/>
          </p:cNvSpPr>
          <p:nvPr>
            <p:ph type="sldNum" sz="quarter" idx="4"/>
          </p:nvPr>
        </p:nvSpPr>
        <p:spPr/>
        <p:txBody>
          <a:bodyPr/>
          <a:lstStyle/>
          <a:p>
            <a:fld id="{742ED878-647B-DB4D-84DF-0BCCAF9DD0BF}" type="slidenum">
              <a:rPr lang="en-US" smtClean="0"/>
              <a:pPr/>
              <a:t>34</a:t>
            </a:fld>
            <a:endParaRPr lang="en-US" dirty="0"/>
          </a:p>
        </p:txBody>
      </p:sp>
      <p:sp>
        <p:nvSpPr>
          <p:cNvPr id="3" name="Title 2">
            <a:extLst>
              <a:ext uri="{FF2B5EF4-FFF2-40B4-BE49-F238E27FC236}">
                <a16:creationId xmlns:a16="http://schemas.microsoft.com/office/drawing/2014/main" id="{220E404E-9F6F-AF41-A03E-C92E1175BF4A}"/>
              </a:ext>
            </a:extLst>
          </p:cNvPr>
          <p:cNvSpPr>
            <a:spLocks noGrp="1"/>
          </p:cNvSpPr>
          <p:nvPr>
            <p:ph type="title"/>
          </p:nvPr>
        </p:nvSpPr>
        <p:spPr/>
        <p:txBody>
          <a:bodyPr/>
          <a:lstStyle/>
          <a:p>
            <a:r>
              <a:rPr lang="en-US" dirty="0"/>
              <a:t>Priority Impact on Cost of Delay</a:t>
            </a:r>
          </a:p>
        </p:txBody>
      </p:sp>
      <p:sp>
        <p:nvSpPr>
          <p:cNvPr id="13" name="Content Placeholder 2, chunk 1">
            <a:extLst>
              <a:ext uri="{FF2B5EF4-FFF2-40B4-BE49-F238E27FC236}">
                <a16:creationId xmlns:a16="http://schemas.microsoft.com/office/drawing/2014/main" id="{F842C15A-BDAA-0F4B-9C0C-1F1C93AC527F}"/>
              </a:ext>
            </a:extLst>
          </p:cNvPr>
          <p:cNvSpPr txBox="1"/>
          <p:nvPr/>
        </p:nvSpPr>
        <p:spPr>
          <a:xfrm>
            <a:off x="2492985" y="3725279"/>
            <a:ext cx="1560462" cy="276999"/>
          </a:xfrm>
          <a:prstGeom prst="rect">
            <a:avLst/>
          </a:prstGeom>
          <a:ln>
            <a:noFill/>
          </a:ln>
        </p:spPr>
        <p:txBody>
          <a:bodyPr vert="horz" wrap="square" lIns="91440" tIns="45720" rIns="91440" bIns="45720" rtlCol="0" anchor="b" anchorCtr="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200" spc="37" dirty="0">
                <a:solidFill>
                  <a:schemeClr val="bg1"/>
                </a:solidFill>
                <a:latin typeface="+mj-lt"/>
              </a:rPr>
              <a:t>NO PRIORITY</a:t>
            </a:r>
          </a:p>
        </p:txBody>
      </p:sp>
      <p:sp>
        <p:nvSpPr>
          <p:cNvPr id="14" name="Content Placeholder 2, chunk 2">
            <a:extLst>
              <a:ext uri="{FF2B5EF4-FFF2-40B4-BE49-F238E27FC236}">
                <a16:creationId xmlns:a16="http://schemas.microsoft.com/office/drawing/2014/main" id="{F7E119BC-6966-E54B-B168-9F28C85F6D77}"/>
              </a:ext>
            </a:extLst>
          </p:cNvPr>
          <p:cNvSpPr txBox="1">
            <a:spLocks/>
          </p:cNvSpPr>
          <p:nvPr/>
        </p:nvSpPr>
        <p:spPr>
          <a:xfrm>
            <a:off x="4634276" y="3540613"/>
            <a:ext cx="1560462" cy="461665"/>
          </a:xfrm>
          <a:prstGeom prst="rect">
            <a:avLst/>
          </a:prstGeom>
          <a:ln>
            <a:noFill/>
          </a:ln>
        </p:spPr>
        <p:txBody>
          <a:bodyPr vert="horz" wrap="square" lIns="91440" tIns="45720" rIns="91440" bIns="45720" rtlCol="0" anchor="b" anchorCtr="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200" spc="37" dirty="0">
                <a:solidFill>
                  <a:schemeClr val="bg1"/>
                </a:solidFill>
                <a:latin typeface="+mj-lt"/>
              </a:rPr>
              <a:t>SHORTEST JOB FIRST</a:t>
            </a:r>
          </a:p>
        </p:txBody>
      </p:sp>
      <p:sp>
        <p:nvSpPr>
          <p:cNvPr id="15" name="Content Placeholder 2, chunk 3">
            <a:extLst>
              <a:ext uri="{FF2B5EF4-FFF2-40B4-BE49-F238E27FC236}">
                <a16:creationId xmlns:a16="http://schemas.microsoft.com/office/drawing/2014/main" id="{8AF6C62E-9E20-794C-A734-6426EC12A4E0}"/>
              </a:ext>
            </a:extLst>
          </p:cNvPr>
          <p:cNvSpPr txBox="1">
            <a:spLocks/>
          </p:cNvSpPr>
          <p:nvPr/>
        </p:nvSpPr>
        <p:spPr>
          <a:xfrm>
            <a:off x="6789525" y="3540613"/>
            <a:ext cx="1560462" cy="461665"/>
          </a:xfrm>
          <a:prstGeom prst="rect">
            <a:avLst/>
          </a:prstGeom>
          <a:ln>
            <a:noFill/>
          </a:ln>
        </p:spPr>
        <p:txBody>
          <a:bodyPr vert="horz" wrap="square" lIns="91440" tIns="45720" rIns="91440" bIns="45720" rtlCol="0" anchor="b" anchorCtr="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200" spc="37" dirty="0">
                <a:solidFill>
                  <a:schemeClr val="bg1"/>
                </a:solidFill>
                <a:latin typeface="+mj-lt"/>
              </a:rPr>
              <a:t>MOST VALUABLE FIRST</a:t>
            </a:r>
          </a:p>
        </p:txBody>
      </p:sp>
      <p:sp>
        <p:nvSpPr>
          <p:cNvPr id="16" name="Content Placeholder 2, chunk 4">
            <a:extLst>
              <a:ext uri="{FF2B5EF4-FFF2-40B4-BE49-F238E27FC236}">
                <a16:creationId xmlns:a16="http://schemas.microsoft.com/office/drawing/2014/main" id="{C8A0C1E1-9F83-2446-BAA6-595FC24DF000}"/>
              </a:ext>
            </a:extLst>
          </p:cNvPr>
          <p:cNvSpPr txBox="1">
            <a:spLocks/>
          </p:cNvSpPr>
          <p:nvPr/>
        </p:nvSpPr>
        <p:spPr>
          <a:xfrm>
            <a:off x="8937796" y="3540613"/>
            <a:ext cx="1560462" cy="461665"/>
          </a:xfrm>
          <a:prstGeom prst="rect">
            <a:avLst/>
          </a:prstGeom>
          <a:ln>
            <a:noFill/>
          </a:ln>
        </p:spPr>
        <p:txBody>
          <a:bodyPr vert="horz" wrap="square" lIns="91440" tIns="45720" rIns="91440" bIns="45720" rtlCol="0" anchor="b" anchorCtr="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algn="ctr"/>
            <a:r>
              <a:rPr lang="en-US" sz="1200" spc="37" dirty="0">
                <a:solidFill>
                  <a:schemeClr val="bg1"/>
                </a:solidFill>
                <a:latin typeface="+mj-lt"/>
              </a:rPr>
              <a:t>DO BASED ON HIGHEST CD3</a:t>
            </a:r>
            <a:endParaRPr lang="en-US" sz="1600" spc="37" dirty="0">
              <a:solidFill>
                <a:schemeClr val="bg1"/>
              </a:solidFill>
              <a:latin typeface="+mj-lt"/>
            </a:endParaRPr>
          </a:p>
        </p:txBody>
      </p:sp>
      <p:sp>
        <p:nvSpPr>
          <p:cNvPr id="9" name="Content Placeholder 2, chunk 1">
            <a:extLst>
              <a:ext uri="{FF2B5EF4-FFF2-40B4-BE49-F238E27FC236}">
                <a16:creationId xmlns:a16="http://schemas.microsoft.com/office/drawing/2014/main" id="{CD34B549-F1DF-E24C-A09A-5746BF30BE42}"/>
              </a:ext>
            </a:extLst>
          </p:cNvPr>
          <p:cNvSpPr txBox="1"/>
          <p:nvPr/>
        </p:nvSpPr>
        <p:spPr>
          <a:xfrm>
            <a:off x="2491607" y="1413949"/>
            <a:ext cx="1304216" cy="369332"/>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800" spc="156" dirty="0">
                <a:solidFill>
                  <a:schemeClr val="accent2"/>
                </a:solidFill>
                <a:latin typeface="+mj-lt"/>
              </a:rPr>
              <a:t>$247K</a:t>
            </a:r>
          </a:p>
        </p:txBody>
      </p:sp>
      <p:sp>
        <p:nvSpPr>
          <p:cNvPr id="10" name="Content Placeholder 2, chunk 2">
            <a:extLst>
              <a:ext uri="{FF2B5EF4-FFF2-40B4-BE49-F238E27FC236}">
                <a16:creationId xmlns:a16="http://schemas.microsoft.com/office/drawing/2014/main" id="{00749174-A6B0-F141-9929-AD11EDDC0A2A}"/>
              </a:ext>
            </a:extLst>
          </p:cNvPr>
          <p:cNvSpPr txBox="1"/>
          <p:nvPr/>
        </p:nvSpPr>
        <p:spPr>
          <a:xfrm>
            <a:off x="4634276" y="2087238"/>
            <a:ext cx="1234885" cy="369332"/>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800" spc="156" dirty="0">
                <a:solidFill>
                  <a:schemeClr val="accent2"/>
                </a:solidFill>
                <a:latin typeface="+mj-lt"/>
              </a:rPr>
              <a:t>$175K</a:t>
            </a:r>
          </a:p>
        </p:txBody>
      </p:sp>
      <p:sp>
        <p:nvSpPr>
          <p:cNvPr id="11" name="Content Placeholder 2, chunk 3">
            <a:extLst>
              <a:ext uri="{FF2B5EF4-FFF2-40B4-BE49-F238E27FC236}">
                <a16:creationId xmlns:a16="http://schemas.microsoft.com/office/drawing/2014/main" id="{BF05FC1F-DFC6-474E-9D59-233B25C7F3F8}"/>
              </a:ext>
            </a:extLst>
          </p:cNvPr>
          <p:cNvSpPr txBox="1"/>
          <p:nvPr/>
        </p:nvSpPr>
        <p:spPr>
          <a:xfrm>
            <a:off x="6789525" y="1988580"/>
            <a:ext cx="1234885" cy="369332"/>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lvl="0" algn="ctr">
              <a:spcBef>
                <a:spcPts val="0"/>
              </a:spcBef>
              <a:spcAft>
                <a:spcPts val="0"/>
              </a:spcAft>
            </a:pPr>
            <a:r>
              <a:rPr lang="en-US" sz="1800" spc="156" dirty="0">
                <a:solidFill>
                  <a:schemeClr val="accent2"/>
                </a:solidFill>
                <a:latin typeface="+mj-lt"/>
              </a:rPr>
              <a:t>$187K</a:t>
            </a:r>
          </a:p>
        </p:txBody>
      </p:sp>
      <p:sp>
        <p:nvSpPr>
          <p:cNvPr id="12" name="Content Placeholder 2, chunk 4">
            <a:extLst>
              <a:ext uri="{FF2B5EF4-FFF2-40B4-BE49-F238E27FC236}">
                <a16:creationId xmlns:a16="http://schemas.microsoft.com/office/drawing/2014/main" id="{49528474-CD4C-364B-B212-135097ACB6B0}"/>
              </a:ext>
            </a:extLst>
          </p:cNvPr>
          <p:cNvSpPr txBox="1"/>
          <p:nvPr/>
        </p:nvSpPr>
        <p:spPr>
          <a:xfrm>
            <a:off x="8937795" y="2233693"/>
            <a:ext cx="1234885" cy="369332"/>
          </a:xfrm>
          <a:prstGeom prst="rect">
            <a:avLst/>
          </a:prstGeom>
          <a:ln>
            <a:noFill/>
          </a:ln>
        </p:spPr>
        <p:txBody>
          <a:bodyPr vert="horz" wrap="square" lIns="91440" tIns="45720" rIns="91440" bIns="45720" rtlCol="0">
            <a:spAutoFit/>
          </a:bodyPr>
          <a:lstStyle>
            <a:defPPr>
              <a:defRPr lang="en-US"/>
            </a:defPPr>
            <a:lvl1pPr indent="0">
              <a:spcBef>
                <a:spcPts val="400"/>
              </a:spcBef>
              <a:spcAft>
                <a:spcPts val="800"/>
              </a:spcAft>
              <a:buFont typeface="Arial"/>
              <a:buNone/>
              <a:defRPr sz="2200" b="0">
                <a:solidFill>
                  <a:schemeClr val="accent4">
                    <a:lumMod val="75000"/>
                  </a:schemeClr>
                </a:solidFill>
              </a:defRPr>
            </a:lvl1pPr>
            <a:lvl2pPr marL="517525" indent="-228600">
              <a:spcBef>
                <a:spcPts val="400"/>
              </a:spcBef>
              <a:spcAft>
                <a:spcPts val="800"/>
              </a:spcAft>
              <a:buClr>
                <a:schemeClr val="accent4">
                  <a:lumMod val="60000"/>
                  <a:lumOff val="40000"/>
                </a:schemeClr>
              </a:buClr>
              <a:buFont typeface="Arial" charset="0"/>
              <a:buChar char="•"/>
              <a:tabLst/>
              <a:defRPr sz="2200" b="0">
                <a:solidFill>
                  <a:schemeClr val="accent4">
                    <a:lumMod val="75000"/>
                  </a:schemeClr>
                </a:solidFill>
              </a:defRPr>
            </a:lvl2pPr>
            <a:lvl3pPr marL="960120" indent="-228600">
              <a:spcBef>
                <a:spcPts val="400"/>
              </a:spcBef>
              <a:spcAft>
                <a:spcPts val="800"/>
              </a:spcAft>
              <a:buClr>
                <a:schemeClr val="accent4">
                  <a:lumMod val="60000"/>
                  <a:lumOff val="40000"/>
                </a:schemeClr>
              </a:buClr>
              <a:buFont typeface="Arial"/>
              <a:buChar char="•"/>
              <a:defRPr sz="2200" b="0">
                <a:solidFill>
                  <a:schemeClr val="accent4">
                    <a:lumMod val="75000"/>
                  </a:schemeClr>
                </a:solidFill>
              </a:defRPr>
            </a:lvl3pPr>
            <a:lvl4pPr marL="14173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4pPr>
            <a:lvl5pPr marL="1874520" indent="-228600">
              <a:spcBef>
                <a:spcPts val="400"/>
              </a:spcBef>
              <a:spcAft>
                <a:spcPts val="800"/>
              </a:spcAft>
              <a:buClr>
                <a:schemeClr val="accent4">
                  <a:lumMod val="60000"/>
                  <a:lumOff val="40000"/>
                </a:schemeClr>
              </a:buClr>
              <a:buFont typeface="Arial" charset="0"/>
              <a:buChar char="•"/>
              <a:defRPr sz="2200" b="0">
                <a:solidFill>
                  <a:schemeClr val="accent4">
                    <a:lumMod val="75000"/>
                  </a:schemeClr>
                </a:solidFil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pPr algn="ctr"/>
            <a:r>
              <a:rPr lang="en-US" sz="1800" spc="156" dirty="0">
                <a:solidFill>
                  <a:schemeClr val="accent2"/>
                </a:solidFill>
                <a:latin typeface="+mj-lt"/>
              </a:rPr>
              <a:t>$157K</a:t>
            </a:r>
            <a:endParaRPr lang="en-US" spc="156" dirty="0">
              <a:solidFill>
                <a:schemeClr val="accent2"/>
              </a:solidFill>
              <a:latin typeface="+mj-lt"/>
            </a:endParaRPr>
          </a:p>
        </p:txBody>
      </p:sp>
      <p:graphicFrame>
        <p:nvGraphicFramePr>
          <p:cNvPr id="5" name="Table 6">
            <a:extLst>
              <a:ext uri="{FF2B5EF4-FFF2-40B4-BE49-F238E27FC236}">
                <a16:creationId xmlns:a16="http://schemas.microsoft.com/office/drawing/2014/main" id="{83E8B828-72F8-B14A-83E3-E0AA0DBF43DC}"/>
              </a:ext>
            </a:extLst>
          </p:cNvPr>
          <p:cNvGraphicFramePr>
            <a:graphicFrameLocks noGrp="1"/>
          </p:cNvGraphicFramePr>
          <p:nvPr>
            <p:extLst>
              <p:ext uri="{D42A27DB-BD31-4B8C-83A1-F6EECF244321}">
                <p14:modId xmlns:p14="http://schemas.microsoft.com/office/powerpoint/2010/main" val="3653247217"/>
              </p:ext>
            </p:extLst>
          </p:nvPr>
        </p:nvGraphicFramePr>
        <p:xfrm>
          <a:off x="1005286" y="4586928"/>
          <a:ext cx="10181427" cy="1996440"/>
        </p:xfrm>
        <a:graphic>
          <a:graphicData uri="http://schemas.openxmlformats.org/drawingml/2006/table">
            <a:tbl>
              <a:tblPr firstRow="1" bandRow="1">
                <a:tableStyleId>{5C22544A-7EE6-4342-B048-85BDC9FD1C3A}</a:tableStyleId>
              </a:tblPr>
              <a:tblGrid>
                <a:gridCol w="1460673">
                  <a:extLst>
                    <a:ext uri="{9D8B030D-6E8A-4147-A177-3AD203B41FA5}">
                      <a16:colId xmlns:a16="http://schemas.microsoft.com/office/drawing/2014/main" val="780266915"/>
                    </a:ext>
                  </a:extLst>
                </a:gridCol>
                <a:gridCol w="622911">
                  <a:extLst>
                    <a:ext uri="{9D8B030D-6E8A-4147-A177-3AD203B41FA5}">
                      <a16:colId xmlns:a16="http://schemas.microsoft.com/office/drawing/2014/main" val="4221048494"/>
                    </a:ext>
                  </a:extLst>
                </a:gridCol>
                <a:gridCol w="622911">
                  <a:extLst>
                    <a:ext uri="{9D8B030D-6E8A-4147-A177-3AD203B41FA5}">
                      <a16:colId xmlns:a16="http://schemas.microsoft.com/office/drawing/2014/main" val="1603954204"/>
                    </a:ext>
                  </a:extLst>
                </a:gridCol>
                <a:gridCol w="622911">
                  <a:extLst>
                    <a:ext uri="{9D8B030D-6E8A-4147-A177-3AD203B41FA5}">
                      <a16:colId xmlns:a16="http://schemas.microsoft.com/office/drawing/2014/main" val="3938390817"/>
                    </a:ext>
                  </a:extLst>
                </a:gridCol>
                <a:gridCol w="622911">
                  <a:extLst>
                    <a:ext uri="{9D8B030D-6E8A-4147-A177-3AD203B41FA5}">
                      <a16:colId xmlns:a16="http://schemas.microsoft.com/office/drawing/2014/main" val="1666697221"/>
                    </a:ext>
                  </a:extLst>
                </a:gridCol>
                <a:gridCol w="622911">
                  <a:extLst>
                    <a:ext uri="{9D8B030D-6E8A-4147-A177-3AD203B41FA5}">
                      <a16:colId xmlns:a16="http://schemas.microsoft.com/office/drawing/2014/main" val="3477368204"/>
                    </a:ext>
                  </a:extLst>
                </a:gridCol>
                <a:gridCol w="622911">
                  <a:extLst>
                    <a:ext uri="{9D8B030D-6E8A-4147-A177-3AD203B41FA5}">
                      <a16:colId xmlns:a16="http://schemas.microsoft.com/office/drawing/2014/main" val="2242936823"/>
                    </a:ext>
                  </a:extLst>
                </a:gridCol>
                <a:gridCol w="622911">
                  <a:extLst>
                    <a:ext uri="{9D8B030D-6E8A-4147-A177-3AD203B41FA5}">
                      <a16:colId xmlns:a16="http://schemas.microsoft.com/office/drawing/2014/main" val="2606305835"/>
                    </a:ext>
                  </a:extLst>
                </a:gridCol>
                <a:gridCol w="622911">
                  <a:extLst>
                    <a:ext uri="{9D8B030D-6E8A-4147-A177-3AD203B41FA5}">
                      <a16:colId xmlns:a16="http://schemas.microsoft.com/office/drawing/2014/main" val="1544349709"/>
                    </a:ext>
                  </a:extLst>
                </a:gridCol>
                <a:gridCol w="622911">
                  <a:extLst>
                    <a:ext uri="{9D8B030D-6E8A-4147-A177-3AD203B41FA5}">
                      <a16:colId xmlns:a16="http://schemas.microsoft.com/office/drawing/2014/main" val="1499059455"/>
                    </a:ext>
                  </a:extLst>
                </a:gridCol>
                <a:gridCol w="622911">
                  <a:extLst>
                    <a:ext uri="{9D8B030D-6E8A-4147-A177-3AD203B41FA5}">
                      <a16:colId xmlns:a16="http://schemas.microsoft.com/office/drawing/2014/main" val="4260665078"/>
                    </a:ext>
                  </a:extLst>
                </a:gridCol>
                <a:gridCol w="622911">
                  <a:extLst>
                    <a:ext uri="{9D8B030D-6E8A-4147-A177-3AD203B41FA5}">
                      <a16:colId xmlns:a16="http://schemas.microsoft.com/office/drawing/2014/main" val="2896023627"/>
                    </a:ext>
                  </a:extLst>
                </a:gridCol>
                <a:gridCol w="622911">
                  <a:extLst>
                    <a:ext uri="{9D8B030D-6E8A-4147-A177-3AD203B41FA5}">
                      <a16:colId xmlns:a16="http://schemas.microsoft.com/office/drawing/2014/main" val="477897789"/>
                    </a:ext>
                  </a:extLst>
                </a:gridCol>
                <a:gridCol w="622911">
                  <a:extLst>
                    <a:ext uri="{9D8B030D-6E8A-4147-A177-3AD203B41FA5}">
                      <a16:colId xmlns:a16="http://schemas.microsoft.com/office/drawing/2014/main" val="2337022092"/>
                    </a:ext>
                  </a:extLst>
                </a:gridCol>
                <a:gridCol w="622911">
                  <a:extLst>
                    <a:ext uri="{9D8B030D-6E8A-4147-A177-3AD203B41FA5}">
                      <a16:colId xmlns:a16="http://schemas.microsoft.com/office/drawing/2014/main" val="2291773349"/>
                    </a:ext>
                  </a:extLst>
                </a:gridCol>
              </a:tblGrid>
              <a:tr h="201402">
                <a:tc>
                  <a:txBody>
                    <a:bodyPr/>
                    <a:lstStyle/>
                    <a:p>
                      <a:pPr algn="r"/>
                      <a:r>
                        <a:rPr lang="en-US" sz="900" b="1" dirty="0">
                          <a:solidFill>
                            <a:schemeClr val="accent4"/>
                          </a:solidFill>
                        </a:rPr>
                        <a:t>Week</a:t>
                      </a:r>
                    </a:p>
                  </a:txBody>
                  <a:tcPr>
                    <a:lnR w="6350" cap="flat" cmpd="sng" algn="ctr">
                      <a:solidFill>
                        <a:schemeClr val="tx1"/>
                      </a:solidFill>
                      <a:prstDash val="solid"/>
                      <a:round/>
                      <a:headEnd type="none" w="med" len="med"/>
                      <a:tailEnd type="none" w="med" len="med"/>
                    </a:lnR>
                    <a:solidFill>
                      <a:schemeClr val="bg1"/>
                    </a:solidFill>
                  </a:tcPr>
                </a:tc>
                <a:tc>
                  <a:txBody>
                    <a:bodyPr/>
                    <a:lstStyle/>
                    <a:p>
                      <a:pPr algn="ctr"/>
                      <a:r>
                        <a:rPr lang="en-US" sz="900" b="1" dirty="0">
                          <a:solidFill>
                            <a:schemeClr val="accent4"/>
                          </a:solidFill>
                        </a:rPr>
                        <a:t>1</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2</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3</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4</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5</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6</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7</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8</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9</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1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11</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12</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13</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solidFill>
                      <a:schemeClr val="bg1"/>
                    </a:solidFill>
                  </a:tcPr>
                </a:tc>
                <a:tc>
                  <a:txBody>
                    <a:bodyPr/>
                    <a:lstStyle/>
                    <a:p>
                      <a:pPr algn="ctr"/>
                      <a:r>
                        <a:rPr lang="en-US" sz="900" b="1" dirty="0">
                          <a:solidFill>
                            <a:schemeClr val="accent4"/>
                          </a:solidFill>
                        </a:rPr>
                        <a:t>14</a:t>
                      </a:r>
                    </a:p>
                  </a:txBody>
                  <a:tcPr>
                    <a:lnL w="6350" cap="flat" cmpd="sng" algn="ctr">
                      <a:solidFill>
                        <a:schemeClr val="tx1"/>
                      </a:solidFill>
                      <a:prstDash val="solid"/>
                      <a:round/>
                      <a:headEnd type="none" w="med" len="med"/>
                      <a:tailEnd type="none" w="med" len="med"/>
                    </a:lnL>
                    <a:solidFill>
                      <a:schemeClr val="bg1"/>
                    </a:solidFill>
                  </a:tcPr>
                </a:tc>
                <a:extLst>
                  <a:ext uri="{0D108BD9-81ED-4DB2-BD59-A6C34878D82A}">
                    <a16:rowId xmlns:a16="http://schemas.microsoft.com/office/drawing/2014/main" val="2627274535"/>
                  </a:ext>
                </a:extLst>
              </a:tr>
              <a:tr h="174548">
                <a:tc>
                  <a:txBody>
                    <a:bodyPr/>
                    <a:lstStyle/>
                    <a:p>
                      <a:pPr algn="r"/>
                      <a:endParaRPr lang="en-US" sz="700" b="1" dirty="0">
                        <a:solidFill>
                          <a:schemeClr val="accent4">
                            <a:lumMod val="75000"/>
                          </a:schemeClr>
                        </a:solidFill>
                      </a:endParaRPr>
                    </a:p>
                  </a:txBody>
                  <a:tcPr>
                    <a:lnR w="6350" cap="flat" cmpd="sng" algn="ctr">
                      <a:noFill/>
                      <a:prstDash val="solid"/>
                      <a:round/>
                      <a:headEnd type="none" w="med" len="med"/>
                      <a:tailEnd type="none" w="med" len="med"/>
                    </a:lnR>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75000"/>
                          </a:schemeClr>
                        </a:solidFill>
                      </a:endParaRPr>
                    </a:p>
                  </a:txBody>
                  <a:tcPr>
                    <a:lnL w="6350" cap="flat" cmpd="sng" algn="ctr">
                      <a:noFill/>
                      <a:prstDash val="solid"/>
                      <a:round/>
                      <a:headEnd type="none" w="med" len="med"/>
                      <a:tailEnd type="none" w="med" len="med"/>
                    </a:lnL>
                    <a:solidFill>
                      <a:schemeClr val="bg1"/>
                    </a:solidFill>
                  </a:tcPr>
                </a:tc>
                <a:extLst>
                  <a:ext uri="{0D108BD9-81ED-4DB2-BD59-A6C34878D82A}">
                    <a16:rowId xmlns:a16="http://schemas.microsoft.com/office/drawing/2014/main" val="1015676795"/>
                  </a:ext>
                </a:extLst>
              </a:tr>
              <a:tr h="214829">
                <a:tc>
                  <a:txBody>
                    <a:bodyPr/>
                    <a:lstStyle/>
                    <a:p>
                      <a:pPr algn="r"/>
                      <a:r>
                        <a:rPr lang="en-US" sz="1000" b="1" dirty="0">
                          <a:solidFill>
                            <a:schemeClr val="accent4">
                              <a:lumMod val="50000"/>
                            </a:schemeClr>
                          </a:solidFill>
                        </a:rPr>
                        <a:t>No Priority</a:t>
                      </a:r>
                    </a:p>
                  </a:txBody>
                  <a:tcPr>
                    <a:lnR w="6350" cap="flat" cmpd="sng" algn="ctr">
                      <a:solidFill>
                        <a:schemeClr val="tx1"/>
                      </a:solidFill>
                      <a:prstDash val="solid"/>
                      <a:round/>
                      <a:headEnd type="none" w="med" len="med"/>
                      <a:tailEnd type="none" w="med" len="med"/>
                    </a:lnR>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r>
                        <a:rPr lang="en-US" sz="900" b="1" dirty="0">
                          <a:solidFill>
                            <a:schemeClr val="accent4">
                              <a:lumMod val="50000"/>
                            </a:schemeClr>
                          </a:solidFill>
                        </a:rPr>
                        <a:t>$19,000</a:t>
                      </a:r>
                    </a:p>
                  </a:txBody>
                  <a:tcPr>
                    <a:lnL w="6350" cap="flat" cmpd="sng" algn="ctr">
                      <a:solidFill>
                        <a:schemeClr val="tx1"/>
                      </a:solidFill>
                      <a:prstDash val="solid"/>
                      <a:round/>
                      <a:headEnd type="none" w="med" len="med"/>
                      <a:tailEnd type="none" w="med" len="med"/>
                    </a:lnL>
                    <a:solidFill>
                      <a:schemeClr val="accent4">
                        <a:lumMod val="40000"/>
                        <a:lumOff val="60000"/>
                      </a:schemeClr>
                    </a:solidFill>
                  </a:tcPr>
                </a:tc>
                <a:extLst>
                  <a:ext uri="{0D108BD9-81ED-4DB2-BD59-A6C34878D82A}">
                    <a16:rowId xmlns:a16="http://schemas.microsoft.com/office/drawing/2014/main" val="507040038"/>
                  </a:ext>
                </a:extLst>
              </a:tr>
              <a:tr h="174548">
                <a:tc>
                  <a:txBody>
                    <a:bodyPr/>
                    <a:lstStyle/>
                    <a:p>
                      <a:pPr algn="r"/>
                      <a:endParaRPr lang="en-US" sz="700" b="1" dirty="0">
                        <a:solidFill>
                          <a:schemeClr val="accent4">
                            <a:lumMod val="50000"/>
                          </a:schemeClr>
                        </a:solidFill>
                      </a:endParaRPr>
                    </a:p>
                  </a:txBody>
                  <a:tcPr>
                    <a:lnR w="6350" cap="flat" cmpd="sng" algn="ctr">
                      <a:noFill/>
                      <a:prstDash val="solid"/>
                      <a:round/>
                      <a:headEnd type="none" w="med" len="med"/>
                      <a:tailEnd type="none" w="med" len="med"/>
                    </a:lnR>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solidFill>
                      <a:schemeClr val="bg1"/>
                    </a:solidFill>
                  </a:tcPr>
                </a:tc>
                <a:extLst>
                  <a:ext uri="{0D108BD9-81ED-4DB2-BD59-A6C34878D82A}">
                    <a16:rowId xmlns:a16="http://schemas.microsoft.com/office/drawing/2014/main" val="1503178934"/>
                  </a:ext>
                </a:extLst>
              </a:tr>
              <a:tr h="214829">
                <a:tc>
                  <a:txBody>
                    <a:bodyPr/>
                    <a:lstStyle/>
                    <a:p>
                      <a:pPr algn="r"/>
                      <a:r>
                        <a:rPr lang="en-US" sz="1000" b="1" dirty="0">
                          <a:solidFill>
                            <a:schemeClr val="accent4">
                              <a:lumMod val="50000"/>
                            </a:schemeClr>
                          </a:solidFill>
                        </a:rPr>
                        <a:t>Shortest Job First</a:t>
                      </a:r>
                    </a:p>
                  </a:txBody>
                  <a:tcPr>
                    <a:lnR w="6350" cap="flat" cmpd="sng" algn="ctr">
                      <a:solidFill>
                        <a:schemeClr val="tx1"/>
                      </a:solidFill>
                      <a:prstDash val="solid"/>
                      <a:round/>
                      <a:headEnd type="none" w="med" len="med"/>
                      <a:tailEnd type="none" w="med" len="med"/>
                    </a:lnR>
                    <a:solidFill>
                      <a:schemeClr val="bg1"/>
                    </a:solidFill>
                  </a:tcPr>
                </a:tc>
                <a:tc gridSpan="3">
                  <a:txBody>
                    <a:bodyPr/>
                    <a:lstStyle/>
                    <a:p>
                      <a:pPr algn="ctr"/>
                      <a:r>
                        <a:rPr lang="en-US" sz="900" b="1" dirty="0">
                          <a:solidFill>
                            <a:schemeClr val="accent4">
                              <a:lumMod val="50000"/>
                            </a:schemeClr>
                          </a:solidFill>
                        </a:rPr>
                        <a:t>Feature A–$3,00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tx1">
                        <a:lumMod val="25000"/>
                        <a:lumOff val="75000"/>
                      </a:schemeClr>
                    </a:solidFill>
                  </a:tcPr>
                </a:tc>
                <a:tc hMerge="1">
                  <a:txBody>
                    <a:bodyPr/>
                    <a:lstStyle/>
                    <a:p>
                      <a:pPr algn="ctr"/>
                      <a:endParaRPr lang="en-US" sz="900" dirty="0"/>
                    </a:p>
                  </a:txBody>
                  <a:tcPr/>
                </a:tc>
                <a:tc hMerge="1">
                  <a:txBody>
                    <a:bodyPr/>
                    <a:lstStyle/>
                    <a:p>
                      <a:pPr algn="ctr"/>
                      <a:endParaRPr lang="en-US" sz="900" dirty="0"/>
                    </a:p>
                  </a:txBody>
                  <a:tcPr/>
                </a:tc>
                <a:tc gridSpan="4">
                  <a:txBody>
                    <a:bodyPr/>
                    <a:lstStyle/>
                    <a:p>
                      <a:pPr algn="ctr"/>
                      <a:r>
                        <a:rPr lang="en-US" sz="900" b="1" dirty="0">
                          <a:solidFill>
                            <a:schemeClr val="accent4">
                              <a:lumMod val="50000"/>
                            </a:schemeClr>
                          </a:solidFill>
                        </a:rPr>
                        <a:t>Feature B–$7,00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accent6">
                        <a:lumMod val="20000"/>
                        <a:lumOff val="80000"/>
                      </a:schemeClr>
                    </a:solidFill>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gridSpan="6">
                  <a:txBody>
                    <a:bodyPr/>
                    <a:lstStyle/>
                    <a:p>
                      <a:pPr algn="ctr"/>
                      <a:r>
                        <a:rPr lang="en-US" sz="900" b="1" dirty="0">
                          <a:solidFill>
                            <a:schemeClr val="accent4">
                              <a:lumMod val="50000"/>
                            </a:schemeClr>
                          </a:solidFill>
                        </a:rPr>
                        <a:t>Feature C–$9,00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accent1">
                        <a:lumMod val="20000"/>
                        <a:lumOff val="80000"/>
                      </a:schemeClr>
                    </a:solidFill>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a:txBody>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900" b="1" dirty="0">
                          <a:solidFill>
                            <a:schemeClr val="accent4">
                              <a:lumMod val="50000"/>
                            </a:schemeClr>
                          </a:solidFill>
                        </a:rPr>
                        <a:t>$19,000</a:t>
                      </a:r>
                    </a:p>
                  </a:txBody>
                  <a:tcPr>
                    <a:lnL w="6350" cap="flat" cmpd="sng" algn="ctr">
                      <a:solidFill>
                        <a:schemeClr val="tx1"/>
                      </a:solidFill>
                      <a:prstDash val="solid"/>
                      <a:round/>
                      <a:headEnd type="none" w="med" len="med"/>
                      <a:tailEnd type="none" w="med" len="med"/>
                    </a:lnL>
                    <a:solidFill>
                      <a:schemeClr val="accent4">
                        <a:lumMod val="40000"/>
                        <a:lumOff val="60000"/>
                      </a:schemeClr>
                    </a:solidFill>
                  </a:tcPr>
                </a:tc>
                <a:extLst>
                  <a:ext uri="{0D108BD9-81ED-4DB2-BD59-A6C34878D82A}">
                    <a16:rowId xmlns:a16="http://schemas.microsoft.com/office/drawing/2014/main" val="329215814"/>
                  </a:ext>
                </a:extLst>
              </a:tr>
              <a:tr h="174548">
                <a:tc>
                  <a:txBody>
                    <a:bodyPr/>
                    <a:lstStyle/>
                    <a:p>
                      <a:pPr algn="r"/>
                      <a:endParaRPr lang="en-US" sz="700" b="1" dirty="0">
                        <a:solidFill>
                          <a:schemeClr val="accent4">
                            <a:lumMod val="50000"/>
                          </a:schemeClr>
                        </a:solidFill>
                      </a:endParaRPr>
                    </a:p>
                  </a:txBody>
                  <a:tcPr>
                    <a:lnR w="6350" cap="flat" cmpd="sng" algn="ctr">
                      <a:noFill/>
                      <a:prstDash val="solid"/>
                      <a:round/>
                      <a:headEnd type="none" w="med" len="med"/>
                      <a:tailEnd type="none" w="med" len="med"/>
                    </a:lnR>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solidFill>
                      <a:schemeClr val="bg1"/>
                    </a:solidFill>
                  </a:tcPr>
                </a:tc>
                <a:extLst>
                  <a:ext uri="{0D108BD9-81ED-4DB2-BD59-A6C34878D82A}">
                    <a16:rowId xmlns:a16="http://schemas.microsoft.com/office/drawing/2014/main" val="3738865361"/>
                  </a:ext>
                </a:extLst>
              </a:tr>
              <a:tr h="214829">
                <a:tc>
                  <a:txBody>
                    <a:bodyPr/>
                    <a:lstStyle/>
                    <a:p>
                      <a:pPr algn="r"/>
                      <a:r>
                        <a:rPr lang="en-US" sz="1000" b="1" dirty="0">
                          <a:solidFill>
                            <a:schemeClr val="accent4">
                              <a:lumMod val="50000"/>
                            </a:schemeClr>
                          </a:solidFill>
                        </a:rPr>
                        <a:t>Most Valuable First</a:t>
                      </a:r>
                    </a:p>
                  </a:txBody>
                  <a:tcPr>
                    <a:lnR w="6350" cap="flat" cmpd="sng" algn="ctr">
                      <a:solidFill>
                        <a:schemeClr val="tx1"/>
                      </a:solidFill>
                      <a:prstDash val="solid"/>
                      <a:round/>
                      <a:headEnd type="none" w="med" len="med"/>
                      <a:tailEnd type="none" w="med" len="med"/>
                    </a:lnR>
                    <a:solidFill>
                      <a:schemeClr val="bg1"/>
                    </a:solidFill>
                  </a:tcPr>
                </a:tc>
                <a:tc gridSpan="6">
                  <a:txBody>
                    <a:bodyPr/>
                    <a:lstStyle/>
                    <a:p>
                      <a:pPr algn="ctr"/>
                      <a:r>
                        <a:rPr lang="en-US" sz="900" b="1" dirty="0">
                          <a:solidFill>
                            <a:schemeClr val="accent4">
                              <a:lumMod val="50000"/>
                            </a:schemeClr>
                          </a:solidFill>
                        </a:rPr>
                        <a:t>Feature C–$9,00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accent1">
                        <a:lumMod val="20000"/>
                        <a:lumOff val="80000"/>
                      </a:schemeClr>
                    </a:solidFill>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gridSpan="4">
                  <a:txBody>
                    <a:bodyPr/>
                    <a:lstStyle/>
                    <a:p>
                      <a:pPr algn="ctr"/>
                      <a:r>
                        <a:rPr lang="en-US" sz="900" b="1" dirty="0">
                          <a:solidFill>
                            <a:schemeClr val="accent4">
                              <a:lumMod val="50000"/>
                            </a:schemeClr>
                          </a:solidFill>
                        </a:rPr>
                        <a:t>Feature B–$7,00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accent6">
                        <a:lumMod val="20000"/>
                        <a:lumOff val="80000"/>
                      </a:schemeClr>
                    </a:solidFill>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gridSpan="3">
                  <a:txBody>
                    <a:bodyPr/>
                    <a:lstStyle/>
                    <a:p>
                      <a:pPr algn="ctr"/>
                      <a:r>
                        <a:rPr lang="en-US" sz="900" b="1" dirty="0">
                          <a:solidFill>
                            <a:schemeClr val="accent4">
                              <a:lumMod val="50000"/>
                            </a:schemeClr>
                          </a:solidFill>
                        </a:rPr>
                        <a:t>Feature A–$3,00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tx1">
                        <a:lumMod val="25000"/>
                        <a:lumOff val="75000"/>
                      </a:schemeClr>
                    </a:solidFill>
                  </a:tcPr>
                </a:tc>
                <a:tc hMerge="1">
                  <a:txBody>
                    <a:bodyPr/>
                    <a:lstStyle/>
                    <a:p>
                      <a:pPr algn="ctr"/>
                      <a:endParaRPr lang="en-US" sz="900" dirty="0"/>
                    </a:p>
                  </a:txBody>
                  <a:tcPr/>
                </a:tc>
                <a:tc hMerge="1">
                  <a:txBody>
                    <a:bodyPr/>
                    <a:lstStyle/>
                    <a:p>
                      <a:pPr algn="ctr"/>
                      <a:endParaRPr lang="en-US" sz="900" dirty="0"/>
                    </a:p>
                  </a:txBody>
                  <a:tcPr/>
                </a:tc>
                <a:tc>
                  <a:txBody>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900" b="1" dirty="0">
                          <a:solidFill>
                            <a:schemeClr val="accent4">
                              <a:lumMod val="50000"/>
                            </a:schemeClr>
                          </a:solidFill>
                        </a:rPr>
                        <a:t>$19,000</a:t>
                      </a:r>
                    </a:p>
                  </a:txBody>
                  <a:tcPr>
                    <a:lnL w="6350" cap="flat" cmpd="sng" algn="ctr">
                      <a:solidFill>
                        <a:schemeClr val="tx1"/>
                      </a:solidFill>
                      <a:prstDash val="solid"/>
                      <a:round/>
                      <a:headEnd type="none" w="med" len="med"/>
                      <a:tailEnd type="none" w="med" len="med"/>
                    </a:lnL>
                    <a:solidFill>
                      <a:schemeClr val="accent4">
                        <a:lumMod val="40000"/>
                        <a:lumOff val="60000"/>
                      </a:schemeClr>
                    </a:solidFill>
                  </a:tcPr>
                </a:tc>
                <a:extLst>
                  <a:ext uri="{0D108BD9-81ED-4DB2-BD59-A6C34878D82A}">
                    <a16:rowId xmlns:a16="http://schemas.microsoft.com/office/drawing/2014/main" val="4152625085"/>
                  </a:ext>
                </a:extLst>
              </a:tr>
              <a:tr h="174548">
                <a:tc>
                  <a:txBody>
                    <a:bodyPr/>
                    <a:lstStyle/>
                    <a:p>
                      <a:pPr algn="r"/>
                      <a:endParaRPr lang="en-US" sz="700" b="1" dirty="0">
                        <a:solidFill>
                          <a:schemeClr val="accent4">
                            <a:lumMod val="50000"/>
                          </a:schemeClr>
                        </a:solidFill>
                      </a:endParaRPr>
                    </a:p>
                  </a:txBody>
                  <a:tcPr>
                    <a:lnR w="6350" cap="flat" cmpd="sng" algn="ctr">
                      <a:noFill/>
                      <a:prstDash val="solid"/>
                      <a:round/>
                      <a:headEnd type="none" w="med" len="med"/>
                      <a:tailEnd type="none" w="med" len="med"/>
                    </a:lnR>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bg1"/>
                    </a:solidFill>
                  </a:tcPr>
                </a:tc>
                <a:tc>
                  <a:txBody>
                    <a:bodyPr/>
                    <a:lstStyle/>
                    <a:p>
                      <a:pPr algn="ctr"/>
                      <a:endParaRPr lang="en-US" sz="700" b="1" dirty="0">
                        <a:solidFill>
                          <a:schemeClr val="accent4">
                            <a:lumMod val="50000"/>
                          </a:schemeClr>
                        </a:solidFill>
                      </a:endParaRPr>
                    </a:p>
                  </a:txBody>
                  <a:tcPr>
                    <a:lnL w="6350" cap="flat" cmpd="sng" algn="ctr">
                      <a:noFill/>
                      <a:prstDash val="solid"/>
                      <a:round/>
                      <a:headEnd type="none" w="med" len="med"/>
                      <a:tailEnd type="none" w="med" len="med"/>
                    </a:lnL>
                    <a:solidFill>
                      <a:schemeClr val="bg1"/>
                    </a:solidFill>
                  </a:tcPr>
                </a:tc>
                <a:extLst>
                  <a:ext uri="{0D108BD9-81ED-4DB2-BD59-A6C34878D82A}">
                    <a16:rowId xmlns:a16="http://schemas.microsoft.com/office/drawing/2014/main" val="368140844"/>
                  </a:ext>
                </a:extLst>
              </a:tr>
              <a:tr h="214829">
                <a:tc>
                  <a:txBody>
                    <a:bodyPr/>
                    <a:lstStyle/>
                    <a:p>
                      <a:pPr algn="r"/>
                      <a:r>
                        <a:rPr lang="en-US" sz="1000" b="1" dirty="0">
                          <a:solidFill>
                            <a:schemeClr val="accent4">
                              <a:lumMod val="50000"/>
                            </a:schemeClr>
                          </a:solidFill>
                        </a:rPr>
                        <a:t>Highest CD3</a:t>
                      </a:r>
                    </a:p>
                  </a:txBody>
                  <a:tcPr>
                    <a:lnR w="6350" cap="flat" cmpd="sng" algn="ctr">
                      <a:solidFill>
                        <a:schemeClr val="tx1"/>
                      </a:solidFill>
                      <a:prstDash val="solid"/>
                      <a:round/>
                      <a:headEnd type="none" w="med" len="med"/>
                      <a:tailEnd type="none" w="med" len="med"/>
                    </a:lnR>
                    <a:solidFill>
                      <a:schemeClr val="bg1"/>
                    </a:solidFill>
                  </a:tcPr>
                </a:tc>
                <a:tc gridSpan="4">
                  <a:txBody>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900" b="1" dirty="0">
                          <a:solidFill>
                            <a:schemeClr val="accent4">
                              <a:lumMod val="50000"/>
                            </a:schemeClr>
                          </a:solidFill>
                        </a:rPr>
                        <a:t>Feature B–$7,00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accent6">
                        <a:lumMod val="20000"/>
                        <a:lumOff val="80000"/>
                      </a:schemeClr>
                    </a:solidFill>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gridSpan="6">
                  <a:txBody>
                    <a:bodyPr/>
                    <a:lstStyle/>
                    <a:p>
                      <a:pPr algn="ctr"/>
                      <a:r>
                        <a:rPr lang="en-US" sz="900" b="1" dirty="0">
                          <a:solidFill>
                            <a:schemeClr val="accent4">
                              <a:lumMod val="50000"/>
                            </a:schemeClr>
                          </a:solidFill>
                        </a:rPr>
                        <a:t>Feature C-$9,00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accent1">
                        <a:lumMod val="20000"/>
                        <a:lumOff val="80000"/>
                      </a:schemeClr>
                    </a:solidFill>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hMerge="1">
                  <a:txBody>
                    <a:bodyPr/>
                    <a:lstStyle/>
                    <a:p>
                      <a:pPr algn="ctr"/>
                      <a:endParaRPr lang="en-US" sz="900" dirty="0"/>
                    </a:p>
                  </a:txBody>
                  <a:tcPr/>
                </a:tc>
                <a:tc gridSpan="3">
                  <a:txBody>
                    <a:bodyPr/>
                    <a:lstStyle/>
                    <a:p>
                      <a:pPr algn="ctr"/>
                      <a:r>
                        <a:rPr lang="en-US" sz="900" b="1" dirty="0">
                          <a:solidFill>
                            <a:schemeClr val="accent4">
                              <a:lumMod val="50000"/>
                            </a:schemeClr>
                          </a:solidFill>
                        </a:rPr>
                        <a:t>Feature A–$3,000</a:t>
                      </a:r>
                    </a:p>
                  </a:txBody>
                  <a:tcPr>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solidFill>
                      <a:schemeClr val="tx1">
                        <a:lumMod val="25000"/>
                        <a:lumOff val="75000"/>
                      </a:schemeClr>
                    </a:solidFill>
                  </a:tcPr>
                </a:tc>
                <a:tc hMerge="1">
                  <a:txBody>
                    <a:bodyPr/>
                    <a:lstStyle/>
                    <a:p>
                      <a:pPr algn="ctr"/>
                      <a:endParaRPr lang="en-US" sz="900" dirty="0"/>
                    </a:p>
                  </a:txBody>
                  <a:tcPr/>
                </a:tc>
                <a:tc hMerge="1">
                  <a:txBody>
                    <a:bodyPr/>
                    <a:lstStyle/>
                    <a:p>
                      <a:pPr algn="ctr"/>
                      <a:endParaRPr lang="en-US" sz="900" dirty="0"/>
                    </a:p>
                  </a:txBody>
                  <a:tcPr/>
                </a:tc>
                <a:tc>
                  <a:txBody>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900" b="1" dirty="0">
                          <a:solidFill>
                            <a:schemeClr val="accent4">
                              <a:lumMod val="50000"/>
                            </a:schemeClr>
                          </a:solidFill>
                        </a:rPr>
                        <a:t>$19,000</a:t>
                      </a:r>
                    </a:p>
                  </a:txBody>
                  <a:tcPr>
                    <a:lnL w="6350" cap="flat" cmpd="sng" algn="ctr">
                      <a:solidFill>
                        <a:schemeClr val="tx1"/>
                      </a:solidFill>
                      <a:prstDash val="solid"/>
                      <a:round/>
                      <a:headEnd type="none" w="med" len="med"/>
                      <a:tailEnd type="none" w="med" len="med"/>
                    </a:lnL>
                    <a:solidFill>
                      <a:schemeClr val="accent4">
                        <a:lumMod val="40000"/>
                        <a:lumOff val="60000"/>
                      </a:schemeClr>
                    </a:solidFill>
                  </a:tcPr>
                </a:tc>
                <a:extLst>
                  <a:ext uri="{0D108BD9-81ED-4DB2-BD59-A6C34878D82A}">
                    <a16:rowId xmlns:a16="http://schemas.microsoft.com/office/drawing/2014/main" val="2046389731"/>
                  </a:ext>
                </a:extLst>
              </a:tr>
            </a:tbl>
          </a:graphicData>
        </a:graphic>
      </p:graphicFrame>
      <p:sp>
        <p:nvSpPr>
          <p:cNvPr id="33" name="Rectangle 32">
            <a:extLst>
              <a:ext uri="{FF2B5EF4-FFF2-40B4-BE49-F238E27FC236}">
                <a16:creationId xmlns:a16="http://schemas.microsoft.com/office/drawing/2014/main" id="{7218DC09-B1FA-504E-A2D5-8BF5C51049BC}"/>
              </a:ext>
            </a:extLst>
          </p:cNvPr>
          <p:cNvSpPr/>
          <p:nvPr/>
        </p:nvSpPr>
        <p:spPr>
          <a:xfrm>
            <a:off x="1084521" y="1413949"/>
            <a:ext cx="1223277" cy="461665"/>
          </a:xfrm>
          <a:prstGeom prst="rect">
            <a:avLst/>
          </a:prstGeom>
        </p:spPr>
        <p:txBody>
          <a:bodyPr wrap="square">
            <a:spAutoFit/>
          </a:bodyPr>
          <a:lstStyle/>
          <a:p>
            <a:pPr algn="r"/>
            <a:r>
              <a:rPr lang="en-US" sz="1200" spc="76" dirty="0">
                <a:solidFill>
                  <a:schemeClr val="accent2"/>
                </a:solidFill>
                <a:latin typeface="+mj-lt"/>
              </a:rPr>
              <a:t>TOTAL COST OF DELAY</a:t>
            </a:r>
          </a:p>
        </p:txBody>
      </p:sp>
    </p:spTree>
    <p:extLst>
      <p:ext uri="{BB962C8B-B14F-4D97-AF65-F5344CB8AC3E}">
        <p14:creationId xmlns:p14="http://schemas.microsoft.com/office/powerpoint/2010/main" val="24895495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ctrTitle"/>
          </p:nvPr>
        </p:nvSpPr>
        <p:spPr/>
        <p:txBody>
          <a:bodyPr/>
          <a:lstStyle/>
          <a:p>
            <a:r>
              <a:rPr lang="en-US" dirty="0"/>
              <a:t>Demand Management</a:t>
            </a:r>
          </a:p>
        </p:txBody>
      </p:sp>
      <p:sp>
        <p:nvSpPr>
          <p:cNvPr id="6" name="Subtitle 5"/>
          <p:cNvSpPr>
            <a:spLocks noGrp="1"/>
          </p:cNvSpPr>
          <p:nvPr>
            <p:ph type="subTitle" idx="1"/>
          </p:nvPr>
        </p:nvSpPr>
        <p:spPr/>
        <p:txBody>
          <a:bodyPr/>
          <a:lstStyle/>
          <a:p>
            <a:r>
              <a:rPr lang="en-US" dirty="0"/>
              <a:t>How We Might Express Capacity</a:t>
            </a:r>
          </a:p>
        </p:txBody>
      </p:sp>
    </p:spTree>
    <p:extLst>
      <p:ext uri="{BB962C8B-B14F-4D97-AF65-F5344CB8AC3E}">
        <p14:creationId xmlns:p14="http://schemas.microsoft.com/office/powerpoint/2010/main" val="8151226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38C29DF9-FC7D-4046-A6BF-8C4041EAF60B}"/>
              </a:ext>
            </a:extLst>
          </p:cNvPr>
          <p:cNvSpPr>
            <a:spLocks noGrp="1"/>
          </p:cNvSpPr>
          <p:nvPr>
            <p:ph type="sldNum" sz="quarter" idx="4"/>
          </p:nvPr>
        </p:nvSpPr>
        <p:spPr/>
        <p:txBody>
          <a:bodyPr/>
          <a:lstStyle/>
          <a:p>
            <a:fld id="{742ED878-647B-DB4D-84DF-0BCCAF9DD0BF}" type="slidenum">
              <a:rPr lang="en-US" smtClean="0"/>
              <a:pPr/>
              <a:t>36</a:t>
            </a:fld>
            <a:endParaRPr lang="en-US" dirty="0"/>
          </a:p>
        </p:txBody>
      </p:sp>
      <p:sp>
        <p:nvSpPr>
          <p:cNvPr id="4" name="Title 3"/>
          <p:cNvSpPr>
            <a:spLocks noGrp="1"/>
          </p:cNvSpPr>
          <p:nvPr>
            <p:ph type="title"/>
          </p:nvPr>
        </p:nvSpPr>
        <p:spPr/>
        <p:txBody>
          <a:bodyPr/>
          <a:lstStyle/>
          <a:p>
            <a:r>
              <a:rPr lang="en-US" dirty="0"/>
              <a:t>How TO Express Capacity?</a:t>
            </a:r>
          </a:p>
        </p:txBody>
      </p:sp>
      <p:pic>
        <p:nvPicPr>
          <p:cNvPr id="6" name="Content Placeholder 5"/>
          <p:cNvPicPr>
            <a:picLocks noGrp="1" noChangeAspect="1"/>
          </p:cNvPicPr>
          <p:nvPr>
            <p:ph idx="4294967295"/>
          </p:nvPr>
        </p:nvPicPr>
        <p:blipFill>
          <a:blip r:embed="rId2">
            <a:extLst>
              <a:ext uri="{28A0092B-C50C-407E-A947-70E740481C1C}">
                <a14:useLocalDpi xmlns:a14="http://schemas.microsoft.com/office/drawing/2010/main"/>
              </a:ext>
            </a:extLst>
          </a:blip>
          <a:stretch>
            <a:fillRect/>
          </a:stretch>
        </p:blipFill>
        <p:spPr>
          <a:xfrm>
            <a:off x="2574913" y="1553129"/>
            <a:ext cx="7057414" cy="4792710"/>
          </a:xfrm>
          <a:ln w="76200">
            <a:solidFill>
              <a:schemeClr val="tx1"/>
            </a:solidFill>
            <a:miter lim="800000"/>
          </a:ln>
          <a:effectLst>
            <a:outerShdw blurRad="181988" sx="102000" sy="102000" algn="ctr" rotWithShape="0">
              <a:prstClr val="black">
                <a:alpha val="22740"/>
              </a:prstClr>
            </a:outerShdw>
          </a:effectLst>
        </p:spPr>
      </p:pic>
    </p:spTree>
    <p:extLst>
      <p:ext uri="{BB962C8B-B14F-4D97-AF65-F5344CB8AC3E}">
        <p14:creationId xmlns:p14="http://schemas.microsoft.com/office/powerpoint/2010/main" val="9684464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9"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animEffect transition="in" filter="dissolve">
                                      <p:cBhvr>
                                        <p:cTn id="7" dur="500"/>
                                        <p:tgtEl>
                                          <p:spTgt spid="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EF60150-C349-EE4D-9B90-964C43543CA8}"/>
              </a:ext>
            </a:extLst>
          </p:cNvPr>
          <p:cNvSpPr>
            <a:spLocks noGrp="1"/>
          </p:cNvSpPr>
          <p:nvPr>
            <p:ph type="title"/>
          </p:nvPr>
        </p:nvSpPr>
        <p:spPr/>
        <p:txBody>
          <a:bodyPr/>
          <a:lstStyle/>
          <a:p>
            <a:r>
              <a:rPr lang="en-US" dirty="0"/>
              <a:t>“Capacity” can be expressed as …</a:t>
            </a:r>
          </a:p>
        </p:txBody>
      </p:sp>
      <p:sp>
        <p:nvSpPr>
          <p:cNvPr id="5" name="TextBox 4">
            <a:extLst>
              <a:ext uri="{FF2B5EF4-FFF2-40B4-BE49-F238E27FC236}">
                <a16:creationId xmlns:a16="http://schemas.microsoft.com/office/drawing/2014/main" id="{8CC15FD5-E1CE-5E4D-92FC-E5E97C741842}"/>
              </a:ext>
            </a:extLst>
          </p:cNvPr>
          <p:cNvSpPr txBox="1"/>
          <p:nvPr/>
        </p:nvSpPr>
        <p:spPr>
          <a:xfrm>
            <a:off x="1703351" y="2379532"/>
            <a:ext cx="2518959" cy="400110"/>
          </a:xfrm>
          <a:prstGeom prst="rect">
            <a:avLst/>
          </a:prstGeom>
          <a:noFill/>
        </p:spPr>
        <p:txBody>
          <a:bodyPr wrap="none" rtlCol="0" anchor="ctr" anchorCtr="0">
            <a:spAutoFit/>
          </a:bodyPr>
          <a:lstStyle/>
          <a:p>
            <a:r>
              <a:rPr lang="en-US" sz="2000" spc="180" dirty="0">
                <a:solidFill>
                  <a:schemeClr val="accent1"/>
                </a:solidFill>
                <a:latin typeface="+mj-lt"/>
                <a:cs typeface="Marker Felt"/>
              </a:rPr>
              <a:t>“TEAM MONTHS”</a:t>
            </a:r>
          </a:p>
        </p:txBody>
      </p:sp>
      <p:sp>
        <p:nvSpPr>
          <p:cNvPr id="6" name="TextBox 5">
            <a:extLst>
              <a:ext uri="{FF2B5EF4-FFF2-40B4-BE49-F238E27FC236}">
                <a16:creationId xmlns:a16="http://schemas.microsoft.com/office/drawing/2014/main" id="{CEEF6253-2537-D147-9A44-C5F585B57B0C}"/>
              </a:ext>
            </a:extLst>
          </p:cNvPr>
          <p:cNvSpPr txBox="1"/>
          <p:nvPr/>
        </p:nvSpPr>
        <p:spPr>
          <a:xfrm>
            <a:off x="1703350" y="3462048"/>
            <a:ext cx="2465098" cy="400110"/>
          </a:xfrm>
          <a:prstGeom prst="rect">
            <a:avLst/>
          </a:prstGeom>
          <a:noFill/>
        </p:spPr>
        <p:txBody>
          <a:bodyPr wrap="none" rtlCol="0" anchor="ctr" anchorCtr="0">
            <a:spAutoFit/>
          </a:bodyPr>
          <a:lstStyle/>
          <a:p>
            <a:r>
              <a:rPr lang="en-US" sz="2000" spc="180" dirty="0">
                <a:solidFill>
                  <a:schemeClr val="accent1"/>
                </a:solidFill>
                <a:latin typeface="+mj-lt"/>
                <a:cs typeface="Marker Felt"/>
              </a:rPr>
              <a:t>“TEAM SPRINTS”</a:t>
            </a:r>
          </a:p>
        </p:txBody>
      </p:sp>
      <p:sp>
        <p:nvSpPr>
          <p:cNvPr id="7" name="TextBox 6">
            <a:extLst>
              <a:ext uri="{FF2B5EF4-FFF2-40B4-BE49-F238E27FC236}">
                <a16:creationId xmlns:a16="http://schemas.microsoft.com/office/drawing/2014/main" id="{E84D346F-1FA6-2A41-8786-2BE55FFD423A}"/>
              </a:ext>
            </a:extLst>
          </p:cNvPr>
          <p:cNvSpPr txBox="1"/>
          <p:nvPr/>
        </p:nvSpPr>
        <p:spPr>
          <a:xfrm>
            <a:off x="4526511" y="3338938"/>
            <a:ext cx="4206671" cy="646331"/>
          </a:xfrm>
          <a:prstGeom prst="rect">
            <a:avLst/>
          </a:prstGeom>
          <a:noFill/>
        </p:spPr>
        <p:txBody>
          <a:bodyPr wrap="square" rtlCol="0" anchor="ctr" anchorCtr="0">
            <a:spAutoFit/>
          </a:bodyPr>
          <a:lstStyle/>
          <a:p>
            <a:r>
              <a:rPr lang="en-US" dirty="0">
                <a:solidFill>
                  <a:schemeClr val="accent4">
                    <a:lumMod val="75000"/>
                  </a:schemeClr>
                </a:solidFill>
                <a:cs typeface="Noteworthy Light"/>
              </a:rPr>
              <a:t>“There are  6.5 </a:t>
            </a:r>
            <a:r>
              <a:rPr lang="en-US" dirty="0">
                <a:solidFill>
                  <a:schemeClr val="accent4">
                    <a:lumMod val="75000"/>
                  </a:schemeClr>
                </a:solidFill>
                <a:cs typeface="Noteworthy Bold"/>
              </a:rPr>
              <a:t>“Team Sprints” </a:t>
            </a:r>
            <a:r>
              <a:rPr lang="en-US" dirty="0">
                <a:solidFill>
                  <a:schemeClr val="accent4">
                    <a:lumMod val="75000"/>
                  </a:schemeClr>
                </a:solidFill>
                <a:cs typeface="Noteworthy Light"/>
              </a:rPr>
              <a:t>for Team X remaining for FY17” </a:t>
            </a:r>
          </a:p>
        </p:txBody>
      </p:sp>
      <p:sp>
        <p:nvSpPr>
          <p:cNvPr id="8" name="TextBox 7">
            <a:extLst>
              <a:ext uri="{FF2B5EF4-FFF2-40B4-BE49-F238E27FC236}">
                <a16:creationId xmlns:a16="http://schemas.microsoft.com/office/drawing/2014/main" id="{2DC14794-1E2F-2A41-A2F4-EBF4A66373DA}"/>
              </a:ext>
            </a:extLst>
          </p:cNvPr>
          <p:cNvSpPr txBox="1"/>
          <p:nvPr/>
        </p:nvSpPr>
        <p:spPr>
          <a:xfrm>
            <a:off x="1703350" y="4517712"/>
            <a:ext cx="2675732" cy="400110"/>
          </a:xfrm>
          <a:prstGeom prst="rect">
            <a:avLst/>
          </a:prstGeom>
          <a:noFill/>
        </p:spPr>
        <p:txBody>
          <a:bodyPr wrap="none" rtlCol="0" anchor="ctr" anchorCtr="0">
            <a:spAutoFit/>
          </a:bodyPr>
          <a:lstStyle/>
          <a:p>
            <a:r>
              <a:rPr lang="en-US" sz="2000" spc="180" dirty="0">
                <a:solidFill>
                  <a:schemeClr val="accent1"/>
                </a:solidFill>
                <a:latin typeface="+mj-lt"/>
                <a:cs typeface="Marker Felt"/>
              </a:rPr>
              <a:t>“TEAM RELEASES”</a:t>
            </a:r>
          </a:p>
        </p:txBody>
      </p:sp>
      <p:sp>
        <p:nvSpPr>
          <p:cNvPr id="9" name="TextBox 8">
            <a:extLst>
              <a:ext uri="{FF2B5EF4-FFF2-40B4-BE49-F238E27FC236}">
                <a16:creationId xmlns:a16="http://schemas.microsoft.com/office/drawing/2014/main" id="{1F1B5A25-A894-5F49-AA4D-6359A020090D}"/>
              </a:ext>
            </a:extLst>
          </p:cNvPr>
          <p:cNvSpPr txBox="1"/>
          <p:nvPr/>
        </p:nvSpPr>
        <p:spPr>
          <a:xfrm>
            <a:off x="4526511" y="4394602"/>
            <a:ext cx="4206671" cy="646331"/>
          </a:xfrm>
          <a:prstGeom prst="rect">
            <a:avLst/>
          </a:prstGeom>
          <a:noFill/>
        </p:spPr>
        <p:txBody>
          <a:bodyPr wrap="square" rtlCol="0" anchor="ctr" anchorCtr="0">
            <a:spAutoFit/>
          </a:bodyPr>
          <a:lstStyle/>
          <a:p>
            <a:r>
              <a:rPr lang="en-US" dirty="0">
                <a:solidFill>
                  <a:schemeClr val="accent4">
                    <a:lumMod val="75000"/>
                  </a:schemeClr>
                </a:solidFill>
                <a:cs typeface="Noteworthy Light"/>
              </a:rPr>
              <a:t>“There are  2.25 </a:t>
            </a:r>
            <a:r>
              <a:rPr lang="en-US" dirty="0">
                <a:solidFill>
                  <a:schemeClr val="accent4">
                    <a:lumMod val="75000"/>
                  </a:schemeClr>
                </a:solidFill>
                <a:cs typeface="Noteworthy Bold"/>
              </a:rPr>
              <a:t>“Team Releases” </a:t>
            </a:r>
            <a:r>
              <a:rPr lang="en-US" dirty="0">
                <a:solidFill>
                  <a:schemeClr val="accent4">
                    <a:lumMod val="75000"/>
                  </a:schemeClr>
                </a:solidFill>
                <a:cs typeface="Noteworthy Light"/>
              </a:rPr>
              <a:t>for Team X remaining for FY17” </a:t>
            </a:r>
          </a:p>
        </p:txBody>
      </p:sp>
      <p:sp>
        <p:nvSpPr>
          <p:cNvPr id="10" name="TextBox 9">
            <a:extLst>
              <a:ext uri="{FF2B5EF4-FFF2-40B4-BE49-F238E27FC236}">
                <a16:creationId xmlns:a16="http://schemas.microsoft.com/office/drawing/2014/main" id="{4AD1D977-A7A1-8044-899F-66978C2F9C0E}"/>
              </a:ext>
            </a:extLst>
          </p:cNvPr>
          <p:cNvSpPr txBox="1"/>
          <p:nvPr/>
        </p:nvSpPr>
        <p:spPr>
          <a:xfrm>
            <a:off x="1703351" y="5649495"/>
            <a:ext cx="2302553" cy="400110"/>
          </a:xfrm>
          <a:prstGeom prst="rect">
            <a:avLst/>
          </a:prstGeom>
          <a:noFill/>
        </p:spPr>
        <p:txBody>
          <a:bodyPr wrap="none" rtlCol="0" anchor="ctr" anchorCtr="0">
            <a:spAutoFit/>
          </a:bodyPr>
          <a:lstStyle/>
          <a:p>
            <a:r>
              <a:rPr lang="en-US" sz="2000" spc="180" dirty="0">
                <a:solidFill>
                  <a:schemeClr val="accent1"/>
                </a:solidFill>
                <a:latin typeface="+mj-lt"/>
                <a:cs typeface="Marker Felt"/>
              </a:rPr>
              <a:t> STORY POINTS</a:t>
            </a:r>
          </a:p>
        </p:txBody>
      </p:sp>
      <p:sp>
        <p:nvSpPr>
          <p:cNvPr id="11" name="TextBox 10">
            <a:extLst>
              <a:ext uri="{FF2B5EF4-FFF2-40B4-BE49-F238E27FC236}">
                <a16:creationId xmlns:a16="http://schemas.microsoft.com/office/drawing/2014/main" id="{A19E3546-94EC-AC41-AC26-86F6EA68A14A}"/>
              </a:ext>
            </a:extLst>
          </p:cNvPr>
          <p:cNvSpPr txBox="1"/>
          <p:nvPr/>
        </p:nvSpPr>
        <p:spPr>
          <a:xfrm>
            <a:off x="4538840" y="5526385"/>
            <a:ext cx="4122538" cy="646331"/>
          </a:xfrm>
          <a:prstGeom prst="rect">
            <a:avLst/>
          </a:prstGeom>
          <a:noFill/>
        </p:spPr>
        <p:txBody>
          <a:bodyPr wrap="square" rtlCol="0" anchor="ctr" anchorCtr="0">
            <a:spAutoFit/>
          </a:bodyPr>
          <a:lstStyle/>
          <a:p>
            <a:r>
              <a:rPr lang="en-US" dirty="0">
                <a:solidFill>
                  <a:schemeClr val="accent4">
                    <a:lumMod val="75000"/>
                  </a:schemeClr>
                </a:solidFill>
                <a:cs typeface="Noteworthy Light"/>
              </a:rPr>
              <a:t>“There are 150 </a:t>
            </a:r>
            <a:r>
              <a:rPr lang="en-US" dirty="0">
                <a:solidFill>
                  <a:schemeClr val="accent4">
                    <a:lumMod val="75000"/>
                  </a:schemeClr>
                </a:solidFill>
                <a:cs typeface="Noteworthy Bold"/>
              </a:rPr>
              <a:t>Story Points </a:t>
            </a:r>
            <a:r>
              <a:rPr lang="en-US" dirty="0">
                <a:solidFill>
                  <a:schemeClr val="accent4">
                    <a:lumMod val="75000"/>
                  </a:schemeClr>
                </a:solidFill>
                <a:cs typeface="Noteworthy Light"/>
              </a:rPr>
              <a:t>available for the remainder of the year”</a:t>
            </a:r>
          </a:p>
        </p:txBody>
      </p:sp>
      <p:sp>
        <p:nvSpPr>
          <p:cNvPr id="12" name="TextBox 11">
            <a:extLst>
              <a:ext uri="{FF2B5EF4-FFF2-40B4-BE49-F238E27FC236}">
                <a16:creationId xmlns:a16="http://schemas.microsoft.com/office/drawing/2014/main" id="{9C3F5573-729E-7B48-B6F1-4F7CD02E7262}"/>
              </a:ext>
            </a:extLst>
          </p:cNvPr>
          <p:cNvSpPr txBox="1"/>
          <p:nvPr/>
        </p:nvSpPr>
        <p:spPr>
          <a:xfrm>
            <a:off x="4526511" y="2256422"/>
            <a:ext cx="4206671" cy="646331"/>
          </a:xfrm>
          <a:prstGeom prst="rect">
            <a:avLst/>
          </a:prstGeom>
          <a:noFill/>
        </p:spPr>
        <p:txBody>
          <a:bodyPr wrap="square" rtlCol="0" anchor="ctr" anchorCtr="0">
            <a:spAutoFit/>
          </a:bodyPr>
          <a:lstStyle/>
          <a:p>
            <a:r>
              <a:rPr lang="en-US" dirty="0">
                <a:solidFill>
                  <a:schemeClr val="accent4">
                    <a:lumMod val="75000"/>
                  </a:schemeClr>
                </a:solidFill>
                <a:cs typeface="Noteworthy Light"/>
              </a:rPr>
              <a:t>“Only 25% of the </a:t>
            </a:r>
            <a:r>
              <a:rPr lang="en-US" dirty="0">
                <a:solidFill>
                  <a:schemeClr val="accent4">
                    <a:lumMod val="75000"/>
                  </a:schemeClr>
                </a:solidFill>
                <a:cs typeface="Noteworthy Bold"/>
              </a:rPr>
              <a:t>“Team Months” </a:t>
            </a:r>
            <a:r>
              <a:rPr lang="en-US" dirty="0">
                <a:solidFill>
                  <a:schemeClr val="accent4">
                    <a:lumMod val="75000"/>
                  </a:schemeClr>
                </a:solidFill>
                <a:cs typeface="Noteworthy Light"/>
              </a:rPr>
              <a:t>for Team X remain for FY17” </a:t>
            </a:r>
          </a:p>
        </p:txBody>
      </p:sp>
      <p:sp>
        <p:nvSpPr>
          <p:cNvPr id="2" name="Slide Number Placeholder 1">
            <a:extLst>
              <a:ext uri="{FF2B5EF4-FFF2-40B4-BE49-F238E27FC236}">
                <a16:creationId xmlns:a16="http://schemas.microsoft.com/office/drawing/2014/main" id="{61BF8F34-4E3B-DE46-9ECB-C33A37E77075}"/>
              </a:ext>
            </a:extLst>
          </p:cNvPr>
          <p:cNvSpPr>
            <a:spLocks noGrp="1"/>
          </p:cNvSpPr>
          <p:nvPr>
            <p:ph type="sldNum" sz="quarter" idx="4"/>
          </p:nvPr>
        </p:nvSpPr>
        <p:spPr/>
        <p:txBody>
          <a:bodyPr/>
          <a:lstStyle/>
          <a:p>
            <a:fld id="{742ED878-647B-DB4D-84DF-0BCCAF9DD0BF}" type="slidenum">
              <a:rPr lang="en-US" smtClean="0"/>
              <a:pPr/>
              <a:t>37</a:t>
            </a:fld>
            <a:endParaRPr lang="en-US" dirty="0"/>
          </a:p>
        </p:txBody>
      </p:sp>
      <p:sp>
        <p:nvSpPr>
          <p:cNvPr id="13" name="TextBox 12">
            <a:extLst>
              <a:ext uri="{FF2B5EF4-FFF2-40B4-BE49-F238E27FC236}">
                <a16:creationId xmlns:a16="http://schemas.microsoft.com/office/drawing/2014/main" id="{82C0B5F7-AF01-1A46-8204-13102CCBBE04}"/>
              </a:ext>
            </a:extLst>
          </p:cNvPr>
          <p:cNvSpPr txBox="1"/>
          <p:nvPr/>
        </p:nvSpPr>
        <p:spPr>
          <a:xfrm>
            <a:off x="8780459" y="3523604"/>
            <a:ext cx="2542698" cy="276999"/>
          </a:xfrm>
          <a:prstGeom prst="rect">
            <a:avLst/>
          </a:prstGeom>
          <a:noFill/>
        </p:spPr>
        <p:txBody>
          <a:bodyPr wrap="square" rtlCol="0" anchor="ctr" anchorCtr="0">
            <a:spAutoFit/>
          </a:bodyPr>
          <a:lstStyle/>
          <a:p>
            <a:r>
              <a:rPr lang="en-US" sz="1200" dirty="0">
                <a:solidFill>
                  <a:schemeClr val="accent4">
                    <a:lumMod val="75000"/>
                  </a:schemeClr>
                </a:solidFill>
                <a:cs typeface="Noteworthy Light"/>
              </a:rPr>
              <a:t>e.g., 13 weeks / 2 weeks per sprint</a:t>
            </a:r>
          </a:p>
        </p:txBody>
      </p:sp>
      <p:sp>
        <p:nvSpPr>
          <p:cNvPr id="14" name="TextBox 13">
            <a:extLst>
              <a:ext uri="{FF2B5EF4-FFF2-40B4-BE49-F238E27FC236}">
                <a16:creationId xmlns:a16="http://schemas.microsoft.com/office/drawing/2014/main" id="{C92A72E0-0B91-0442-AB0F-86B734C5E876}"/>
              </a:ext>
            </a:extLst>
          </p:cNvPr>
          <p:cNvSpPr txBox="1">
            <a:spLocks/>
          </p:cNvSpPr>
          <p:nvPr/>
        </p:nvSpPr>
        <p:spPr>
          <a:xfrm>
            <a:off x="8780459" y="4486935"/>
            <a:ext cx="2542698" cy="461665"/>
          </a:xfrm>
          <a:prstGeom prst="rect">
            <a:avLst/>
          </a:prstGeom>
          <a:noFill/>
        </p:spPr>
        <p:txBody>
          <a:bodyPr wrap="square" rtlCol="0" anchor="ctr" anchorCtr="0">
            <a:spAutoFit/>
          </a:bodyPr>
          <a:lstStyle/>
          <a:p>
            <a:r>
              <a:rPr lang="en-US" sz="1200" dirty="0">
                <a:solidFill>
                  <a:schemeClr val="accent4">
                    <a:lumMod val="75000"/>
                  </a:schemeClr>
                </a:solidFill>
                <a:cs typeface="Noteworthy Light"/>
              </a:rPr>
              <a:t>e.g., 13 weeks / 3 Sprints per Release</a:t>
            </a:r>
          </a:p>
        </p:txBody>
      </p:sp>
      <p:sp>
        <p:nvSpPr>
          <p:cNvPr id="15" name="TextBox 14">
            <a:extLst>
              <a:ext uri="{FF2B5EF4-FFF2-40B4-BE49-F238E27FC236}">
                <a16:creationId xmlns:a16="http://schemas.microsoft.com/office/drawing/2014/main" id="{4BD40B19-691D-E74A-856A-7D658A081AA6}"/>
              </a:ext>
            </a:extLst>
          </p:cNvPr>
          <p:cNvSpPr txBox="1">
            <a:spLocks/>
          </p:cNvSpPr>
          <p:nvPr/>
        </p:nvSpPr>
        <p:spPr>
          <a:xfrm>
            <a:off x="8787911" y="5618718"/>
            <a:ext cx="2542698" cy="461665"/>
          </a:xfrm>
          <a:prstGeom prst="rect">
            <a:avLst/>
          </a:prstGeom>
          <a:noFill/>
        </p:spPr>
        <p:txBody>
          <a:bodyPr wrap="square" rtlCol="0" anchor="ctr" anchorCtr="0">
            <a:spAutoFit/>
          </a:bodyPr>
          <a:lstStyle/>
          <a:p>
            <a:r>
              <a:rPr lang="en-US" sz="1200" dirty="0">
                <a:solidFill>
                  <a:schemeClr val="accent4">
                    <a:lumMod val="75000"/>
                  </a:schemeClr>
                </a:solidFill>
                <a:cs typeface="Noteworthy Light"/>
              </a:rPr>
              <a:t>e.g., Average velocity of </a:t>
            </a:r>
            <a:br>
              <a:rPr lang="en-US" sz="1200" dirty="0">
                <a:solidFill>
                  <a:schemeClr val="accent4">
                    <a:lumMod val="75000"/>
                  </a:schemeClr>
                </a:solidFill>
                <a:cs typeface="Noteworthy Light"/>
              </a:rPr>
            </a:br>
            <a:r>
              <a:rPr lang="en-US" sz="1200" dirty="0">
                <a:solidFill>
                  <a:schemeClr val="accent4">
                    <a:lumMod val="75000"/>
                  </a:schemeClr>
                </a:solidFill>
                <a:cs typeface="Noteworthy Light"/>
              </a:rPr>
              <a:t>25 SPs x 6.5 Sprints remaining</a:t>
            </a:r>
          </a:p>
        </p:txBody>
      </p:sp>
      <p:sp>
        <p:nvSpPr>
          <p:cNvPr id="16" name="TextBox 15">
            <a:extLst>
              <a:ext uri="{FF2B5EF4-FFF2-40B4-BE49-F238E27FC236}">
                <a16:creationId xmlns:a16="http://schemas.microsoft.com/office/drawing/2014/main" id="{4621A3D7-C40B-AF4F-B2C2-9C6A7FE6A1F4}"/>
              </a:ext>
            </a:extLst>
          </p:cNvPr>
          <p:cNvSpPr txBox="1">
            <a:spLocks/>
          </p:cNvSpPr>
          <p:nvPr/>
        </p:nvSpPr>
        <p:spPr>
          <a:xfrm>
            <a:off x="8780459" y="2348755"/>
            <a:ext cx="2542698" cy="461665"/>
          </a:xfrm>
          <a:prstGeom prst="rect">
            <a:avLst/>
          </a:prstGeom>
          <a:noFill/>
        </p:spPr>
        <p:txBody>
          <a:bodyPr wrap="square" rtlCol="0" anchor="ctr" anchorCtr="0">
            <a:spAutoFit/>
          </a:bodyPr>
          <a:lstStyle/>
          <a:p>
            <a:r>
              <a:rPr lang="en-US" sz="1200" dirty="0">
                <a:solidFill>
                  <a:schemeClr val="accent4">
                    <a:lumMod val="75000"/>
                  </a:schemeClr>
                </a:solidFill>
                <a:cs typeface="Noteworthy Light"/>
              </a:rPr>
              <a:t>e.g., 3 months remaining of 12 months this year</a:t>
            </a:r>
          </a:p>
        </p:txBody>
      </p:sp>
      <p:cxnSp>
        <p:nvCxnSpPr>
          <p:cNvPr id="19" name="Straight Connector 18">
            <a:extLst>
              <a:ext uri="{FF2B5EF4-FFF2-40B4-BE49-F238E27FC236}">
                <a16:creationId xmlns:a16="http://schemas.microsoft.com/office/drawing/2014/main" id="{AEB28DFF-742A-F54E-B733-EE2F7FD11FD1}"/>
              </a:ext>
            </a:extLst>
          </p:cNvPr>
          <p:cNvCxnSpPr>
            <a:cxnSpLocks/>
          </p:cNvCxnSpPr>
          <p:nvPr/>
        </p:nvCxnSpPr>
        <p:spPr>
          <a:xfrm>
            <a:off x="1842053" y="3154395"/>
            <a:ext cx="9329531" cy="0"/>
          </a:xfrm>
          <a:prstGeom prst="line">
            <a:avLst/>
          </a:prstGeom>
          <a:ln w="25400">
            <a:prstDash val="sysDot"/>
            <a:tailEnd type="none"/>
          </a:ln>
          <a:effectLst/>
        </p:spPr>
        <p:style>
          <a:lnRef idx="2">
            <a:schemeClr val="accent1"/>
          </a:lnRef>
          <a:fillRef idx="0">
            <a:schemeClr val="accent1"/>
          </a:fillRef>
          <a:effectRef idx="1">
            <a:schemeClr val="accent1"/>
          </a:effectRef>
          <a:fontRef idx="minor">
            <a:schemeClr val="tx1"/>
          </a:fontRef>
        </p:style>
      </p:cxnSp>
      <p:cxnSp>
        <p:nvCxnSpPr>
          <p:cNvPr id="26" name="Straight Connector 25">
            <a:extLst>
              <a:ext uri="{FF2B5EF4-FFF2-40B4-BE49-F238E27FC236}">
                <a16:creationId xmlns:a16="http://schemas.microsoft.com/office/drawing/2014/main" id="{2A3315F7-18E6-D641-8E15-5665658B40F7}"/>
              </a:ext>
            </a:extLst>
          </p:cNvPr>
          <p:cNvCxnSpPr>
            <a:cxnSpLocks/>
          </p:cNvCxnSpPr>
          <p:nvPr/>
        </p:nvCxnSpPr>
        <p:spPr>
          <a:xfrm>
            <a:off x="1842053" y="4227821"/>
            <a:ext cx="9329531" cy="0"/>
          </a:xfrm>
          <a:prstGeom prst="line">
            <a:avLst/>
          </a:prstGeom>
          <a:ln w="25400">
            <a:prstDash val="sysDot"/>
            <a:tailEnd type="none"/>
          </a:ln>
          <a:effectLst/>
        </p:spPr>
        <p:style>
          <a:lnRef idx="2">
            <a:schemeClr val="accent1"/>
          </a:lnRef>
          <a:fillRef idx="0">
            <a:schemeClr val="accent1"/>
          </a:fillRef>
          <a:effectRef idx="1">
            <a:schemeClr val="accent1"/>
          </a:effectRef>
          <a:fontRef idx="minor">
            <a:schemeClr val="tx1"/>
          </a:fontRef>
        </p:style>
      </p:cxnSp>
      <p:cxnSp>
        <p:nvCxnSpPr>
          <p:cNvPr id="27" name="Straight Connector 26">
            <a:extLst>
              <a:ext uri="{FF2B5EF4-FFF2-40B4-BE49-F238E27FC236}">
                <a16:creationId xmlns:a16="http://schemas.microsoft.com/office/drawing/2014/main" id="{CFC131B0-77D7-0440-9D76-72365432D85A}"/>
              </a:ext>
            </a:extLst>
          </p:cNvPr>
          <p:cNvCxnSpPr>
            <a:cxnSpLocks/>
          </p:cNvCxnSpPr>
          <p:nvPr/>
        </p:nvCxnSpPr>
        <p:spPr>
          <a:xfrm>
            <a:off x="1842053" y="5327751"/>
            <a:ext cx="9329531" cy="0"/>
          </a:xfrm>
          <a:prstGeom prst="line">
            <a:avLst/>
          </a:prstGeom>
          <a:ln w="25400">
            <a:prstDash val="sysDot"/>
            <a:tailEnd type="none"/>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0398217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EF60150-C349-EE4D-9B90-964C43543CA8}"/>
              </a:ext>
            </a:extLst>
          </p:cNvPr>
          <p:cNvSpPr>
            <a:spLocks noGrp="1"/>
          </p:cNvSpPr>
          <p:nvPr>
            <p:ph type="title"/>
          </p:nvPr>
        </p:nvSpPr>
        <p:spPr/>
        <p:txBody>
          <a:bodyPr/>
          <a:lstStyle/>
          <a:p>
            <a:r>
              <a:rPr lang="en-US" dirty="0"/>
              <a:t>Stable Velocity is Required!</a:t>
            </a:r>
          </a:p>
        </p:txBody>
      </p:sp>
      <p:sp>
        <p:nvSpPr>
          <p:cNvPr id="5" name="TextBox 4">
            <a:extLst>
              <a:ext uri="{FF2B5EF4-FFF2-40B4-BE49-F238E27FC236}">
                <a16:creationId xmlns:a16="http://schemas.microsoft.com/office/drawing/2014/main" id="{8CC15FD5-E1CE-5E4D-92FC-E5E97C741842}"/>
              </a:ext>
            </a:extLst>
          </p:cNvPr>
          <p:cNvSpPr txBox="1"/>
          <p:nvPr/>
        </p:nvSpPr>
        <p:spPr>
          <a:xfrm>
            <a:off x="1703351" y="2379532"/>
            <a:ext cx="2518959" cy="400110"/>
          </a:xfrm>
          <a:prstGeom prst="rect">
            <a:avLst/>
          </a:prstGeom>
          <a:noFill/>
        </p:spPr>
        <p:txBody>
          <a:bodyPr wrap="none" rtlCol="0" anchor="ctr" anchorCtr="0">
            <a:spAutoFit/>
          </a:bodyPr>
          <a:lstStyle/>
          <a:p>
            <a:r>
              <a:rPr lang="en-US" sz="2000" spc="180" dirty="0">
                <a:solidFill>
                  <a:schemeClr val="accent1"/>
                </a:solidFill>
                <a:latin typeface="+mj-lt"/>
                <a:cs typeface="Marker Felt"/>
              </a:rPr>
              <a:t>“TEAM MONTHS”</a:t>
            </a:r>
          </a:p>
        </p:txBody>
      </p:sp>
      <p:sp>
        <p:nvSpPr>
          <p:cNvPr id="6" name="TextBox 5">
            <a:extLst>
              <a:ext uri="{FF2B5EF4-FFF2-40B4-BE49-F238E27FC236}">
                <a16:creationId xmlns:a16="http://schemas.microsoft.com/office/drawing/2014/main" id="{CEEF6253-2537-D147-9A44-C5F585B57B0C}"/>
              </a:ext>
            </a:extLst>
          </p:cNvPr>
          <p:cNvSpPr txBox="1"/>
          <p:nvPr/>
        </p:nvSpPr>
        <p:spPr>
          <a:xfrm>
            <a:off x="1703350" y="3462048"/>
            <a:ext cx="2465098" cy="400110"/>
          </a:xfrm>
          <a:prstGeom prst="rect">
            <a:avLst/>
          </a:prstGeom>
          <a:noFill/>
        </p:spPr>
        <p:txBody>
          <a:bodyPr wrap="none" rtlCol="0" anchor="ctr" anchorCtr="0">
            <a:spAutoFit/>
          </a:bodyPr>
          <a:lstStyle/>
          <a:p>
            <a:r>
              <a:rPr lang="en-US" sz="2000" spc="180" dirty="0">
                <a:solidFill>
                  <a:schemeClr val="accent1"/>
                </a:solidFill>
                <a:latin typeface="+mj-lt"/>
                <a:cs typeface="Marker Felt"/>
              </a:rPr>
              <a:t>“TEAM SPRINTS”</a:t>
            </a:r>
          </a:p>
        </p:txBody>
      </p:sp>
      <p:sp>
        <p:nvSpPr>
          <p:cNvPr id="7" name="TextBox 6">
            <a:extLst>
              <a:ext uri="{FF2B5EF4-FFF2-40B4-BE49-F238E27FC236}">
                <a16:creationId xmlns:a16="http://schemas.microsoft.com/office/drawing/2014/main" id="{E84D346F-1FA6-2A41-8786-2BE55FFD423A}"/>
              </a:ext>
            </a:extLst>
          </p:cNvPr>
          <p:cNvSpPr txBox="1"/>
          <p:nvPr/>
        </p:nvSpPr>
        <p:spPr>
          <a:xfrm>
            <a:off x="4526511" y="3338938"/>
            <a:ext cx="4206671" cy="646331"/>
          </a:xfrm>
          <a:prstGeom prst="rect">
            <a:avLst/>
          </a:prstGeom>
          <a:noFill/>
        </p:spPr>
        <p:txBody>
          <a:bodyPr wrap="square" rtlCol="0" anchor="ctr" anchorCtr="0">
            <a:spAutoFit/>
          </a:bodyPr>
          <a:lstStyle/>
          <a:p>
            <a:r>
              <a:rPr lang="en-US" dirty="0">
                <a:solidFill>
                  <a:schemeClr val="accent4">
                    <a:lumMod val="75000"/>
                  </a:schemeClr>
                </a:solidFill>
                <a:cs typeface="Noteworthy Light"/>
              </a:rPr>
              <a:t>“There are  6.5 </a:t>
            </a:r>
            <a:r>
              <a:rPr lang="en-US" dirty="0">
                <a:solidFill>
                  <a:schemeClr val="accent4">
                    <a:lumMod val="75000"/>
                  </a:schemeClr>
                </a:solidFill>
                <a:cs typeface="Noteworthy Bold"/>
              </a:rPr>
              <a:t>“Team Sprints” </a:t>
            </a:r>
            <a:r>
              <a:rPr lang="en-US" dirty="0">
                <a:solidFill>
                  <a:schemeClr val="accent4">
                    <a:lumMod val="75000"/>
                  </a:schemeClr>
                </a:solidFill>
                <a:cs typeface="Noteworthy Light"/>
              </a:rPr>
              <a:t>for Team X remaining for FY17” </a:t>
            </a:r>
          </a:p>
        </p:txBody>
      </p:sp>
      <p:sp>
        <p:nvSpPr>
          <p:cNvPr id="8" name="TextBox 7">
            <a:extLst>
              <a:ext uri="{FF2B5EF4-FFF2-40B4-BE49-F238E27FC236}">
                <a16:creationId xmlns:a16="http://schemas.microsoft.com/office/drawing/2014/main" id="{2DC14794-1E2F-2A41-A2F4-EBF4A66373DA}"/>
              </a:ext>
            </a:extLst>
          </p:cNvPr>
          <p:cNvSpPr txBox="1"/>
          <p:nvPr/>
        </p:nvSpPr>
        <p:spPr>
          <a:xfrm>
            <a:off x="1703350" y="4517712"/>
            <a:ext cx="2675732" cy="400110"/>
          </a:xfrm>
          <a:prstGeom prst="rect">
            <a:avLst/>
          </a:prstGeom>
          <a:noFill/>
        </p:spPr>
        <p:txBody>
          <a:bodyPr wrap="none" rtlCol="0" anchor="ctr" anchorCtr="0">
            <a:spAutoFit/>
          </a:bodyPr>
          <a:lstStyle/>
          <a:p>
            <a:r>
              <a:rPr lang="en-US" sz="2000" spc="180" dirty="0">
                <a:solidFill>
                  <a:schemeClr val="accent1"/>
                </a:solidFill>
                <a:latin typeface="+mj-lt"/>
                <a:cs typeface="Marker Felt"/>
              </a:rPr>
              <a:t>“TEAM RELEASES”</a:t>
            </a:r>
          </a:p>
        </p:txBody>
      </p:sp>
      <p:sp>
        <p:nvSpPr>
          <p:cNvPr id="9" name="TextBox 8">
            <a:extLst>
              <a:ext uri="{FF2B5EF4-FFF2-40B4-BE49-F238E27FC236}">
                <a16:creationId xmlns:a16="http://schemas.microsoft.com/office/drawing/2014/main" id="{1F1B5A25-A894-5F49-AA4D-6359A020090D}"/>
              </a:ext>
            </a:extLst>
          </p:cNvPr>
          <p:cNvSpPr txBox="1"/>
          <p:nvPr/>
        </p:nvSpPr>
        <p:spPr>
          <a:xfrm>
            <a:off x="4526511" y="4394602"/>
            <a:ext cx="4206671" cy="646331"/>
          </a:xfrm>
          <a:prstGeom prst="rect">
            <a:avLst/>
          </a:prstGeom>
          <a:noFill/>
        </p:spPr>
        <p:txBody>
          <a:bodyPr wrap="square" rtlCol="0" anchor="ctr" anchorCtr="0">
            <a:spAutoFit/>
          </a:bodyPr>
          <a:lstStyle/>
          <a:p>
            <a:r>
              <a:rPr lang="en-US" dirty="0">
                <a:solidFill>
                  <a:schemeClr val="accent4">
                    <a:lumMod val="75000"/>
                  </a:schemeClr>
                </a:solidFill>
                <a:cs typeface="Noteworthy Light"/>
              </a:rPr>
              <a:t>“There are  2.25 </a:t>
            </a:r>
            <a:r>
              <a:rPr lang="en-US" dirty="0">
                <a:solidFill>
                  <a:schemeClr val="accent4">
                    <a:lumMod val="75000"/>
                  </a:schemeClr>
                </a:solidFill>
                <a:cs typeface="Noteworthy Bold"/>
              </a:rPr>
              <a:t>“Team Releases” </a:t>
            </a:r>
            <a:r>
              <a:rPr lang="en-US" dirty="0">
                <a:solidFill>
                  <a:schemeClr val="accent4">
                    <a:lumMod val="75000"/>
                  </a:schemeClr>
                </a:solidFill>
                <a:cs typeface="Noteworthy Light"/>
              </a:rPr>
              <a:t>for Team X remaining for FY17” </a:t>
            </a:r>
          </a:p>
        </p:txBody>
      </p:sp>
      <p:sp>
        <p:nvSpPr>
          <p:cNvPr id="10" name="TextBox 9">
            <a:extLst>
              <a:ext uri="{FF2B5EF4-FFF2-40B4-BE49-F238E27FC236}">
                <a16:creationId xmlns:a16="http://schemas.microsoft.com/office/drawing/2014/main" id="{4AD1D977-A7A1-8044-899F-66978C2F9C0E}"/>
              </a:ext>
            </a:extLst>
          </p:cNvPr>
          <p:cNvSpPr txBox="1"/>
          <p:nvPr/>
        </p:nvSpPr>
        <p:spPr>
          <a:xfrm>
            <a:off x="1703351" y="5649495"/>
            <a:ext cx="2302553" cy="400110"/>
          </a:xfrm>
          <a:prstGeom prst="rect">
            <a:avLst/>
          </a:prstGeom>
          <a:noFill/>
        </p:spPr>
        <p:txBody>
          <a:bodyPr wrap="none" rtlCol="0" anchor="ctr" anchorCtr="0">
            <a:spAutoFit/>
          </a:bodyPr>
          <a:lstStyle/>
          <a:p>
            <a:r>
              <a:rPr lang="en-US" sz="2000" spc="180" dirty="0">
                <a:solidFill>
                  <a:schemeClr val="accent1"/>
                </a:solidFill>
                <a:latin typeface="+mj-lt"/>
                <a:cs typeface="Marker Felt"/>
              </a:rPr>
              <a:t> STORY POINTS</a:t>
            </a:r>
          </a:p>
        </p:txBody>
      </p:sp>
      <p:sp>
        <p:nvSpPr>
          <p:cNvPr id="11" name="TextBox 10">
            <a:extLst>
              <a:ext uri="{FF2B5EF4-FFF2-40B4-BE49-F238E27FC236}">
                <a16:creationId xmlns:a16="http://schemas.microsoft.com/office/drawing/2014/main" id="{A19E3546-94EC-AC41-AC26-86F6EA68A14A}"/>
              </a:ext>
            </a:extLst>
          </p:cNvPr>
          <p:cNvSpPr txBox="1"/>
          <p:nvPr/>
        </p:nvSpPr>
        <p:spPr>
          <a:xfrm>
            <a:off x="4538840" y="5526385"/>
            <a:ext cx="4122538" cy="646331"/>
          </a:xfrm>
          <a:prstGeom prst="rect">
            <a:avLst/>
          </a:prstGeom>
          <a:noFill/>
        </p:spPr>
        <p:txBody>
          <a:bodyPr wrap="square" rtlCol="0" anchor="ctr" anchorCtr="0">
            <a:spAutoFit/>
          </a:bodyPr>
          <a:lstStyle/>
          <a:p>
            <a:r>
              <a:rPr lang="en-US" dirty="0">
                <a:solidFill>
                  <a:schemeClr val="accent4">
                    <a:lumMod val="75000"/>
                  </a:schemeClr>
                </a:solidFill>
                <a:cs typeface="Noteworthy Light"/>
              </a:rPr>
              <a:t>“There are 150 </a:t>
            </a:r>
            <a:r>
              <a:rPr lang="en-US" dirty="0">
                <a:solidFill>
                  <a:schemeClr val="accent4">
                    <a:lumMod val="75000"/>
                  </a:schemeClr>
                </a:solidFill>
                <a:cs typeface="Noteworthy Bold"/>
              </a:rPr>
              <a:t>Story Points </a:t>
            </a:r>
            <a:r>
              <a:rPr lang="en-US" dirty="0">
                <a:solidFill>
                  <a:schemeClr val="accent4">
                    <a:lumMod val="75000"/>
                  </a:schemeClr>
                </a:solidFill>
                <a:cs typeface="Noteworthy Light"/>
              </a:rPr>
              <a:t>available for the remainder of the year …”</a:t>
            </a:r>
          </a:p>
        </p:txBody>
      </p:sp>
      <p:sp>
        <p:nvSpPr>
          <p:cNvPr id="12" name="TextBox 11">
            <a:extLst>
              <a:ext uri="{FF2B5EF4-FFF2-40B4-BE49-F238E27FC236}">
                <a16:creationId xmlns:a16="http://schemas.microsoft.com/office/drawing/2014/main" id="{9C3F5573-729E-7B48-B6F1-4F7CD02E7262}"/>
              </a:ext>
            </a:extLst>
          </p:cNvPr>
          <p:cNvSpPr txBox="1"/>
          <p:nvPr/>
        </p:nvSpPr>
        <p:spPr>
          <a:xfrm>
            <a:off x="4526511" y="2256422"/>
            <a:ext cx="4206671" cy="646331"/>
          </a:xfrm>
          <a:prstGeom prst="rect">
            <a:avLst/>
          </a:prstGeom>
          <a:noFill/>
        </p:spPr>
        <p:txBody>
          <a:bodyPr wrap="square" rtlCol="0" anchor="ctr" anchorCtr="0">
            <a:spAutoFit/>
          </a:bodyPr>
          <a:lstStyle/>
          <a:p>
            <a:r>
              <a:rPr lang="en-US" dirty="0">
                <a:solidFill>
                  <a:schemeClr val="accent4">
                    <a:lumMod val="75000"/>
                  </a:schemeClr>
                </a:solidFill>
                <a:cs typeface="Noteworthy Light"/>
              </a:rPr>
              <a:t>“Only 25% of the </a:t>
            </a:r>
            <a:r>
              <a:rPr lang="en-US" dirty="0">
                <a:solidFill>
                  <a:schemeClr val="accent4">
                    <a:lumMod val="75000"/>
                  </a:schemeClr>
                </a:solidFill>
                <a:cs typeface="Noteworthy Bold"/>
              </a:rPr>
              <a:t>“Team Months” </a:t>
            </a:r>
            <a:r>
              <a:rPr lang="en-US" dirty="0">
                <a:solidFill>
                  <a:schemeClr val="accent4">
                    <a:lumMod val="75000"/>
                  </a:schemeClr>
                </a:solidFill>
                <a:cs typeface="Noteworthy Light"/>
              </a:rPr>
              <a:t>for Team X remain for FY17” </a:t>
            </a:r>
          </a:p>
        </p:txBody>
      </p:sp>
      <p:sp>
        <p:nvSpPr>
          <p:cNvPr id="2" name="Slide Number Placeholder 1">
            <a:extLst>
              <a:ext uri="{FF2B5EF4-FFF2-40B4-BE49-F238E27FC236}">
                <a16:creationId xmlns:a16="http://schemas.microsoft.com/office/drawing/2014/main" id="{61BF8F34-4E3B-DE46-9ECB-C33A37E77075}"/>
              </a:ext>
            </a:extLst>
          </p:cNvPr>
          <p:cNvSpPr>
            <a:spLocks noGrp="1"/>
          </p:cNvSpPr>
          <p:nvPr>
            <p:ph type="sldNum" sz="quarter" idx="4"/>
          </p:nvPr>
        </p:nvSpPr>
        <p:spPr/>
        <p:txBody>
          <a:bodyPr/>
          <a:lstStyle/>
          <a:p>
            <a:fld id="{742ED878-647B-DB4D-84DF-0BCCAF9DD0BF}" type="slidenum">
              <a:rPr lang="en-US" smtClean="0"/>
              <a:pPr/>
              <a:t>38</a:t>
            </a:fld>
            <a:endParaRPr lang="en-US" dirty="0"/>
          </a:p>
        </p:txBody>
      </p:sp>
      <p:sp>
        <p:nvSpPr>
          <p:cNvPr id="13" name="TextBox 12">
            <a:extLst>
              <a:ext uri="{FF2B5EF4-FFF2-40B4-BE49-F238E27FC236}">
                <a16:creationId xmlns:a16="http://schemas.microsoft.com/office/drawing/2014/main" id="{82C0B5F7-AF01-1A46-8204-13102CCBBE04}"/>
              </a:ext>
            </a:extLst>
          </p:cNvPr>
          <p:cNvSpPr txBox="1"/>
          <p:nvPr/>
        </p:nvSpPr>
        <p:spPr>
          <a:xfrm>
            <a:off x="8780459" y="3523604"/>
            <a:ext cx="2542698" cy="276999"/>
          </a:xfrm>
          <a:prstGeom prst="rect">
            <a:avLst/>
          </a:prstGeom>
          <a:noFill/>
        </p:spPr>
        <p:txBody>
          <a:bodyPr wrap="square" rtlCol="0" anchor="ctr" anchorCtr="0">
            <a:spAutoFit/>
          </a:bodyPr>
          <a:lstStyle/>
          <a:p>
            <a:r>
              <a:rPr lang="en-US" sz="1200" dirty="0">
                <a:solidFill>
                  <a:schemeClr val="accent4">
                    <a:lumMod val="75000"/>
                  </a:schemeClr>
                </a:solidFill>
                <a:cs typeface="Noteworthy Light"/>
              </a:rPr>
              <a:t>e.g. 13 weeks / 2 weeks per sprint</a:t>
            </a:r>
          </a:p>
        </p:txBody>
      </p:sp>
      <p:sp>
        <p:nvSpPr>
          <p:cNvPr id="14" name="TextBox 13">
            <a:extLst>
              <a:ext uri="{FF2B5EF4-FFF2-40B4-BE49-F238E27FC236}">
                <a16:creationId xmlns:a16="http://schemas.microsoft.com/office/drawing/2014/main" id="{C92A72E0-0B91-0442-AB0F-86B734C5E876}"/>
              </a:ext>
            </a:extLst>
          </p:cNvPr>
          <p:cNvSpPr txBox="1">
            <a:spLocks/>
          </p:cNvSpPr>
          <p:nvPr/>
        </p:nvSpPr>
        <p:spPr>
          <a:xfrm>
            <a:off x="8780459" y="4486935"/>
            <a:ext cx="2542698" cy="461665"/>
          </a:xfrm>
          <a:prstGeom prst="rect">
            <a:avLst/>
          </a:prstGeom>
          <a:noFill/>
        </p:spPr>
        <p:txBody>
          <a:bodyPr wrap="square" rtlCol="0" anchor="ctr" anchorCtr="0">
            <a:spAutoFit/>
          </a:bodyPr>
          <a:lstStyle/>
          <a:p>
            <a:r>
              <a:rPr lang="en-US" sz="1200" dirty="0">
                <a:solidFill>
                  <a:schemeClr val="accent4">
                    <a:lumMod val="75000"/>
                  </a:schemeClr>
                </a:solidFill>
                <a:cs typeface="Noteworthy Light"/>
              </a:rPr>
              <a:t>e.g. 13 weeks / 3 Sprints per Release</a:t>
            </a:r>
          </a:p>
        </p:txBody>
      </p:sp>
      <p:sp>
        <p:nvSpPr>
          <p:cNvPr id="15" name="TextBox 14">
            <a:extLst>
              <a:ext uri="{FF2B5EF4-FFF2-40B4-BE49-F238E27FC236}">
                <a16:creationId xmlns:a16="http://schemas.microsoft.com/office/drawing/2014/main" id="{4BD40B19-691D-E74A-856A-7D658A081AA6}"/>
              </a:ext>
            </a:extLst>
          </p:cNvPr>
          <p:cNvSpPr txBox="1">
            <a:spLocks/>
          </p:cNvSpPr>
          <p:nvPr/>
        </p:nvSpPr>
        <p:spPr>
          <a:xfrm>
            <a:off x="8787911" y="5618718"/>
            <a:ext cx="2542698" cy="461665"/>
          </a:xfrm>
          <a:prstGeom prst="rect">
            <a:avLst/>
          </a:prstGeom>
          <a:noFill/>
        </p:spPr>
        <p:txBody>
          <a:bodyPr wrap="square" rtlCol="0" anchor="ctr" anchorCtr="0">
            <a:spAutoFit/>
          </a:bodyPr>
          <a:lstStyle/>
          <a:p>
            <a:r>
              <a:rPr lang="en-US" sz="1200" dirty="0">
                <a:solidFill>
                  <a:schemeClr val="accent4">
                    <a:lumMod val="75000"/>
                  </a:schemeClr>
                </a:solidFill>
                <a:cs typeface="Noteworthy Light"/>
              </a:rPr>
              <a:t>e.g. Average velocity of 25 SPs x 6.5 Sprints remaining</a:t>
            </a:r>
          </a:p>
        </p:txBody>
      </p:sp>
      <p:sp>
        <p:nvSpPr>
          <p:cNvPr id="16" name="TextBox 15">
            <a:extLst>
              <a:ext uri="{FF2B5EF4-FFF2-40B4-BE49-F238E27FC236}">
                <a16:creationId xmlns:a16="http://schemas.microsoft.com/office/drawing/2014/main" id="{4621A3D7-C40B-AF4F-B2C2-9C6A7FE6A1F4}"/>
              </a:ext>
            </a:extLst>
          </p:cNvPr>
          <p:cNvSpPr txBox="1">
            <a:spLocks/>
          </p:cNvSpPr>
          <p:nvPr/>
        </p:nvSpPr>
        <p:spPr>
          <a:xfrm>
            <a:off x="8780459" y="2348755"/>
            <a:ext cx="2542698" cy="461665"/>
          </a:xfrm>
          <a:prstGeom prst="rect">
            <a:avLst/>
          </a:prstGeom>
          <a:noFill/>
        </p:spPr>
        <p:txBody>
          <a:bodyPr wrap="square" rtlCol="0" anchor="ctr" anchorCtr="0">
            <a:spAutoFit/>
          </a:bodyPr>
          <a:lstStyle/>
          <a:p>
            <a:r>
              <a:rPr lang="en-US" sz="1200" dirty="0">
                <a:solidFill>
                  <a:schemeClr val="accent4">
                    <a:lumMod val="75000"/>
                  </a:schemeClr>
                </a:solidFill>
                <a:cs typeface="Noteworthy Light"/>
              </a:rPr>
              <a:t>e.g. 3 months remaining of 12 months this year</a:t>
            </a:r>
          </a:p>
        </p:txBody>
      </p:sp>
      <p:cxnSp>
        <p:nvCxnSpPr>
          <p:cNvPr id="19" name="Straight Connector 18">
            <a:extLst>
              <a:ext uri="{FF2B5EF4-FFF2-40B4-BE49-F238E27FC236}">
                <a16:creationId xmlns:a16="http://schemas.microsoft.com/office/drawing/2014/main" id="{AEB28DFF-742A-F54E-B733-EE2F7FD11FD1}"/>
              </a:ext>
            </a:extLst>
          </p:cNvPr>
          <p:cNvCxnSpPr>
            <a:cxnSpLocks/>
          </p:cNvCxnSpPr>
          <p:nvPr/>
        </p:nvCxnSpPr>
        <p:spPr>
          <a:xfrm>
            <a:off x="1842053" y="3154395"/>
            <a:ext cx="9329531" cy="0"/>
          </a:xfrm>
          <a:prstGeom prst="line">
            <a:avLst/>
          </a:prstGeom>
          <a:ln w="25400">
            <a:prstDash val="sysDot"/>
            <a:tailEnd type="none"/>
          </a:ln>
          <a:effectLst/>
        </p:spPr>
        <p:style>
          <a:lnRef idx="2">
            <a:schemeClr val="accent1"/>
          </a:lnRef>
          <a:fillRef idx="0">
            <a:schemeClr val="accent1"/>
          </a:fillRef>
          <a:effectRef idx="1">
            <a:schemeClr val="accent1"/>
          </a:effectRef>
          <a:fontRef idx="minor">
            <a:schemeClr val="tx1"/>
          </a:fontRef>
        </p:style>
      </p:cxnSp>
      <p:cxnSp>
        <p:nvCxnSpPr>
          <p:cNvPr id="26" name="Straight Connector 25">
            <a:extLst>
              <a:ext uri="{FF2B5EF4-FFF2-40B4-BE49-F238E27FC236}">
                <a16:creationId xmlns:a16="http://schemas.microsoft.com/office/drawing/2014/main" id="{2A3315F7-18E6-D641-8E15-5665658B40F7}"/>
              </a:ext>
            </a:extLst>
          </p:cNvPr>
          <p:cNvCxnSpPr>
            <a:cxnSpLocks/>
          </p:cNvCxnSpPr>
          <p:nvPr/>
        </p:nvCxnSpPr>
        <p:spPr>
          <a:xfrm>
            <a:off x="1842053" y="4227821"/>
            <a:ext cx="9329531" cy="0"/>
          </a:xfrm>
          <a:prstGeom prst="line">
            <a:avLst/>
          </a:prstGeom>
          <a:ln w="25400">
            <a:prstDash val="sysDot"/>
            <a:tailEnd type="none"/>
          </a:ln>
          <a:effectLst/>
        </p:spPr>
        <p:style>
          <a:lnRef idx="2">
            <a:schemeClr val="accent1"/>
          </a:lnRef>
          <a:fillRef idx="0">
            <a:schemeClr val="accent1"/>
          </a:fillRef>
          <a:effectRef idx="1">
            <a:schemeClr val="accent1"/>
          </a:effectRef>
          <a:fontRef idx="minor">
            <a:schemeClr val="tx1"/>
          </a:fontRef>
        </p:style>
      </p:cxnSp>
      <p:cxnSp>
        <p:nvCxnSpPr>
          <p:cNvPr id="27" name="Straight Connector 26">
            <a:extLst>
              <a:ext uri="{FF2B5EF4-FFF2-40B4-BE49-F238E27FC236}">
                <a16:creationId xmlns:a16="http://schemas.microsoft.com/office/drawing/2014/main" id="{CFC131B0-77D7-0440-9D76-72365432D85A}"/>
              </a:ext>
            </a:extLst>
          </p:cNvPr>
          <p:cNvCxnSpPr>
            <a:cxnSpLocks/>
          </p:cNvCxnSpPr>
          <p:nvPr/>
        </p:nvCxnSpPr>
        <p:spPr>
          <a:xfrm>
            <a:off x="1842053" y="5327751"/>
            <a:ext cx="9329531" cy="0"/>
          </a:xfrm>
          <a:prstGeom prst="line">
            <a:avLst/>
          </a:prstGeom>
          <a:ln w="25400">
            <a:prstDash val="sysDot"/>
            <a:tailEnd type="none"/>
          </a:ln>
          <a:effectLst/>
        </p:spPr>
        <p:style>
          <a:lnRef idx="2">
            <a:schemeClr val="accent1"/>
          </a:lnRef>
          <a:fillRef idx="0">
            <a:schemeClr val="accent1"/>
          </a:fillRef>
          <a:effectRef idx="1">
            <a:schemeClr val="accent1"/>
          </a:effectRef>
          <a:fontRef idx="minor">
            <a:schemeClr val="tx1"/>
          </a:fontRef>
        </p:style>
      </p:cxnSp>
      <p:sp>
        <p:nvSpPr>
          <p:cNvPr id="17" name="Rectangle 16">
            <a:extLst>
              <a:ext uri="{FF2B5EF4-FFF2-40B4-BE49-F238E27FC236}">
                <a16:creationId xmlns:a16="http://schemas.microsoft.com/office/drawing/2014/main" id="{34BF5F3E-8B4E-524A-AC3B-5AD2325A0C57}"/>
              </a:ext>
            </a:extLst>
          </p:cNvPr>
          <p:cNvSpPr/>
          <p:nvPr/>
        </p:nvSpPr>
        <p:spPr>
          <a:xfrm>
            <a:off x="4526511" y="1750070"/>
            <a:ext cx="7003136" cy="4621279"/>
          </a:xfrm>
          <a:prstGeom prst="rect">
            <a:avLst/>
          </a:prstGeom>
          <a:solidFill>
            <a:schemeClr val="bg2">
              <a:alpha val="89364"/>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grpSp>
        <p:nvGrpSpPr>
          <p:cNvPr id="4" name="Group 3">
            <a:extLst>
              <a:ext uri="{FF2B5EF4-FFF2-40B4-BE49-F238E27FC236}">
                <a16:creationId xmlns:a16="http://schemas.microsoft.com/office/drawing/2014/main" id="{B705738E-18C1-864A-911D-15B2E3596BC7}"/>
              </a:ext>
            </a:extLst>
          </p:cNvPr>
          <p:cNvGrpSpPr/>
          <p:nvPr/>
        </p:nvGrpSpPr>
        <p:grpSpPr>
          <a:xfrm>
            <a:off x="5856897" y="2508189"/>
            <a:ext cx="3580275" cy="3407413"/>
            <a:chOff x="8661320" y="2090362"/>
            <a:chExt cx="3580275" cy="3407413"/>
          </a:xfrm>
        </p:grpSpPr>
        <p:sp>
          <p:nvSpPr>
            <p:cNvPr id="20" name="TextBox 19">
              <a:extLst>
                <a:ext uri="{FF2B5EF4-FFF2-40B4-BE49-F238E27FC236}">
                  <a16:creationId xmlns:a16="http://schemas.microsoft.com/office/drawing/2014/main" id="{CDAAAF61-23AF-8244-96C5-C98C8A51F616}"/>
                </a:ext>
              </a:extLst>
            </p:cNvPr>
            <p:cNvSpPr txBox="1"/>
            <p:nvPr/>
          </p:nvSpPr>
          <p:spPr>
            <a:xfrm>
              <a:off x="8661320" y="2090362"/>
              <a:ext cx="3580275" cy="338554"/>
            </a:xfrm>
            <a:prstGeom prst="rect">
              <a:avLst/>
            </a:prstGeom>
            <a:noFill/>
          </p:spPr>
          <p:txBody>
            <a:bodyPr wrap="none" rtlCol="0">
              <a:spAutoFit/>
            </a:bodyPr>
            <a:lstStyle/>
            <a:p>
              <a:r>
                <a:rPr lang="en-US" sz="1600" i="1" dirty="0">
                  <a:solidFill>
                    <a:schemeClr val="accent4">
                      <a:lumMod val="75000"/>
                    </a:schemeClr>
                  </a:solidFill>
                  <a:cs typeface="Phosphate Inline"/>
                </a:rPr>
                <a:t>…Meaningless without Stable Velocity</a:t>
              </a:r>
              <a:r>
                <a:rPr lang="en-US" sz="1600" i="1" dirty="0">
                  <a:solidFill>
                    <a:schemeClr val="accent4">
                      <a:lumMod val="75000"/>
                    </a:schemeClr>
                  </a:solidFill>
                  <a:cs typeface="Marker Felt"/>
                </a:rPr>
                <a:t> </a:t>
              </a:r>
            </a:p>
          </p:txBody>
        </p:sp>
        <p:grpSp>
          <p:nvGrpSpPr>
            <p:cNvPr id="21" name="Group 20">
              <a:extLst>
                <a:ext uri="{FF2B5EF4-FFF2-40B4-BE49-F238E27FC236}">
                  <a16:creationId xmlns:a16="http://schemas.microsoft.com/office/drawing/2014/main" id="{8BE65BE5-E667-5A41-822F-E67285E055F2}"/>
                </a:ext>
              </a:extLst>
            </p:cNvPr>
            <p:cNvGrpSpPr/>
            <p:nvPr/>
          </p:nvGrpSpPr>
          <p:grpSpPr>
            <a:xfrm>
              <a:off x="9249398" y="2756755"/>
              <a:ext cx="2236446" cy="2741020"/>
              <a:chOff x="9249398" y="2756755"/>
              <a:chExt cx="2236446" cy="2741020"/>
            </a:xfrm>
          </p:grpSpPr>
          <p:sp>
            <p:nvSpPr>
              <p:cNvPr id="22" name="TextBox 21">
                <a:extLst>
                  <a:ext uri="{FF2B5EF4-FFF2-40B4-BE49-F238E27FC236}">
                    <a16:creationId xmlns:a16="http://schemas.microsoft.com/office/drawing/2014/main" id="{BF02A782-95E8-BA48-BDF5-7065B11D4CD2}"/>
                  </a:ext>
                </a:extLst>
              </p:cNvPr>
              <p:cNvSpPr txBox="1"/>
              <p:nvPr/>
            </p:nvSpPr>
            <p:spPr>
              <a:xfrm>
                <a:off x="9353401" y="5159221"/>
                <a:ext cx="1814856" cy="338554"/>
              </a:xfrm>
              <a:prstGeom prst="rect">
                <a:avLst/>
              </a:prstGeom>
              <a:noFill/>
            </p:spPr>
            <p:txBody>
              <a:bodyPr wrap="none" rtlCol="0">
                <a:spAutoFit/>
              </a:bodyPr>
              <a:lstStyle/>
              <a:p>
                <a:r>
                  <a:rPr lang="en-US" sz="1600" spc="180" dirty="0">
                    <a:solidFill>
                      <a:schemeClr val="accent1"/>
                    </a:solidFill>
                    <a:latin typeface="+mj-lt"/>
                    <a:cs typeface="Marker Felt"/>
                  </a:rPr>
                  <a:t>DELIVERY TEAM</a:t>
                </a:r>
              </a:p>
            </p:txBody>
          </p:sp>
          <p:pic>
            <p:nvPicPr>
              <p:cNvPr id="23" name="Picture 22">
                <a:extLst>
                  <a:ext uri="{FF2B5EF4-FFF2-40B4-BE49-F238E27FC236}">
                    <a16:creationId xmlns:a16="http://schemas.microsoft.com/office/drawing/2014/main" id="{752B627E-B970-354B-8E4E-5A6A89415B8D}"/>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9249398" y="2756755"/>
                <a:ext cx="2236446" cy="2145351"/>
              </a:xfrm>
              <a:prstGeom prst="rect">
                <a:avLst/>
              </a:prstGeom>
            </p:spPr>
          </p:pic>
        </p:grpSp>
      </p:grpSp>
    </p:spTree>
    <p:extLst>
      <p:ext uri="{BB962C8B-B14F-4D97-AF65-F5344CB8AC3E}">
        <p14:creationId xmlns:p14="http://schemas.microsoft.com/office/powerpoint/2010/main" val="4569608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4" name="Picture 23"/>
          <p:cNvPicPr>
            <a:picLocks noChangeAspect="1"/>
          </p:cNvPicPr>
          <p:nvPr/>
        </p:nvPicPr>
        <p:blipFill>
          <a:blip r:embed="rId3"/>
          <a:stretch>
            <a:fillRect/>
          </a:stretch>
        </p:blipFill>
        <p:spPr>
          <a:xfrm>
            <a:off x="1905894" y="2536489"/>
            <a:ext cx="5740400" cy="2894901"/>
          </a:xfrm>
          <a:prstGeom prst="rect">
            <a:avLst/>
          </a:prstGeom>
        </p:spPr>
      </p:pic>
      <p:sp>
        <p:nvSpPr>
          <p:cNvPr id="2" name="Title 1"/>
          <p:cNvSpPr>
            <a:spLocks noGrp="1"/>
          </p:cNvSpPr>
          <p:nvPr>
            <p:ph type="title"/>
          </p:nvPr>
        </p:nvSpPr>
        <p:spPr/>
        <p:txBody>
          <a:bodyPr/>
          <a:lstStyle/>
          <a:p>
            <a:r>
              <a:rPr lang="en-US" dirty="0"/>
              <a:t>Capacity is invested to obtain outcomes</a:t>
            </a:r>
          </a:p>
        </p:txBody>
      </p:sp>
      <p:sp>
        <p:nvSpPr>
          <p:cNvPr id="3" name="Slide Number Placeholder 2">
            <a:extLst>
              <a:ext uri="{FF2B5EF4-FFF2-40B4-BE49-F238E27FC236}">
                <a16:creationId xmlns:a16="http://schemas.microsoft.com/office/drawing/2014/main" id="{53B43EC9-3806-6049-B391-D17601C2C14A}"/>
              </a:ext>
            </a:extLst>
          </p:cNvPr>
          <p:cNvSpPr>
            <a:spLocks noGrp="1"/>
          </p:cNvSpPr>
          <p:nvPr>
            <p:ph type="sldNum" sz="quarter" idx="4"/>
          </p:nvPr>
        </p:nvSpPr>
        <p:spPr/>
        <p:txBody>
          <a:bodyPr/>
          <a:lstStyle/>
          <a:p>
            <a:fld id="{742ED878-647B-DB4D-84DF-0BCCAF9DD0BF}" type="slidenum">
              <a:rPr lang="en-US" smtClean="0"/>
              <a:pPr/>
              <a:t>39</a:t>
            </a:fld>
            <a:endParaRPr lang="en-US" dirty="0"/>
          </a:p>
        </p:txBody>
      </p:sp>
      <p:cxnSp>
        <p:nvCxnSpPr>
          <p:cNvPr id="5" name="Straight Arrow Connector 4"/>
          <p:cNvCxnSpPr/>
          <p:nvPr/>
        </p:nvCxnSpPr>
        <p:spPr bwMode="auto">
          <a:xfrm>
            <a:off x="2772836" y="2280252"/>
            <a:ext cx="4724400" cy="0"/>
          </a:xfrm>
          <a:prstGeom prst="straightConnector1">
            <a:avLst/>
          </a:prstGeom>
          <a:noFill/>
          <a:ln w="9525" cap="flat" cmpd="sng" algn="ctr">
            <a:solidFill>
              <a:schemeClr val="accent2"/>
            </a:solidFill>
            <a:prstDash val="solid"/>
            <a:round/>
            <a:headEnd type="none" w="med" len="med"/>
            <a:tailEnd type="arrow"/>
          </a:ln>
          <a:effectLst/>
        </p:spPr>
      </p:cxnSp>
      <p:sp>
        <p:nvSpPr>
          <p:cNvPr id="6" name="TextBox 5"/>
          <p:cNvSpPr txBox="1"/>
          <p:nvPr/>
        </p:nvSpPr>
        <p:spPr>
          <a:xfrm>
            <a:off x="4251144" y="2103745"/>
            <a:ext cx="1517082" cy="369332"/>
          </a:xfrm>
          <a:prstGeom prst="rect">
            <a:avLst/>
          </a:prstGeom>
          <a:solidFill>
            <a:schemeClr val="bg1"/>
          </a:solidFill>
        </p:spPr>
        <p:txBody>
          <a:bodyPr wrap="none" rtlCol="0">
            <a:spAutoFit/>
          </a:bodyPr>
          <a:lstStyle/>
          <a:p>
            <a:r>
              <a:rPr lang="en-US" spc="160" dirty="0">
                <a:solidFill>
                  <a:schemeClr val="accent1"/>
                </a:solidFill>
                <a:latin typeface="+mj-lt"/>
                <a:cs typeface="Marker Felt"/>
              </a:rPr>
              <a:t>10 MONTHS</a:t>
            </a:r>
          </a:p>
        </p:txBody>
      </p:sp>
      <p:sp>
        <p:nvSpPr>
          <p:cNvPr id="7" name="Rectangle 6"/>
          <p:cNvSpPr/>
          <p:nvPr/>
        </p:nvSpPr>
        <p:spPr bwMode="auto">
          <a:xfrm>
            <a:off x="2887136" y="2657488"/>
            <a:ext cx="4495800" cy="381000"/>
          </a:xfrm>
          <a:prstGeom prst="rect">
            <a:avLst/>
          </a:prstGeom>
          <a:solidFill>
            <a:srgbClr val="7AC142">
              <a:alpha val="39000"/>
            </a:srgb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eaLnBrk="1" hangingPunct="1"/>
            <a:endParaRPr lang="en-US" sz="3200">
              <a:solidFill>
                <a:srgbClr val="00459D"/>
              </a:solidFill>
            </a:endParaRPr>
          </a:p>
        </p:txBody>
      </p:sp>
      <p:sp>
        <p:nvSpPr>
          <p:cNvPr id="8" name="TextBox 7"/>
          <p:cNvSpPr txBox="1"/>
          <p:nvPr/>
        </p:nvSpPr>
        <p:spPr>
          <a:xfrm>
            <a:off x="3725339" y="2725153"/>
            <a:ext cx="3158237" cy="276999"/>
          </a:xfrm>
          <a:prstGeom prst="rect">
            <a:avLst/>
          </a:prstGeom>
          <a:solidFill>
            <a:srgbClr val="CCE7B9">
              <a:alpha val="79241"/>
            </a:srgbClr>
          </a:solidFill>
          <a:effectLst>
            <a:softEdge rad="38100"/>
          </a:effectLst>
        </p:spPr>
        <p:txBody>
          <a:bodyPr wrap="none" tIns="0" bIns="0" rtlCol="0">
            <a:spAutoFit/>
          </a:bodyPr>
          <a:lstStyle/>
          <a:p>
            <a:r>
              <a:rPr lang="en-US" b="1" spc="160" dirty="0">
                <a:solidFill>
                  <a:schemeClr val="accent5"/>
                </a:solidFill>
                <a:latin typeface="+mj-lt"/>
              </a:rPr>
              <a:t>20% ~ 10 TEAM MONTHS</a:t>
            </a:r>
          </a:p>
        </p:txBody>
      </p:sp>
      <p:sp>
        <p:nvSpPr>
          <p:cNvPr id="9" name="Rectangle 8"/>
          <p:cNvSpPr/>
          <p:nvPr/>
        </p:nvSpPr>
        <p:spPr bwMode="auto">
          <a:xfrm>
            <a:off x="2810936" y="3114688"/>
            <a:ext cx="1828800" cy="2209800"/>
          </a:xfrm>
          <a:prstGeom prst="rect">
            <a:avLst/>
          </a:prstGeom>
          <a:solidFill>
            <a:srgbClr val="FBDB87">
              <a:alpha val="39000"/>
            </a:srgb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eaLnBrk="1" hangingPunct="1"/>
            <a:endParaRPr lang="en-US" sz="3200">
              <a:solidFill>
                <a:srgbClr val="00459D"/>
              </a:solidFill>
            </a:endParaRPr>
          </a:p>
        </p:txBody>
      </p:sp>
      <p:sp>
        <p:nvSpPr>
          <p:cNvPr id="10" name="Rectangle 9"/>
          <p:cNvSpPr/>
          <p:nvPr/>
        </p:nvSpPr>
        <p:spPr bwMode="auto">
          <a:xfrm>
            <a:off x="4639736" y="3114688"/>
            <a:ext cx="228600" cy="1600200"/>
          </a:xfrm>
          <a:prstGeom prst="rect">
            <a:avLst/>
          </a:prstGeom>
          <a:solidFill>
            <a:srgbClr val="FBDB87">
              <a:alpha val="39000"/>
            </a:srgb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eaLnBrk="1" hangingPunct="1"/>
            <a:endParaRPr lang="en-US" sz="3200">
              <a:solidFill>
                <a:srgbClr val="00459D"/>
              </a:solidFill>
            </a:endParaRPr>
          </a:p>
        </p:txBody>
      </p:sp>
      <p:sp>
        <p:nvSpPr>
          <p:cNvPr id="11" name="TextBox 10"/>
          <p:cNvSpPr txBox="1"/>
          <p:nvPr/>
        </p:nvSpPr>
        <p:spPr>
          <a:xfrm>
            <a:off x="2944446" y="3796023"/>
            <a:ext cx="1600200" cy="923330"/>
          </a:xfrm>
          <a:prstGeom prst="rect">
            <a:avLst/>
          </a:prstGeom>
          <a:solidFill>
            <a:srgbClr val="FEF1D1">
              <a:alpha val="79941"/>
            </a:srgbClr>
          </a:solidFill>
          <a:effectLst>
            <a:softEdge rad="38100"/>
          </a:effectLst>
        </p:spPr>
        <p:txBody>
          <a:bodyPr wrap="square" lIns="0" rIns="0" rtlCol="0">
            <a:spAutoFit/>
          </a:bodyPr>
          <a:lstStyle/>
          <a:p>
            <a:pPr algn="ctr"/>
            <a:r>
              <a:rPr lang="en-US" b="1" spc="160" dirty="0">
                <a:solidFill>
                  <a:schemeClr val="accent5"/>
                </a:solidFill>
                <a:latin typeface="+mj-lt"/>
              </a:rPr>
              <a:t>35% ~ 17.5 TEAM MONTHS</a:t>
            </a:r>
          </a:p>
        </p:txBody>
      </p:sp>
      <p:sp>
        <p:nvSpPr>
          <p:cNvPr id="12" name="Rectangle 11"/>
          <p:cNvSpPr/>
          <p:nvPr/>
        </p:nvSpPr>
        <p:spPr bwMode="auto">
          <a:xfrm>
            <a:off x="6620936" y="3114688"/>
            <a:ext cx="838200" cy="2057400"/>
          </a:xfrm>
          <a:prstGeom prst="rect">
            <a:avLst/>
          </a:prstGeom>
          <a:solidFill>
            <a:srgbClr val="E37BFC">
              <a:alpha val="39000"/>
            </a:srgb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eaLnBrk="1" hangingPunct="1"/>
            <a:endParaRPr lang="en-US" sz="3200">
              <a:solidFill>
                <a:srgbClr val="00459D"/>
              </a:solidFill>
            </a:endParaRPr>
          </a:p>
        </p:txBody>
      </p:sp>
      <p:sp>
        <p:nvSpPr>
          <p:cNvPr id="13" name="Rectangle 12"/>
          <p:cNvSpPr/>
          <p:nvPr/>
        </p:nvSpPr>
        <p:spPr bwMode="auto">
          <a:xfrm>
            <a:off x="6011336" y="3114688"/>
            <a:ext cx="609600" cy="1143000"/>
          </a:xfrm>
          <a:prstGeom prst="rect">
            <a:avLst/>
          </a:prstGeom>
          <a:solidFill>
            <a:srgbClr val="E37BFC">
              <a:alpha val="39000"/>
            </a:srgb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eaLnBrk="1" hangingPunct="1"/>
            <a:endParaRPr lang="en-US" sz="3200">
              <a:solidFill>
                <a:srgbClr val="00459D"/>
              </a:solidFill>
            </a:endParaRPr>
          </a:p>
        </p:txBody>
      </p:sp>
      <p:sp>
        <p:nvSpPr>
          <p:cNvPr id="14" name="TextBox 13"/>
          <p:cNvSpPr txBox="1"/>
          <p:nvPr/>
        </p:nvSpPr>
        <p:spPr>
          <a:xfrm>
            <a:off x="6087536" y="3190889"/>
            <a:ext cx="1371600" cy="923330"/>
          </a:xfrm>
          <a:prstGeom prst="rect">
            <a:avLst/>
          </a:prstGeom>
          <a:solidFill>
            <a:srgbClr val="F6CCFF">
              <a:alpha val="79790"/>
            </a:srgbClr>
          </a:solidFill>
          <a:effectLst>
            <a:softEdge rad="38100"/>
          </a:effectLst>
        </p:spPr>
        <p:txBody>
          <a:bodyPr wrap="square" rtlCol="0">
            <a:spAutoFit/>
          </a:bodyPr>
          <a:lstStyle/>
          <a:p>
            <a:pPr algn="ctr"/>
            <a:r>
              <a:rPr lang="en-US" b="1" spc="160" dirty="0">
                <a:solidFill>
                  <a:schemeClr val="accent5"/>
                </a:solidFill>
                <a:latin typeface="+mj-lt"/>
              </a:rPr>
              <a:t>20% ~ 10 TEAM MONTHS</a:t>
            </a:r>
          </a:p>
        </p:txBody>
      </p:sp>
      <p:sp>
        <p:nvSpPr>
          <p:cNvPr id="15" name="Rectangle 14"/>
          <p:cNvSpPr/>
          <p:nvPr/>
        </p:nvSpPr>
        <p:spPr bwMode="auto">
          <a:xfrm>
            <a:off x="4944536" y="3114688"/>
            <a:ext cx="1066800" cy="2209800"/>
          </a:xfrm>
          <a:prstGeom prst="rect">
            <a:avLst/>
          </a:prstGeom>
          <a:solidFill>
            <a:srgbClr val="8AF2FB">
              <a:alpha val="39000"/>
            </a:srgb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eaLnBrk="1" hangingPunct="1"/>
            <a:endParaRPr lang="en-US" sz="3200">
              <a:solidFill>
                <a:srgbClr val="00459D"/>
              </a:solidFill>
            </a:endParaRPr>
          </a:p>
        </p:txBody>
      </p:sp>
      <p:sp>
        <p:nvSpPr>
          <p:cNvPr id="16" name="Rectangle 15"/>
          <p:cNvSpPr/>
          <p:nvPr/>
        </p:nvSpPr>
        <p:spPr bwMode="auto">
          <a:xfrm>
            <a:off x="6087536" y="4257688"/>
            <a:ext cx="381000" cy="1066800"/>
          </a:xfrm>
          <a:prstGeom prst="rect">
            <a:avLst/>
          </a:prstGeom>
          <a:solidFill>
            <a:srgbClr val="8AF2FB">
              <a:alpha val="39000"/>
            </a:srgb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eaLnBrk="1" hangingPunct="1"/>
            <a:endParaRPr lang="en-US" sz="3200">
              <a:solidFill>
                <a:srgbClr val="00459D"/>
              </a:solidFill>
            </a:endParaRPr>
          </a:p>
        </p:txBody>
      </p:sp>
      <p:sp>
        <p:nvSpPr>
          <p:cNvPr id="17" name="Rectangle 16"/>
          <p:cNvSpPr/>
          <p:nvPr/>
        </p:nvSpPr>
        <p:spPr bwMode="auto">
          <a:xfrm>
            <a:off x="4639736" y="4791088"/>
            <a:ext cx="304800" cy="457200"/>
          </a:xfrm>
          <a:prstGeom prst="rect">
            <a:avLst/>
          </a:prstGeom>
          <a:solidFill>
            <a:srgbClr val="8AF2FB">
              <a:alpha val="39000"/>
            </a:srgbClr>
          </a:solidFill>
          <a:ln w="9525" cap="flat" cmpd="sng" algn="ctr">
            <a:no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eaLnBrk="1" hangingPunct="1"/>
            <a:endParaRPr lang="en-US" sz="3200">
              <a:solidFill>
                <a:srgbClr val="00459D"/>
              </a:solidFill>
            </a:endParaRPr>
          </a:p>
        </p:txBody>
      </p:sp>
      <p:sp>
        <p:nvSpPr>
          <p:cNvPr id="18" name="TextBox 17"/>
          <p:cNvSpPr txBox="1"/>
          <p:nvPr/>
        </p:nvSpPr>
        <p:spPr>
          <a:xfrm>
            <a:off x="4958670" y="4306954"/>
            <a:ext cx="1447800" cy="923330"/>
          </a:xfrm>
          <a:prstGeom prst="rect">
            <a:avLst/>
          </a:prstGeom>
          <a:solidFill>
            <a:srgbClr val="D5FBFD">
              <a:alpha val="80102"/>
            </a:srgbClr>
          </a:solidFill>
          <a:effectLst>
            <a:softEdge rad="38100"/>
          </a:effectLst>
        </p:spPr>
        <p:txBody>
          <a:bodyPr wrap="square" rtlCol="0">
            <a:spAutoFit/>
          </a:bodyPr>
          <a:lstStyle/>
          <a:p>
            <a:pPr algn="ctr"/>
            <a:r>
              <a:rPr lang="en-US" b="1" spc="160" dirty="0">
                <a:solidFill>
                  <a:schemeClr val="accent5"/>
                </a:solidFill>
                <a:latin typeface="+mj-lt"/>
              </a:rPr>
              <a:t>25% ~ 12.5 TEAM MONTHS</a:t>
            </a:r>
          </a:p>
        </p:txBody>
      </p:sp>
      <p:sp>
        <p:nvSpPr>
          <p:cNvPr id="19" name="TextBox 18"/>
          <p:cNvSpPr txBox="1"/>
          <p:nvPr/>
        </p:nvSpPr>
        <p:spPr>
          <a:xfrm>
            <a:off x="8188012" y="3763696"/>
            <a:ext cx="1997323" cy="1569660"/>
          </a:xfrm>
          <a:prstGeom prst="rect">
            <a:avLst/>
          </a:prstGeom>
          <a:noFill/>
        </p:spPr>
        <p:txBody>
          <a:bodyPr wrap="square" rtlCol="0">
            <a:spAutoFit/>
          </a:bodyPr>
          <a:lstStyle/>
          <a:p>
            <a:r>
              <a:rPr lang="en-US" sz="1600" dirty="0">
                <a:solidFill>
                  <a:schemeClr val="accent4">
                    <a:lumMod val="75000"/>
                  </a:schemeClr>
                </a:solidFill>
                <a:cs typeface="Gabriola"/>
              </a:rPr>
              <a:t>Early on you can “roadmap” out what you’re willing to </a:t>
            </a:r>
            <a:r>
              <a:rPr lang="en-US" sz="1600" i="1" dirty="0">
                <a:solidFill>
                  <a:schemeClr val="accent4">
                    <a:lumMod val="75000"/>
                  </a:schemeClr>
                </a:solidFill>
                <a:cs typeface="Gabriola"/>
              </a:rPr>
              <a:t>invest capacity </a:t>
            </a:r>
            <a:r>
              <a:rPr lang="en-US" sz="1600" dirty="0">
                <a:solidFill>
                  <a:schemeClr val="accent4">
                    <a:lumMod val="75000"/>
                  </a:schemeClr>
                </a:solidFill>
                <a:cs typeface="Gabriola"/>
              </a:rPr>
              <a:t>for across investment themes …</a:t>
            </a:r>
          </a:p>
        </p:txBody>
      </p:sp>
      <p:pic>
        <p:nvPicPr>
          <p:cNvPr id="20" name="Picture 19"/>
          <p:cNvPicPr>
            <a:picLocks noChangeAspect="1"/>
          </p:cNvPicPr>
          <p:nvPr/>
        </p:nvPicPr>
        <p:blipFill>
          <a:blip r:embed="rId4"/>
          <a:stretch>
            <a:fillRect/>
          </a:stretch>
        </p:blipFill>
        <p:spPr>
          <a:xfrm>
            <a:off x="8180211" y="2687354"/>
            <a:ext cx="1771783" cy="875550"/>
          </a:xfrm>
          <a:prstGeom prst="rect">
            <a:avLst/>
          </a:prstGeom>
        </p:spPr>
      </p:pic>
      <p:sp>
        <p:nvSpPr>
          <p:cNvPr id="21" name="TextBox 20"/>
          <p:cNvSpPr txBox="1"/>
          <p:nvPr/>
        </p:nvSpPr>
        <p:spPr>
          <a:xfrm>
            <a:off x="7900934" y="2138337"/>
            <a:ext cx="2290755" cy="338554"/>
          </a:xfrm>
          <a:prstGeom prst="rect">
            <a:avLst/>
          </a:prstGeom>
          <a:noFill/>
        </p:spPr>
        <p:txBody>
          <a:bodyPr wrap="none" rtlCol="0">
            <a:spAutoFit/>
          </a:bodyPr>
          <a:lstStyle/>
          <a:p>
            <a:pPr algn="ctr"/>
            <a:r>
              <a:rPr lang="en-US" sz="1600" spc="120" dirty="0">
                <a:solidFill>
                  <a:schemeClr val="accent1"/>
                </a:solidFill>
                <a:latin typeface="+mj-lt"/>
                <a:cs typeface="Marker Felt"/>
              </a:rPr>
              <a:t>INVESTMENT THEMES</a:t>
            </a:r>
          </a:p>
        </p:txBody>
      </p:sp>
      <p:sp>
        <p:nvSpPr>
          <p:cNvPr id="22" name="TextBox 21"/>
          <p:cNvSpPr txBox="1"/>
          <p:nvPr/>
        </p:nvSpPr>
        <p:spPr>
          <a:xfrm>
            <a:off x="2612366" y="5589660"/>
            <a:ext cx="5045340" cy="338554"/>
          </a:xfrm>
          <a:prstGeom prst="rect">
            <a:avLst/>
          </a:prstGeom>
          <a:noFill/>
          <a:effectLst/>
        </p:spPr>
        <p:txBody>
          <a:bodyPr wrap="square" rtlCol="0">
            <a:spAutoFit/>
          </a:bodyPr>
          <a:lstStyle/>
          <a:p>
            <a:r>
              <a:rPr lang="en-US" sz="1400" dirty="0">
                <a:solidFill>
                  <a:schemeClr val="accent4">
                    <a:lumMod val="75000"/>
                  </a:schemeClr>
                </a:solidFill>
                <a:cs typeface="Marker Felt"/>
              </a:rPr>
              <a:t>Program Capacity Over Next 10 Months = </a:t>
            </a:r>
            <a:r>
              <a:rPr lang="en-US" sz="1600" i="1" dirty="0">
                <a:solidFill>
                  <a:schemeClr val="accent4">
                    <a:lumMod val="75000"/>
                  </a:schemeClr>
                </a:solidFill>
                <a:cs typeface="Marker Felt"/>
              </a:rPr>
              <a:t>50 Team Months</a:t>
            </a:r>
          </a:p>
        </p:txBody>
      </p:sp>
    </p:spTree>
    <p:extLst>
      <p:ext uri="{BB962C8B-B14F-4D97-AF65-F5344CB8AC3E}">
        <p14:creationId xmlns:p14="http://schemas.microsoft.com/office/powerpoint/2010/main" val="17953898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What are we Exploring</a:t>
            </a:r>
          </a:p>
        </p:txBody>
      </p:sp>
      <p:sp>
        <p:nvSpPr>
          <p:cNvPr id="2" name="Oval 1">
            <a:extLst>
              <a:ext uri="{FF2B5EF4-FFF2-40B4-BE49-F238E27FC236}">
                <a16:creationId xmlns:a16="http://schemas.microsoft.com/office/drawing/2014/main" id="{B21C7E66-0EB8-984B-9E0E-23BC6939AF7A}"/>
              </a:ext>
            </a:extLst>
          </p:cNvPr>
          <p:cNvSpPr/>
          <p:nvPr/>
        </p:nvSpPr>
        <p:spPr>
          <a:xfrm>
            <a:off x="955622" y="2098654"/>
            <a:ext cx="3562127" cy="3562127"/>
          </a:xfrm>
          <a:prstGeom prst="ellipse">
            <a:avLst/>
          </a:prstGeom>
          <a:solidFill>
            <a:schemeClr val="accent1"/>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lnSpc>
                <a:spcPct val="108000"/>
              </a:lnSpc>
              <a:spcBef>
                <a:spcPts val="400"/>
              </a:spcBef>
              <a:spcAft>
                <a:spcPts val="200"/>
              </a:spcAft>
            </a:pPr>
            <a:r>
              <a:rPr lang="en-US" sz="2000" dirty="0"/>
              <a:t>Using portfolio management so we focus on the most valuable things</a:t>
            </a:r>
          </a:p>
        </p:txBody>
      </p:sp>
      <p:sp>
        <p:nvSpPr>
          <p:cNvPr id="5" name="Oval 4">
            <a:extLst>
              <a:ext uri="{FF2B5EF4-FFF2-40B4-BE49-F238E27FC236}">
                <a16:creationId xmlns:a16="http://schemas.microsoft.com/office/drawing/2014/main" id="{CCC33229-4043-754A-AE75-22C06F2601B3}"/>
              </a:ext>
            </a:extLst>
          </p:cNvPr>
          <p:cNvSpPr/>
          <p:nvPr/>
        </p:nvSpPr>
        <p:spPr>
          <a:xfrm>
            <a:off x="4258107" y="2098654"/>
            <a:ext cx="3562127" cy="3562127"/>
          </a:xfrm>
          <a:prstGeom prst="ellipse">
            <a:avLst/>
          </a:prstGeom>
          <a:solidFill>
            <a:schemeClr val="accent2"/>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lnSpc>
                <a:spcPct val="108000"/>
              </a:lnSpc>
              <a:spcBef>
                <a:spcPts val="400"/>
              </a:spcBef>
              <a:spcAft>
                <a:spcPts val="200"/>
              </a:spcAft>
              <a:buClr>
                <a:schemeClr val="accent4">
                  <a:lumMod val="60000"/>
                  <a:lumOff val="40000"/>
                </a:schemeClr>
              </a:buClr>
            </a:pPr>
            <a:r>
              <a:rPr lang="en-US" sz="2000" dirty="0"/>
              <a:t>How to iteratively do portfolio planning</a:t>
            </a:r>
          </a:p>
        </p:txBody>
      </p:sp>
      <p:sp>
        <p:nvSpPr>
          <p:cNvPr id="7" name="Oval 6">
            <a:extLst>
              <a:ext uri="{FF2B5EF4-FFF2-40B4-BE49-F238E27FC236}">
                <a16:creationId xmlns:a16="http://schemas.microsoft.com/office/drawing/2014/main" id="{3920FC88-B4D0-794E-9250-0958EAD8CE62}"/>
              </a:ext>
            </a:extLst>
          </p:cNvPr>
          <p:cNvSpPr/>
          <p:nvPr/>
        </p:nvSpPr>
        <p:spPr>
          <a:xfrm>
            <a:off x="7560592" y="2098653"/>
            <a:ext cx="3562127" cy="3562127"/>
          </a:xfrm>
          <a:prstGeom prst="ellipse">
            <a:avLst/>
          </a:prstGeom>
          <a:solidFill>
            <a:schemeClr val="accent2">
              <a:lumMod val="50000"/>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lnSpc>
                <a:spcPct val="108000"/>
              </a:lnSpc>
              <a:spcBef>
                <a:spcPts val="400"/>
              </a:spcBef>
              <a:spcAft>
                <a:spcPts val="200"/>
              </a:spcAft>
              <a:buClr>
                <a:schemeClr val="accent4">
                  <a:lumMod val="60000"/>
                  <a:lumOff val="40000"/>
                </a:schemeClr>
              </a:buClr>
            </a:pPr>
            <a:r>
              <a:rPr lang="en-US" sz="2000" dirty="0"/>
              <a:t>Balancing capacity against demand</a:t>
            </a:r>
          </a:p>
        </p:txBody>
      </p:sp>
      <p:sp>
        <p:nvSpPr>
          <p:cNvPr id="3" name="Slide Number Placeholder 2">
            <a:extLst>
              <a:ext uri="{FF2B5EF4-FFF2-40B4-BE49-F238E27FC236}">
                <a16:creationId xmlns:a16="http://schemas.microsoft.com/office/drawing/2014/main" id="{BD3C9F95-C1A2-3C45-A006-A49C37E8E588}"/>
              </a:ext>
            </a:extLst>
          </p:cNvPr>
          <p:cNvSpPr>
            <a:spLocks noGrp="1"/>
          </p:cNvSpPr>
          <p:nvPr>
            <p:ph type="sldNum" sz="quarter" idx="4"/>
          </p:nvPr>
        </p:nvSpPr>
        <p:spPr/>
        <p:txBody>
          <a:bodyPr/>
          <a:lstStyle/>
          <a:p>
            <a:fld id="{742ED878-647B-DB4D-84DF-0BCCAF9DD0BF}" type="slidenum">
              <a:rPr lang="en-US" smtClean="0"/>
              <a:pPr/>
              <a:t>4</a:t>
            </a:fld>
            <a:endParaRPr lang="en-US" dirty="0"/>
          </a:p>
        </p:txBody>
      </p:sp>
    </p:spTree>
    <p:extLst>
      <p:ext uri="{BB962C8B-B14F-4D97-AF65-F5344CB8AC3E}">
        <p14:creationId xmlns:p14="http://schemas.microsoft.com/office/powerpoint/2010/main" val="5522257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p:txBody>
          <a:bodyPr/>
          <a:lstStyle/>
          <a:p>
            <a:r>
              <a:rPr lang="en-US" dirty="0"/>
              <a:t>Planning &amp; road-mapping</a:t>
            </a:r>
          </a:p>
        </p:txBody>
      </p:sp>
      <p:sp>
        <p:nvSpPr>
          <p:cNvPr id="5" name="Subtitle 4"/>
          <p:cNvSpPr>
            <a:spLocks noGrp="1"/>
          </p:cNvSpPr>
          <p:nvPr>
            <p:ph type="subTitle" idx="1"/>
          </p:nvPr>
        </p:nvSpPr>
        <p:spPr/>
        <p:txBody>
          <a:bodyPr/>
          <a:lstStyle/>
          <a:p>
            <a:r>
              <a:rPr lang="en-US" dirty="0"/>
              <a:t>Rolling Wave Planning and Roadmap Prioritization</a:t>
            </a:r>
          </a:p>
        </p:txBody>
      </p:sp>
    </p:spTree>
    <p:extLst>
      <p:ext uri="{BB962C8B-B14F-4D97-AF65-F5344CB8AC3E}">
        <p14:creationId xmlns:p14="http://schemas.microsoft.com/office/powerpoint/2010/main" val="824837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Portfolio Planning</a:t>
            </a:r>
          </a:p>
        </p:txBody>
      </p:sp>
      <p:sp>
        <p:nvSpPr>
          <p:cNvPr id="10" name="Text Placeholder 9"/>
          <p:cNvSpPr>
            <a:spLocks noGrp="1"/>
          </p:cNvSpPr>
          <p:nvPr>
            <p:ph type="body" sz="quarter" idx="10"/>
          </p:nvPr>
        </p:nvSpPr>
        <p:spPr/>
        <p:txBody>
          <a:bodyPr/>
          <a:lstStyle/>
          <a:p>
            <a:r>
              <a:rPr lang="en-GB"/>
              <a:t>Planning Horizon</a:t>
            </a:r>
            <a:endParaRPr lang="en-US"/>
          </a:p>
        </p:txBody>
      </p:sp>
      <p:sp>
        <p:nvSpPr>
          <p:cNvPr id="30" name="Title 1"/>
          <p:cNvSpPr txBox="1">
            <a:spLocks/>
          </p:cNvSpPr>
          <p:nvPr/>
        </p:nvSpPr>
        <p:spPr>
          <a:xfrm>
            <a:off x="1794510" y="1634554"/>
            <a:ext cx="9189720" cy="545537"/>
          </a:xfrm>
          <a:prstGeom prst="rect">
            <a:avLst/>
          </a:prstGeom>
        </p:spPr>
        <p:txBody>
          <a:bodyPr lIns="0" bIns="0" anchor="ctr"/>
          <a:lstStyle>
            <a:lvl1pPr algn="l" rtl="0" eaLnBrk="1" fontAlgn="base" hangingPunct="1">
              <a:lnSpc>
                <a:spcPct val="90000"/>
              </a:lnSpc>
              <a:spcBef>
                <a:spcPct val="0"/>
              </a:spcBef>
              <a:spcAft>
                <a:spcPct val="0"/>
              </a:spcAft>
              <a:defRPr sz="2200" baseline="0">
                <a:solidFill>
                  <a:schemeClr val="tx1"/>
                </a:solidFill>
                <a:latin typeface="+mj-lt"/>
                <a:ea typeface="MS PGothic" pitchFamily="34" charset="-128"/>
                <a:cs typeface="MS PGothic" charset="0"/>
              </a:defRPr>
            </a:lvl1pPr>
            <a:lvl2pPr algn="l" rtl="0" eaLnBrk="1" fontAlgn="base" hangingPunct="1">
              <a:lnSpc>
                <a:spcPct val="90000"/>
              </a:lnSpc>
              <a:spcBef>
                <a:spcPct val="0"/>
              </a:spcBef>
              <a:spcAft>
                <a:spcPct val="0"/>
              </a:spcAft>
              <a:defRPr sz="2200">
                <a:solidFill>
                  <a:schemeClr val="tx1"/>
                </a:solidFill>
                <a:latin typeface="Barclaycard Co" charset="0"/>
                <a:ea typeface="MS PGothic" pitchFamily="34" charset="-128"/>
                <a:cs typeface="MS PGothic" charset="0"/>
              </a:defRPr>
            </a:lvl2pPr>
            <a:lvl3pPr algn="l" rtl="0" eaLnBrk="1" fontAlgn="base" hangingPunct="1">
              <a:lnSpc>
                <a:spcPct val="90000"/>
              </a:lnSpc>
              <a:spcBef>
                <a:spcPct val="0"/>
              </a:spcBef>
              <a:spcAft>
                <a:spcPct val="0"/>
              </a:spcAft>
              <a:defRPr sz="2200">
                <a:solidFill>
                  <a:schemeClr val="tx1"/>
                </a:solidFill>
                <a:latin typeface="Barclaycard Co" charset="0"/>
                <a:ea typeface="MS PGothic" pitchFamily="34" charset="-128"/>
                <a:cs typeface="MS PGothic" charset="0"/>
              </a:defRPr>
            </a:lvl3pPr>
            <a:lvl4pPr algn="l" rtl="0" eaLnBrk="1" fontAlgn="base" hangingPunct="1">
              <a:lnSpc>
                <a:spcPct val="90000"/>
              </a:lnSpc>
              <a:spcBef>
                <a:spcPct val="0"/>
              </a:spcBef>
              <a:spcAft>
                <a:spcPct val="0"/>
              </a:spcAft>
              <a:defRPr sz="2200">
                <a:solidFill>
                  <a:schemeClr val="tx1"/>
                </a:solidFill>
                <a:latin typeface="Barclaycard Co" charset="0"/>
                <a:ea typeface="MS PGothic" pitchFamily="34" charset="-128"/>
                <a:cs typeface="MS PGothic" charset="0"/>
              </a:defRPr>
            </a:lvl4pPr>
            <a:lvl5pPr algn="l" rtl="0" eaLnBrk="1" fontAlgn="base" hangingPunct="1">
              <a:lnSpc>
                <a:spcPct val="90000"/>
              </a:lnSpc>
              <a:spcBef>
                <a:spcPct val="0"/>
              </a:spcBef>
              <a:spcAft>
                <a:spcPct val="0"/>
              </a:spcAft>
              <a:defRPr sz="2200">
                <a:solidFill>
                  <a:schemeClr val="tx1"/>
                </a:solidFill>
                <a:latin typeface="Barclaycard Co" charset="0"/>
                <a:ea typeface="MS PGothic" pitchFamily="34" charset="-128"/>
                <a:cs typeface="MS PGothic" charset="0"/>
              </a:defRPr>
            </a:lvl5pPr>
            <a:lvl6pPr marL="457200" algn="l" rtl="0" eaLnBrk="1" fontAlgn="base" hangingPunct="1">
              <a:lnSpc>
                <a:spcPct val="90000"/>
              </a:lnSpc>
              <a:spcBef>
                <a:spcPct val="0"/>
              </a:spcBef>
              <a:spcAft>
                <a:spcPct val="0"/>
              </a:spcAft>
              <a:defRPr sz="2200">
                <a:solidFill>
                  <a:srgbClr val="00A1E4"/>
                </a:solidFill>
                <a:latin typeface="Barclaycard Co" charset="0"/>
                <a:ea typeface="ＭＳ Ｐゴシック" pitchFamily="8" charset="-128"/>
                <a:cs typeface="ＭＳ Ｐゴシック" pitchFamily="8" charset="-128"/>
              </a:defRPr>
            </a:lvl6pPr>
            <a:lvl7pPr marL="914400" algn="l" rtl="0" eaLnBrk="1" fontAlgn="base" hangingPunct="1">
              <a:lnSpc>
                <a:spcPct val="90000"/>
              </a:lnSpc>
              <a:spcBef>
                <a:spcPct val="0"/>
              </a:spcBef>
              <a:spcAft>
                <a:spcPct val="0"/>
              </a:spcAft>
              <a:defRPr sz="2200">
                <a:solidFill>
                  <a:srgbClr val="00A1E4"/>
                </a:solidFill>
                <a:latin typeface="Barclaycard Co" charset="0"/>
                <a:ea typeface="ＭＳ Ｐゴシック" pitchFamily="8" charset="-128"/>
                <a:cs typeface="ＭＳ Ｐゴシック" pitchFamily="8" charset="-128"/>
              </a:defRPr>
            </a:lvl7pPr>
            <a:lvl8pPr marL="1371600" algn="l" rtl="0" eaLnBrk="1" fontAlgn="base" hangingPunct="1">
              <a:lnSpc>
                <a:spcPct val="90000"/>
              </a:lnSpc>
              <a:spcBef>
                <a:spcPct val="0"/>
              </a:spcBef>
              <a:spcAft>
                <a:spcPct val="0"/>
              </a:spcAft>
              <a:defRPr sz="2200">
                <a:solidFill>
                  <a:srgbClr val="00A1E4"/>
                </a:solidFill>
                <a:latin typeface="Barclaycard Co" charset="0"/>
                <a:ea typeface="ＭＳ Ｐゴシック" pitchFamily="8" charset="-128"/>
                <a:cs typeface="ＭＳ Ｐゴシック" pitchFamily="8" charset="-128"/>
              </a:defRPr>
            </a:lvl8pPr>
            <a:lvl9pPr marL="1828800" algn="l" rtl="0" eaLnBrk="1" fontAlgn="base" hangingPunct="1">
              <a:lnSpc>
                <a:spcPct val="90000"/>
              </a:lnSpc>
              <a:spcBef>
                <a:spcPct val="0"/>
              </a:spcBef>
              <a:spcAft>
                <a:spcPct val="0"/>
              </a:spcAft>
              <a:defRPr sz="2200">
                <a:solidFill>
                  <a:srgbClr val="00A1E4"/>
                </a:solidFill>
                <a:latin typeface="Barclaycard Co" charset="0"/>
                <a:ea typeface="ＭＳ Ｐゴシック" pitchFamily="8" charset="-128"/>
                <a:cs typeface="ＭＳ Ｐゴシック" pitchFamily="8" charset="-128"/>
              </a:defRPr>
            </a:lvl9pPr>
          </a:lstStyle>
          <a:p>
            <a:r>
              <a:rPr lang="en-US" sz="1400" dirty="0">
                <a:solidFill>
                  <a:schemeClr val="accent1"/>
                </a:solidFill>
                <a:latin typeface="+mn-lt"/>
                <a:ea typeface="Aleo" charset="0"/>
                <a:cs typeface="Aleo" charset="0"/>
              </a:rPr>
              <a:t>Deliverables associated with each planning level — Strategy to the Scrum teams</a:t>
            </a:r>
          </a:p>
        </p:txBody>
      </p:sp>
      <p:sp>
        <p:nvSpPr>
          <p:cNvPr id="7" name="Freeform 6">
            <a:extLst>
              <a:ext uri="{FF2B5EF4-FFF2-40B4-BE49-F238E27FC236}">
                <a16:creationId xmlns:a16="http://schemas.microsoft.com/office/drawing/2014/main" id="{FF18EBD4-673A-E645-9E13-684DB7277A77}"/>
              </a:ext>
            </a:extLst>
          </p:cNvPr>
          <p:cNvSpPr>
            <a:spLocks/>
          </p:cNvSpPr>
          <p:nvPr/>
        </p:nvSpPr>
        <p:spPr>
          <a:xfrm>
            <a:off x="3722208" y="2104398"/>
            <a:ext cx="1198548" cy="382553"/>
          </a:xfrm>
          <a:custGeom>
            <a:avLst/>
            <a:gdLst>
              <a:gd name="connsiteX0" fmla="*/ 0 w 4302488"/>
              <a:gd name="connsiteY0" fmla="*/ 0 h 3687847"/>
              <a:gd name="connsiteX1" fmla="*/ 4302488 w 4302488"/>
              <a:gd name="connsiteY1" fmla="*/ 0 h 3687847"/>
              <a:gd name="connsiteX2" fmla="*/ 4302488 w 4302488"/>
              <a:gd name="connsiteY2" fmla="*/ 3687847 h 3687847"/>
              <a:gd name="connsiteX3" fmla="*/ 0 w 4302488"/>
              <a:gd name="connsiteY3" fmla="*/ 3687847 h 3687847"/>
              <a:gd name="connsiteX4" fmla="*/ 0 w 4302488"/>
              <a:gd name="connsiteY4" fmla="*/ 0 h 368784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2488" h="3687847">
                <a:moveTo>
                  <a:pt x="0" y="0"/>
                </a:moveTo>
                <a:lnTo>
                  <a:pt x="4302488" y="0"/>
                </a:lnTo>
                <a:lnTo>
                  <a:pt x="4302488" y="3687847"/>
                </a:lnTo>
                <a:lnTo>
                  <a:pt x="0" y="3687847"/>
                </a:lnTo>
                <a:lnTo>
                  <a:pt x="0" y="0"/>
                </a:lnTo>
                <a:close/>
              </a:path>
            </a:pathLst>
          </a:custGeom>
          <a:noFill/>
          <a:ln>
            <a:noFill/>
          </a:ln>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0" numCol="1" spcCol="1270" anchor="ctr" anchorCtr="0">
            <a:noAutofit/>
          </a:bodyPr>
          <a:lstStyle/>
          <a:p>
            <a:pPr defTabSz="488950">
              <a:lnSpc>
                <a:spcPct val="90000"/>
              </a:lnSpc>
              <a:spcBef>
                <a:spcPct val="0"/>
              </a:spcBef>
              <a:spcAft>
                <a:spcPct val="35000"/>
              </a:spcAft>
            </a:pPr>
            <a:r>
              <a:rPr lang="en-US" sz="1100" spc="199" dirty="0">
                <a:solidFill>
                  <a:schemeClr val="accent1"/>
                </a:solidFill>
                <a:latin typeface="+mj-lt"/>
              </a:rPr>
              <a:t>STRATEGY</a:t>
            </a:r>
          </a:p>
        </p:txBody>
      </p:sp>
      <p:sp>
        <p:nvSpPr>
          <p:cNvPr id="9" name="Freeform 8">
            <a:extLst>
              <a:ext uri="{FF2B5EF4-FFF2-40B4-BE49-F238E27FC236}">
                <a16:creationId xmlns:a16="http://schemas.microsoft.com/office/drawing/2014/main" id="{59F5C1CD-7C17-044C-B8D5-171DE756AC0F}"/>
              </a:ext>
            </a:extLst>
          </p:cNvPr>
          <p:cNvSpPr>
            <a:spLocks/>
          </p:cNvSpPr>
          <p:nvPr/>
        </p:nvSpPr>
        <p:spPr>
          <a:xfrm>
            <a:off x="3722208" y="2614107"/>
            <a:ext cx="1198548" cy="382553"/>
          </a:xfrm>
          <a:custGeom>
            <a:avLst/>
            <a:gdLst>
              <a:gd name="connsiteX0" fmla="*/ 0 w 4302488"/>
              <a:gd name="connsiteY0" fmla="*/ 0 h 3042472"/>
              <a:gd name="connsiteX1" fmla="*/ 4302488 w 4302488"/>
              <a:gd name="connsiteY1" fmla="*/ 0 h 3042472"/>
              <a:gd name="connsiteX2" fmla="*/ 4302488 w 4302488"/>
              <a:gd name="connsiteY2" fmla="*/ 3042472 h 3042472"/>
              <a:gd name="connsiteX3" fmla="*/ 0 w 4302488"/>
              <a:gd name="connsiteY3" fmla="*/ 3042472 h 3042472"/>
              <a:gd name="connsiteX4" fmla="*/ 0 w 4302488"/>
              <a:gd name="connsiteY4" fmla="*/ 0 h 30424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2488" h="3042472">
                <a:moveTo>
                  <a:pt x="0" y="0"/>
                </a:moveTo>
                <a:lnTo>
                  <a:pt x="4302488" y="0"/>
                </a:lnTo>
                <a:lnTo>
                  <a:pt x="4302488" y="3042472"/>
                </a:lnTo>
                <a:lnTo>
                  <a:pt x="0" y="3042472"/>
                </a:lnTo>
                <a:lnTo>
                  <a:pt x="0" y="0"/>
                </a:lnTo>
                <a:close/>
              </a:path>
            </a:pathLst>
          </a:custGeom>
          <a:noFill/>
          <a:ln>
            <a:noFill/>
          </a:ln>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0" numCol="1" spcCol="1270" anchor="ctr" anchorCtr="0">
            <a:noAutofit/>
          </a:bodyPr>
          <a:lstStyle/>
          <a:p>
            <a:pPr defTabSz="488950">
              <a:lnSpc>
                <a:spcPct val="90000"/>
              </a:lnSpc>
              <a:spcBef>
                <a:spcPct val="0"/>
              </a:spcBef>
              <a:spcAft>
                <a:spcPct val="35000"/>
              </a:spcAft>
            </a:pPr>
            <a:r>
              <a:rPr lang="en-US" sz="1100" spc="199" dirty="0">
                <a:solidFill>
                  <a:schemeClr val="accent1"/>
                </a:solidFill>
                <a:latin typeface="+mj-lt"/>
              </a:rPr>
              <a:t>PORTFOLIO</a:t>
            </a:r>
          </a:p>
        </p:txBody>
      </p:sp>
      <p:sp>
        <p:nvSpPr>
          <p:cNvPr id="12" name="Freeform 11">
            <a:extLst>
              <a:ext uri="{FF2B5EF4-FFF2-40B4-BE49-F238E27FC236}">
                <a16:creationId xmlns:a16="http://schemas.microsoft.com/office/drawing/2014/main" id="{8AACD139-E34D-2D4A-A1E5-5ACF504E5039}"/>
              </a:ext>
            </a:extLst>
          </p:cNvPr>
          <p:cNvSpPr>
            <a:spLocks/>
          </p:cNvSpPr>
          <p:nvPr/>
        </p:nvSpPr>
        <p:spPr>
          <a:xfrm>
            <a:off x="3722208" y="3189134"/>
            <a:ext cx="1198548" cy="382553"/>
          </a:xfrm>
          <a:custGeom>
            <a:avLst/>
            <a:gdLst>
              <a:gd name="connsiteX0" fmla="*/ 0 w 4302488"/>
              <a:gd name="connsiteY0" fmla="*/ 0 h 1243015"/>
              <a:gd name="connsiteX1" fmla="*/ 4302488 w 4302488"/>
              <a:gd name="connsiteY1" fmla="*/ 0 h 1243015"/>
              <a:gd name="connsiteX2" fmla="*/ 4302488 w 4302488"/>
              <a:gd name="connsiteY2" fmla="*/ 1243015 h 1243015"/>
              <a:gd name="connsiteX3" fmla="*/ 0 w 4302488"/>
              <a:gd name="connsiteY3" fmla="*/ 1243015 h 1243015"/>
              <a:gd name="connsiteX4" fmla="*/ 0 w 4302488"/>
              <a:gd name="connsiteY4" fmla="*/ 0 h 124301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2488" h="1243015">
                <a:moveTo>
                  <a:pt x="0" y="0"/>
                </a:moveTo>
                <a:lnTo>
                  <a:pt x="4302488" y="0"/>
                </a:lnTo>
                <a:lnTo>
                  <a:pt x="4302488" y="1243015"/>
                </a:lnTo>
                <a:lnTo>
                  <a:pt x="0" y="1243015"/>
                </a:lnTo>
                <a:lnTo>
                  <a:pt x="0" y="0"/>
                </a:lnTo>
                <a:close/>
              </a:path>
            </a:pathLst>
          </a:custGeom>
          <a:noFill/>
          <a:ln>
            <a:noFill/>
          </a:ln>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0" numCol="1" spcCol="1270" anchor="ctr" anchorCtr="0">
            <a:noAutofit/>
          </a:bodyPr>
          <a:lstStyle/>
          <a:p>
            <a:pPr defTabSz="488950">
              <a:lnSpc>
                <a:spcPct val="90000"/>
              </a:lnSpc>
              <a:spcBef>
                <a:spcPct val="0"/>
              </a:spcBef>
              <a:spcAft>
                <a:spcPct val="35000"/>
              </a:spcAft>
            </a:pPr>
            <a:r>
              <a:rPr lang="en-US" sz="1100" spc="199" dirty="0">
                <a:solidFill>
                  <a:schemeClr val="accent1"/>
                </a:solidFill>
                <a:latin typeface="+mj-lt"/>
              </a:rPr>
              <a:t>PRODUCT</a:t>
            </a:r>
          </a:p>
        </p:txBody>
      </p:sp>
      <p:sp>
        <p:nvSpPr>
          <p:cNvPr id="14" name="Freeform 13">
            <a:extLst>
              <a:ext uri="{FF2B5EF4-FFF2-40B4-BE49-F238E27FC236}">
                <a16:creationId xmlns:a16="http://schemas.microsoft.com/office/drawing/2014/main" id="{0D8A388D-AA31-EC4D-AFB1-F33AA1A28058}"/>
              </a:ext>
            </a:extLst>
          </p:cNvPr>
          <p:cNvSpPr>
            <a:spLocks/>
          </p:cNvSpPr>
          <p:nvPr/>
        </p:nvSpPr>
        <p:spPr>
          <a:xfrm>
            <a:off x="3722208" y="3764156"/>
            <a:ext cx="1198548" cy="382553"/>
          </a:xfrm>
          <a:custGeom>
            <a:avLst/>
            <a:gdLst>
              <a:gd name="connsiteX0" fmla="*/ 0 w 4302488"/>
              <a:gd name="connsiteY0" fmla="*/ 0 h 1751727"/>
              <a:gd name="connsiteX1" fmla="*/ 4302488 w 4302488"/>
              <a:gd name="connsiteY1" fmla="*/ 0 h 1751727"/>
              <a:gd name="connsiteX2" fmla="*/ 4302488 w 4302488"/>
              <a:gd name="connsiteY2" fmla="*/ 1751727 h 1751727"/>
              <a:gd name="connsiteX3" fmla="*/ 0 w 4302488"/>
              <a:gd name="connsiteY3" fmla="*/ 1751727 h 1751727"/>
              <a:gd name="connsiteX4" fmla="*/ 0 w 4302488"/>
              <a:gd name="connsiteY4" fmla="*/ 0 h 175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2488" h="1751727">
                <a:moveTo>
                  <a:pt x="0" y="0"/>
                </a:moveTo>
                <a:lnTo>
                  <a:pt x="4302488" y="0"/>
                </a:lnTo>
                <a:lnTo>
                  <a:pt x="4302488" y="1751727"/>
                </a:lnTo>
                <a:lnTo>
                  <a:pt x="0" y="1751727"/>
                </a:lnTo>
                <a:lnTo>
                  <a:pt x="0" y="0"/>
                </a:lnTo>
                <a:close/>
              </a:path>
            </a:pathLst>
          </a:custGeom>
          <a:noFill/>
          <a:ln>
            <a:noFill/>
          </a:ln>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0" numCol="1" spcCol="1270" anchor="ctr" anchorCtr="0">
            <a:noAutofit/>
          </a:bodyPr>
          <a:lstStyle/>
          <a:p>
            <a:pPr defTabSz="488950">
              <a:lnSpc>
                <a:spcPct val="90000"/>
              </a:lnSpc>
              <a:spcBef>
                <a:spcPct val="0"/>
              </a:spcBef>
              <a:spcAft>
                <a:spcPct val="35000"/>
              </a:spcAft>
            </a:pPr>
            <a:r>
              <a:rPr lang="en-US" sz="1100" spc="199" dirty="0">
                <a:solidFill>
                  <a:schemeClr val="accent1"/>
                </a:solidFill>
                <a:latin typeface="+mj-lt"/>
              </a:rPr>
              <a:t>RELEASE</a:t>
            </a:r>
          </a:p>
        </p:txBody>
      </p:sp>
      <p:sp>
        <p:nvSpPr>
          <p:cNvPr id="16" name="Freeform 15">
            <a:extLst>
              <a:ext uri="{FF2B5EF4-FFF2-40B4-BE49-F238E27FC236}">
                <a16:creationId xmlns:a16="http://schemas.microsoft.com/office/drawing/2014/main" id="{1A0D2D90-BD32-3149-B8C5-2A0249AAD5E1}"/>
              </a:ext>
            </a:extLst>
          </p:cNvPr>
          <p:cNvSpPr>
            <a:spLocks/>
          </p:cNvSpPr>
          <p:nvPr/>
        </p:nvSpPr>
        <p:spPr>
          <a:xfrm>
            <a:off x="3722208" y="4426264"/>
            <a:ext cx="1198548" cy="382553"/>
          </a:xfrm>
          <a:custGeom>
            <a:avLst/>
            <a:gdLst>
              <a:gd name="connsiteX0" fmla="*/ 0 w 4302488"/>
              <a:gd name="connsiteY0" fmla="*/ 0 h 1106353"/>
              <a:gd name="connsiteX1" fmla="*/ 4302488 w 4302488"/>
              <a:gd name="connsiteY1" fmla="*/ 0 h 1106353"/>
              <a:gd name="connsiteX2" fmla="*/ 4302488 w 4302488"/>
              <a:gd name="connsiteY2" fmla="*/ 1106353 h 1106353"/>
              <a:gd name="connsiteX3" fmla="*/ 0 w 4302488"/>
              <a:gd name="connsiteY3" fmla="*/ 1106353 h 1106353"/>
              <a:gd name="connsiteX4" fmla="*/ 0 w 4302488"/>
              <a:gd name="connsiteY4" fmla="*/ 0 h 110635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2488" h="1106353">
                <a:moveTo>
                  <a:pt x="0" y="0"/>
                </a:moveTo>
                <a:lnTo>
                  <a:pt x="4302488" y="0"/>
                </a:lnTo>
                <a:lnTo>
                  <a:pt x="4302488" y="1106353"/>
                </a:lnTo>
                <a:lnTo>
                  <a:pt x="0" y="1106353"/>
                </a:lnTo>
                <a:lnTo>
                  <a:pt x="0" y="0"/>
                </a:lnTo>
                <a:close/>
              </a:path>
            </a:pathLst>
          </a:custGeom>
          <a:noFill/>
          <a:ln>
            <a:noFill/>
          </a:ln>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0" numCol="1" spcCol="1270" anchor="ctr" anchorCtr="0">
            <a:noAutofit/>
          </a:bodyPr>
          <a:lstStyle/>
          <a:p>
            <a:pPr defTabSz="488950">
              <a:lnSpc>
                <a:spcPct val="90000"/>
              </a:lnSpc>
              <a:spcBef>
                <a:spcPct val="0"/>
              </a:spcBef>
              <a:spcAft>
                <a:spcPct val="35000"/>
              </a:spcAft>
            </a:pPr>
            <a:r>
              <a:rPr lang="en-US" sz="1100" spc="199" dirty="0">
                <a:solidFill>
                  <a:schemeClr val="accent1"/>
                </a:solidFill>
                <a:latin typeface="+mj-lt"/>
              </a:rPr>
              <a:t>ITERATION</a:t>
            </a:r>
          </a:p>
        </p:txBody>
      </p:sp>
      <p:grpSp>
        <p:nvGrpSpPr>
          <p:cNvPr id="25" name="Group 24">
            <a:extLst>
              <a:ext uri="{FF2B5EF4-FFF2-40B4-BE49-F238E27FC236}">
                <a16:creationId xmlns:a16="http://schemas.microsoft.com/office/drawing/2014/main" id="{948EE92F-F9FF-A74D-8571-1B9914AF5498}"/>
              </a:ext>
            </a:extLst>
          </p:cNvPr>
          <p:cNvGrpSpPr/>
          <p:nvPr/>
        </p:nvGrpSpPr>
        <p:grpSpPr>
          <a:xfrm>
            <a:off x="1081083" y="2081289"/>
            <a:ext cx="4319841" cy="4654127"/>
            <a:chOff x="1783847" y="2873550"/>
            <a:chExt cx="3687847" cy="3687847"/>
          </a:xfrm>
        </p:grpSpPr>
        <p:sp>
          <p:nvSpPr>
            <p:cNvPr id="6" name="Pie 5">
              <a:extLst>
                <a:ext uri="{FF2B5EF4-FFF2-40B4-BE49-F238E27FC236}">
                  <a16:creationId xmlns:a16="http://schemas.microsoft.com/office/drawing/2014/main" id="{49BA1FB7-B281-1542-9DF4-93F1542411A5}"/>
                </a:ext>
              </a:extLst>
            </p:cNvPr>
            <p:cNvSpPr/>
            <p:nvPr/>
          </p:nvSpPr>
          <p:spPr>
            <a:xfrm>
              <a:off x="1783847" y="2873550"/>
              <a:ext cx="3687847" cy="3687847"/>
            </a:xfrm>
            <a:prstGeom prst="pie">
              <a:avLst>
                <a:gd name="adj1" fmla="val 5399999"/>
                <a:gd name="adj2" fmla="val 16181367"/>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8" name="Pie 7">
              <a:extLst>
                <a:ext uri="{FF2B5EF4-FFF2-40B4-BE49-F238E27FC236}">
                  <a16:creationId xmlns:a16="http://schemas.microsoft.com/office/drawing/2014/main" id="{193CC14D-429D-0A47-AB44-6478A08AEFF9}"/>
                </a:ext>
              </a:extLst>
            </p:cNvPr>
            <p:cNvSpPr/>
            <p:nvPr/>
          </p:nvSpPr>
          <p:spPr>
            <a:xfrm>
              <a:off x="2099708" y="3334532"/>
              <a:ext cx="3042472" cy="3042472"/>
            </a:xfrm>
            <a:prstGeom prst="pie">
              <a:avLst>
                <a:gd name="adj1" fmla="val 5400000"/>
                <a:gd name="adj2" fmla="val 16200000"/>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11" name="Pie 10">
              <a:extLst>
                <a:ext uri="{FF2B5EF4-FFF2-40B4-BE49-F238E27FC236}">
                  <a16:creationId xmlns:a16="http://schemas.microsoft.com/office/drawing/2014/main" id="{FA67BAB3-148F-EE4B-874C-3E07857B5AF2}"/>
                </a:ext>
              </a:extLst>
            </p:cNvPr>
            <p:cNvSpPr/>
            <p:nvPr/>
          </p:nvSpPr>
          <p:spPr>
            <a:xfrm>
              <a:off x="2420007" y="3795514"/>
              <a:ext cx="2397098" cy="2397098"/>
            </a:xfrm>
            <a:prstGeom prst="pie">
              <a:avLst>
                <a:gd name="adj1" fmla="val 5400000"/>
                <a:gd name="adj2" fmla="val 16200000"/>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13" name="Pie 12">
              <a:extLst>
                <a:ext uri="{FF2B5EF4-FFF2-40B4-BE49-F238E27FC236}">
                  <a16:creationId xmlns:a16="http://schemas.microsoft.com/office/drawing/2014/main" id="{26791CBF-16F6-7F46-8783-888E93D43A85}"/>
                </a:ext>
              </a:extLst>
            </p:cNvPr>
            <p:cNvSpPr/>
            <p:nvPr/>
          </p:nvSpPr>
          <p:spPr>
            <a:xfrm>
              <a:off x="2742960" y="4256493"/>
              <a:ext cx="1751727" cy="1751727"/>
            </a:xfrm>
            <a:prstGeom prst="pie">
              <a:avLst>
                <a:gd name="adj1" fmla="val 5400000"/>
                <a:gd name="adj2" fmla="val 16200000"/>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15" name="Pie 14">
              <a:extLst>
                <a:ext uri="{FF2B5EF4-FFF2-40B4-BE49-F238E27FC236}">
                  <a16:creationId xmlns:a16="http://schemas.microsoft.com/office/drawing/2014/main" id="{3FD72044-BD0A-3842-8F2E-41900C8C5DFD}"/>
                </a:ext>
              </a:extLst>
            </p:cNvPr>
            <p:cNvSpPr/>
            <p:nvPr/>
          </p:nvSpPr>
          <p:spPr>
            <a:xfrm>
              <a:off x="3065646" y="4717475"/>
              <a:ext cx="1106353" cy="1106353"/>
            </a:xfrm>
            <a:prstGeom prst="pie">
              <a:avLst>
                <a:gd name="adj1" fmla="val 5400000"/>
                <a:gd name="adj2" fmla="val 16200000"/>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17" name="Pie 16">
              <a:extLst>
                <a:ext uri="{FF2B5EF4-FFF2-40B4-BE49-F238E27FC236}">
                  <a16:creationId xmlns:a16="http://schemas.microsoft.com/office/drawing/2014/main" id="{E44CECDC-6C3F-7540-A076-C4666073DE0D}"/>
                </a:ext>
              </a:extLst>
            </p:cNvPr>
            <p:cNvSpPr/>
            <p:nvPr/>
          </p:nvSpPr>
          <p:spPr>
            <a:xfrm>
              <a:off x="3359857" y="5123856"/>
              <a:ext cx="515579" cy="515579"/>
            </a:xfrm>
            <a:prstGeom prst="pie">
              <a:avLst>
                <a:gd name="adj1" fmla="val 5400000"/>
                <a:gd name="adj2" fmla="val 16200000"/>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grpSp>
      <p:sp>
        <p:nvSpPr>
          <p:cNvPr id="18" name="Freeform 17">
            <a:extLst>
              <a:ext uri="{FF2B5EF4-FFF2-40B4-BE49-F238E27FC236}">
                <a16:creationId xmlns:a16="http://schemas.microsoft.com/office/drawing/2014/main" id="{A529C2EA-08E9-FD40-BA3B-B44192644B7F}"/>
              </a:ext>
            </a:extLst>
          </p:cNvPr>
          <p:cNvSpPr>
            <a:spLocks/>
          </p:cNvSpPr>
          <p:nvPr/>
        </p:nvSpPr>
        <p:spPr>
          <a:xfrm>
            <a:off x="3722208" y="4957754"/>
            <a:ext cx="1198548" cy="382553"/>
          </a:xfrm>
          <a:custGeom>
            <a:avLst/>
            <a:gdLst>
              <a:gd name="connsiteX0" fmla="*/ 0 w 4302488"/>
              <a:gd name="connsiteY0" fmla="*/ 0 h 460978"/>
              <a:gd name="connsiteX1" fmla="*/ 4302488 w 4302488"/>
              <a:gd name="connsiteY1" fmla="*/ 0 h 460978"/>
              <a:gd name="connsiteX2" fmla="*/ 4302488 w 4302488"/>
              <a:gd name="connsiteY2" fmla="*/ 460978 h 460978"/>
              <a:gd name="connsiteX3" fmla="*/ 0 w 4302488"/>
              <a:gd name="connsiteY3" fmla="*/ 460978 h 460978"/>
              <a:gd name="connsiteX4" fmla="*/ 0 w 4302488"/>
              <a:gd name="connsiteY4" fmla="*/ 0 h 4609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2488" h="460978">
                <a:moveTo>
                  <a:pt x="0" y="0"/>
                </a:moveTo>
                <a:lnTo>
                  <a:pt x="4302488" y="0"/>
                </a:lnTo>
                <a:lnTo>
                  <a:pt x="4302488" y="460978"/>
                </a:lnTo>
                <a:lnTo>
                  <a:pt x="0" y="460978"/>
                </a:lnTo>
                <a:lnTo>
                  <a:pt x="0" y="0"/>
                </a:lnTo>
                <a:close/>
              </a:path>
            </a:pathLst>
          </a:custGeom>
          <a:noFill/>
          <a:ln>
            <a:noFill/>
          </a:ln>
        </p:spPr>
        <p:style>
          <a:lnRef idx="2">
            <a:schemeClr val="accent1">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41910" numCol="1" spcCol="1270" anchor="ctr" anchorCtr="0">
            <a:noAutofit/>
          </a:bodyPr>
          <a:lstStyle/>
          <a:p>
            <a:pPr marL="0" lvl="0" indent="0" algn="l" defTabSz="488950">
              <a:lnSpc>
                <a:spcPct val="90000"/>
              </a:lnSpc>
              <a:spcBef>
                <a:spcPct val="0"/>
              </a:spcBef>
              <a:spcAft>
                <a:spcPct val="35000"/>
              </a:spcAft>
              <a:buNone/>
            </a:pPr>
            <a:r>
              <a:rPr lang="en-US" sz="1100" spc="199" dirty="0">
                <a:solidFill>
                  <a:schemeClr val="accent1"/>
                </a:solidFill>
                <a:latin typeface="+mj-lt"/>
              </a:rPr>
              <a:t>TASK</a:t>
            </a:r>
          </a:p>
        </p:txBody>
      </p:sp>
      <p:sp>
        <p:nvSpPr>
          <p:cNvPr id="19" name="Freeform 18">
            <a:extLst>
              <a:ext uri="{FF2B5EF4-FFF2-40B4-BE49-F238E27FC236}">
                <a16:creationId xmlns:a16="http://schemas.microsoft.com/office/drawing/2014/main" id="{765E27B4-2C53-9844-A425-EDF3FAAC0AF1}"/>
              </a:ext>
            </a:extLst>
          </p:cNvPr>
          <p:cNvSpPr>
            <a:spLocks/>
          </p:cNvSpPr>
          <p:nvPr/>
        </p:nvSpPr>
        <p:spPr>
          <a:xfrm>
            <a:off x="5570663" y="2232001"/>
            <a:ext cx="726253"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12-24 month</a:t>
            </a:r>
            <a:endParaRPr lang="en-GB" sz="1000" kern="1200" dirty="0">
              <a:solidFill>
                <a:schemeClr val="tx1"/>
              </a:solidFill>
              <a:latin typeface="+mn-lt"/>
              <a:ea typeface="Aleo" charset="0"/>
              <a:cs typeface="Aleo" charset="0"/>
            </a:endParaRPr>
          </a:p>
        </p:txBody>
      </p:sp>
      <p:sp>
        <p:nvSpPr>
          <p:cNvPr id="20" name="Freeform 19">
            <a:extLst>
              <a:ext uri="{FF2B5EF4-FFF2-40B4-BE49-F238E27FC236}">
                <a16:creationId xmlns:a16="http://schemas.microsoft.com/office/drawing/2014/main" id="{A27B521C-E967-6146-8885-943A3192D7E8}"/>
              </a:ext>
            </a:extLst>
          </p:cNvPr>
          <p:cNvSpPr>
            <a:spLocks/>
          </p:cNvSpPr>
          <p:nvPr/>
        </p:nvSpPr>
        <p:spPr>
          <a:xfrm>
            <a:off x="5570663" y="2736888"/>
            <a:ext cx="726253"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6-12 month</a:t>
            </a:r>
            <a:endParaRPr lang="en-GB" sz="1000" kern="1200" dirty="0">
              <a:solidFill>
                <a:schemeClr val="tx1"/>
              </a:solidFill>
              <a:latin typeface="+mn-lt"/>
              <a:ea typeface="Aleo" charset="0"/>
              <a:cs typeface="Aleo" charset="0"/>
            </a:endParaRPr>
          </a:p>
        </p:txBody>
      </p:sp>
      <p:sp>
        <p:nvSpPr>
          <p:cNvPr id="21" name="Freeform 20">
            <a:extLst>
              <a:ext uri="{FF2B5EF4-FFF2-40B4-BE49-F238E27FC236}">
                <a16:creationId xmlns:a16="http://schemas.microsoft.com/office/drawing/2014/main" id="{AC354684-0EDF-8A41-AE69-0A87B2C59176}"/>
              </a:ext>
            </a:extLst>
          </p:cNvPr>
          <p:cNvSpPr>
            <a:spLocks/>
          </p:cNvSpPr>
          <p:nvPr/>
        </p:nvSpPr>
        <p:spPr>
          <a:xfrm>
            <a:off x="5570663" y="3305429"/>
            <a:ext cx="726253" cy="460978"/>
          </a:xfrm>
          <a:custGeom>
            <a:avLst/>
            <a:gdLst>
              <a:gd name="connsiteX0" fmla="*/ 0 w 2151244"/>
              <a:gd name="connsiteY0" fmla="*/ 0 h 460978"/>
              <a:gd name="connsiteX1" fmla="*/ 2151244 w 2151244"/>
              <a:gd name="connsiteY1" fmla="*/ 0 h 460978"/>
              <a:gd name="connsiteX2" fmla="*/ 2151244 w 2151244"/>
              <a:gd name="connsiteY2" fmla="*/ 460978 h 460978"/>
              <a:gd name="connsiteX3" fmla="*/ 0 w 2151244"/>
              <a:gd name="connsiteY3" fmla="*/ 460978 h 460978"/>
              <a:gd name="connsiteX4" fmla="*/ 0 w 2151244"/>
              <a:gd name="connsiteY4" fmla="*/ 0 h 4609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78">
                <a:moveTo>
                  <a:pt x="0" y="0"/>
                </a:moveTo>
                <a:lnTo>
                  <a:pt x="2151244" y="0"/>
                </a:lnTo>
                <a:lnTo>
                  <a:pt x="2151244" y="460978"/>
                </a:lnTo>
                <a:lnTo>
                  <a:pt x="0" y="460978"/>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2-6 month</a:t>
            </a:r>
            <a:endParaRPr lang="en-GB" sz="1000" kern="1200" dirty="0">
              <a:solidFill>
                <a:schemeClr val="tx1"/>
              </a:solidFill>
              <a:latin typeface="+mn-lt"/>
              <a:ea typeface="Aleo" charset="0"/>
              <a:cs typeface="Aleo" charset="0"/>
            </a:endParaRPr>
          </a:p>
        </p:txBody>
      </p:sp>
      <p:sp>
        <p:nvSpPr>
          <p:cNvPr id="22" name="Freeform 21">
            <a:extLst>
              <a:ext uri="{FF2B5EF4-FFF2-40B4-BE49-F238E27FC236}">
                <a16:creationId xmlns:a16="http://schemas.microsoft.com/office/drawing/2014/main" id="{1FEDB835-A9E3-544B-864B-37761FE0401A}"/>
              </a:ext>
            </a:extLst>
          </p:cNvPr>
          <p:cNvSpPr>
            <a:spLocks/>
          </p:cNvSpPr>
          <p:nvPr/>
        </p:nvSpPr>
        <p:spPr>
          <a:xfrm>
            <a:off x="5570663" y="3876921"/>
            <a:ext cx="726253"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2-6 month</a:t>
            </a:r>
            <a:endParaRPr lang="en-GB" sz="1000" kern="1200" dirty="0">
              <a:solidFill>
                <a:schemeClr val="tx1"/>
              </a:solidFill>
              <a:latin typeface="+mn-lt"/>
              <a:ea typeface="Aleo" charset="0"/>
              <a:cs typeface="Aleo" charset="0"/>
            </a:endParaRPr>
          </a:p>
        </p:txBody>
      </p:sp>
      <p:sp>
        <p:nvSpPr>
          <p:cNvPr id="23" name="Freeform 22">
            <a:extLst>
              <a:ext uri="{FF2B5EF4-FFF2-40B4-BE49-F238E27FC236}">
                <a16:creationId xmlns:a16="http://schemas.microsoft.com/office/drawing/2014/main" id="{7450963B-300D-004D-A049-93261294B8A4}"/>
              </a:ext>
            </a:extLst>
          </p:cNvPr>
          <p:cNvSpPr>
            <a:spLocks/>
          </p:cNvSpPr>
          <p:nvPr/>
        </p:nvSpPr>
        <p:spPr>
          <a:xfrm>
            <a:off x="5570663" y="4587675"/>
            <a:ext cx="726253"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1-4 sprint</a:t>
            </a:r>
            <a:endParaRPr lang="en-GB" sz="1000" kern="1200" dirty="0">
              <a:solidFill>
                <a:schemeClr val="tx1"/>
              </a:solidFill>
              <a:latin typeface="+mn-lt"/>
              <a:ea typeface="Aleo" charset="0"/>
              <a:cs typeface="Aleo" charset="0"/>
            </a:endParaRPr>
          </a:p>
        </p:txBody>
      </p:sp>
      <p:sp>
        <p:nvSpPr>
          <p:cNvPr id="24" name="Freeform 23">
            <a:extLst>
              <a:ext uri="{FF2B5EF4-FFF2-40B4-BE49-F238E27FC236}">
                <a16:creationId xmlns:a16="http://schemas.microsoft.com/office/drawing/2014/main" id="{774C90D6-6A95-5746-8EB5-0ACEAB96CAA8}"/>
              </a:ext>
            </a:extLst>
          </p:cNvPr>
          <p:cNvSpPr/>
          <p:nvPr/>
        </p:nvSpPr>
        <p:spPr>
          <a:xfrm>
            <a:off x="5570663" y="5028554"/>
            <a:ext cx="726253" cy="460978"/>
          </a:xfrm>
          <a:custGeom>
            <a:avLst/>
            <a:gdLst>
              <a:gd name="connsiteX0" fmla="*/ 0 w 2151244"/>
              <a:gd name="connsiteY0" fmla="*/ 0 h 460978"/>
              <a:gd name="connsiteX1" fmla="*/ 2151244 w 2151244"/>
              <a:gd name="connsiteY1" fmla="*/ 0 h 460978"/>
              <a:gd name="connsiteX2" fmla="*/ 2151244 w 2151244"/>
              <a:gd name="connsiteY2" fmla="*/ 460978 h 460978"/>
              <a:gd name="connsiteX3" fmla="*/ 0 w 2151244"/>
              <a:gd name="connsiteY3" fmla="*/ 460978 h 460978"/>
              <a:gd name="connsiteX4" fmla="*/ 0 w 2151244"/>
              <a:gd name="connsiteY4" fmla="*/ 0 h 4609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78">
                <a:moveTo>
                  <a:pt x="0" y="0"/>
                </a:moveTo>
                <a:lnTo>
                  <a:pt x="2151244" y="0"/>
                </a:lnTo>
                <a:lnTo>
                  <a:pt x="2151244" y="460978"/>
                </a:lnTo>
                <a:lnTo>
                  <a:pt x="0" y="460978"/>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One sprint</a:t>
            </a:r>
            <a:endParaRPr lang="en-US" sz="1000" kern="1200" dirty="0"/>
          </a:p>
        </p:txBody>
      </p:sp>
      <p:sp>
        <p:nvSpPr>
          <p:cNvPr id="73" name="Freeform 72">
            <a:extLst>
              <a:ext uri="{FF2B5EF4-FFF2-40B4-BE49-F238E27FC236}">
                <a16:creationId xmlns:a16="http://schemas.microsoft.com/office/drawing/2014/main" id="{8BBC4CFB-A8EA-7043-844E-22A302A12384}"/>
              </a:ext>
            </a:extLst>
          </p:cNvPr>
          <p:cNvSpPr>
            <a:spLocks/>
          </p:cNvSpPr>
          <p:nvPr/>
        </p:nvSpPr>
        <p:spPr>
          <a:xfrm>
            <a:off x="8994755" y="2124414"/>
            <a:ext cx="2151244"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Strategy Statement</a:t>
            </a:r>
            <a:endParaRPr lang="en-US" sz="1000" kern="1200" dirty="0"/>
          </a:p>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Strategic Initiative budget allocation</a:t>
            </a:r>
          </a:p>
        </p:txBody>
      </p:sp>
      <p:sp>
        <p:nvSpPr>
          <p:cNvPr id="74" name="Freeform 73">
            <a:extLst>
              <a:ext uri="{FF2B5EF4-FFF2-40B4-BE49-F238E27FC236}">
                <a16:creationId xmlns:a16="http://schemas.microsoft.com/office/drawing/2014/main" id="{0DA24C9D-BA96-B347-AE40-4F926F5C0B0F}"/>
              </a:ext>
            </a:extLst>
          </p:cNvPr>
          <p:cNvSpPr>
            <a:spLocks/>
          </p:cNvSpPr>
          <p:nvPr/>
        </p:nvSpPr>
        <p:spPr>
          <a:xfrm>
            <a:off x="8994755" y="2683731"/>
            <a:ext cx="2151244"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119063" lvl="1" indent="-119063" algn="l" defTabSz="355600">
              <a:lnSpc>
                <a:spcPct val="90000"/>
              </a:lnSpc>
              <a:spcBef>
                <a:spcPct val="0"/>
              </a:spcBef>
              <a:spcAft>
                <a:spcPct val="15000"/>
              </a:spcAft>
              <a:buFont typeface="Wingdings" panose="05000000000000000000" pitchFamily="2" charset="2"/>
              <a:buChar char="§"/>
            </a:pPr>
            <a:r>
              <a:rPr lang="en-GB" sz="1000" kern="1200" dirty="0">
                <a:solidFill>
                  <a:schemeClr val="tx1"/>
                </a:solidFill>
                <a:latin typeface="+mn-lt"/>
                <a:ea typeface="Aleo" charset="0"/>
                <a:cs typeface="Aleo" charset="0"/>
              </a:rPr>
              <a:t>Portfolio Roadmap</a:t>
            </a:r>
            <a:endParaRPr lang="en-US" sz="1000" kern="1200" dirty="0"/>
          </a:p>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Portfolio budget allocation</a:t>
            </a:r>
          </a:p>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Portfolio Priorities</a:t>
            </a:r>
          </a:p>
        </p:txBody>
      </p:sp>
      <p:sp>
        <p:nvSpPr>
          <p:cNvPr id="75" name="Freeform 74">
            <a:extLst>
              <a:ext uri="{FF2B5EF4-FFF2-40B4-BE49-F238E27FC236}">
                <a16:creationId xmlns:a16="http://schemas.microsoft.com/office/drawing/2014/main" id="{C9DD237C-E2B8-E145-9E71-CC1C24C87098}"/>
              </a:ext>
            </a:extLst>
          </p:cNvPr>
          <p:cNvSpPr>
            <a:spLocks/>
          </p:cNvSpPr>
          <p:nvPr/>
        </p:nvSpPr>
        <p:spPr>
          <a:xfrm>
            <a:off x="8994755" y="3252272"/>
            <a:ext cx="2151244" cy="460978"/>
          </a:xfrm>
          <a:custGeom>
            <a:avLst/>
            <a:gdLst>
              <a:gd name="connsiteX0" fmla="*/ 0 w 2151244"/>
              <a:gd name="connsiteY0" fmla="*/ 0 h 460978"/>
              <a:gd name="connsiteX1" fmla="*/ 2151244 w 2151244"/>
              <a:gd name="connsiteY1" fmla="*/ 0 h 460978"/>
              <a:gd name="connsiteX2" fmla="*/ 2151244 w 2151244"/>
              <a:gd name="connsiteY2" fmla="*/ 460978 h 460978"/>
              <a:gd name="connsiteX3" fmla="*/ 0 w 2151244"/>
              <a:gd name="connsiteY3" fmla="*/ 460978 h 460978"/>
              <a:gd name="connsiteX4" fmla="*/ 0 w 2151244"/>
              <a:gd name="connsiteY4" fmla="*/ 0 h 4609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78">
                <a:moveTo>
                  <a:pt x="0" y="0"/>
                </a:moveTo>
                <a:lnTo>
                  <a:pt x="2151244" y="0"/>
                </a:lnTo>
                <a:lnTo>
                  <a:pt x="2151244" y="460978"/>
                </a:lnTo>
                <a:lnTo>
                  <a:pt x="0" y="460978"/>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119063" lvl="1" indent="-119063" algn="l" defTabSz="355600">
              <a:lnSpc>
                <a:spcPct val="90000"/>
              </a:lnSpc>
              <a:spcBef>
                <a:spcPct val="0"/>
              </a:spcBef>
              <a:spcAft>
                <a:spcPct val="15000"/>
              </a:spcAft>
              <a:buFont typeface="Wingdings" panose="05000000000000000000" pitchFamily="2" charset="2"/>
              <a:buChar char="§"/>
            </a:pPr>
            <a:r>
              <a:rPr lang="en-GB" sz="1000" kern="1200" dirty="0">
                <a:solidFill>
                  <a:schemeClr val="tx1"/>
                </a:solidFill>
                <a:latin typeface="+mn-lt"/>
                <a:ea typeface="Aleo" charset="0"/>
                <a:cs typeface="Aleo" charset="0"/>
              </a:rPr>
              <a:t>Product Roadmap</a:t>
            </a:r>
            <a:endParaRPr lang="en-US" sz="1000" kern="1200" dirty="0"/>
          </a:p>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Product budget allocation</a:t>
            </a:r>
          </a:p>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Product Priorities</a:t>
            </a:r>
          </a:p>
        </p:txBody>
      </p:sp>
      <p:sp>
        <p:nvSpPr>
          <p:cNvPr id="76" name="Freeform 75">
            <a:extLst>
              <a:ext uri="{FF2B5EF4-FFF2-40B4-BE49-F238E27FC236}">
                <a16:creationId xmlns:a16="http://schemas.microsoft.com/office/drawing/2014/main" id="{53BEB059-8E2E-474A-81D2-244F99464C50}"/>
              </a:ext>
            </a:extLst>
          </p:cNvPr>
          <p:cNvSpPr>
            <a:spLocks/>
          </p:cNvSpPr>
          <p:nvPr/>
        </p:nvSpPr>
        <p:spPr>
          <a:xfrm>
            <a:off x="8994755" y="3834650"/>
            <a:ext cx="2151244"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119063" lvl="1" indent="-119063" algn="l" defTabSz="355600">
              <a:lnSpc>
                <a:spcPct val="90000"/>
              </a:lnSpc>
              <a:spcBef>
                <a:spcPct val="0"/>
              </a:spcBef>
              <a:spcAft>
                <a:spcPct val="15000"/>
              </a:spcAft>
              <a:buFont typeface="Wingdings" panose="05000000000000000000" pitchFamily="2" charset="2"/>
              <a:buChar char="§"/>
            </a:pPr>
            <a:r>
              <a:rPr lang="en-GB" sz="1000" kern="1200" dirty="0">
                <a:solidFill>
                  <a:schemeClr val="tx1"/>
                </a:solidFill>
                <a:latin typeface="+mn-lt"/>
                <a:ea typeface="Aleo" charset="0"/>
                <a:cs typeface="Aleo" charset="0"/>
              </a:rPr>
              <a:t>Epic Priorities</a:t>
            </a:r>
            <a:endParaRPr lang="en-US" sz="1000" kern="1200" dirty="0"/>
          </a:p>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Epic and Feature Sequencing</a:t>
            </a:r>
          </a:p>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Delivery Team assignment</a:t>
            </a:r>
          </a:p>
        </p:txBody>
      </p:sp>
      <p:sp>
        <p:nvSpPr>
          <p:cNvPr id="77" name="Freeform 76">
            <a:extLst>
              <a:ext uri="{FF2B5EF4-FFF2-40B4-BE49-F238E27FC236}">
                <a16:creationId xmlns:a16="http://schemas.microsoft.com/office/drawing/2014/main" id="{20DB4A10-7E20-6044-B2FE-9408B3D3BB8D}"/>
              </a:ext>
            </a:extLst>
          </p:cNvPr>
          <p:cNvSpPr>
            <a:spLocks/>
          </p:cNvSpPr>
          <p:nvPr/>
        </p:nvSpPr>
        <p:spPr>
          <a:xfrm>
            <a:off x="8994755" y="4447430"/>
            <a:ext cx="2151244"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119063" lvl="1" indent="-119063" algn="l" defTabSz="355600">
              <a:lnSpc>
                <a:spcPct val="90000"/>
              </a:lnSpc>
              <a:spcBef>
                <a:spcPct val="0"/>
              </a:spcBef>
              <a:spcAft>
                <a:spcPct val="15000"/>
              </a:spcAft>
              <a:buFont typeface="Wingdings" panose="05000000000000000000" pitchFamily="2" charset="2"/>
              <a:buChar char="§"/>
            </a:pPr>
            <a:r>
              <a:rPr lang="en-GB" sz="1000" kern="1200" dirty="0">
                <a:solidFill>
                  <a:schemeClr val="tx1"/>
                </a:solidFill>
                <a:latin typeface="+mn-lt"/>
                <a:ea typeface="Aleo" charset="0"/>
                <a:cs typeface="Aleo" charset="0"/>
              </a:rPr>
              <a:t>Story Sequencing</a:t>
            </a:r>
            <a:endParaRPr lang="en-US" sz="1000" kern="1200" dirty="0"/>
          </a:p>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Delivery Team commitment</a:t>
            </a:r>
          </a:p>
        </p:txBody>
      </p:sp>
      <p:sp>
        <p:nvSpPr>
          <p:cNvPr id="78" name="Freeform 77">
            <a:extLst>
              <a:ext uri="{FF2B5EF4-FFF2-40B4-BE49-F238E27FC236}">
                <a16:creationId xmlns:a16="http://schemas.microsoft.com/office/drawing/2014/main" id="{7E68265B-0390-824A-A8DE-8EE95498F5F0}"/>
              </a:ext>
            </a:extLst>
          </p:cNvPr>
          <p:cNvSpPr/>
          <p:nvPr/>
        </p:nvSpPr>
        <p:spPr>
          <a:xfrm>
            <a:off x="8994755" y="4920967"/>
            <a:ext cx="2151244" cy="460978"/>
          </a:xfrm>
          <a:custGeom>
            <a:avLst/>
            <a:gdLst>
              <a:gd name="connsiteX0" fmla="*/ 0 w 2151244"/>
              <a:gd name="connsiteY0" fmla="*/ 0 h 460978"/>
              <a:gd name="connsiteX1" fmla="*/ 2151244 w 2151244"/>
              <a:gd name="connsiteY1" fmla="*/ 0 h 460978"/>
              <a:gd name="connsiteX2" fmla="*/ 2151244 w 2151244"/>
              <a:gd name="connsiteY2" fmla="*/ 460978 h 460978"/>
              <a:gd name="connsiteX3" fmla="*/ 0 w 2151244"/>
              <a:gd name="connsiteY3" fmla="*/ 460978 h 460978"/>
              <a:gd name="connsiteX4" fmla="*/ 0 w 2151244"/>
              <a:gd name="connsiteY4" fmla="*/ 0 h 4609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78">
                <a:moveTo>
                  <a:pt x="0" y="0"/>
                </a:moveTo>
                <a:lnTo>
                  <a:pt x="2151244" y="0"/>
                </a:lnTo>
                <a:lnTo>
                  <a:pt x="2151244" y="460978"/>
                </a:lnTo>
                <a:lnTo>
                  <a:pt x="0" y="460978"/>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119063" lvl="1" indent="-119063" algn="l" defTabSz="355600">
              <a:lnSpc>
                <a:spcPct val="90000"/>
              </a:lnSpc>
              <a:spcBef>
                <a:spcPct val="0"/>
              </a:spcBef>
              <a:spcAft>
                <a:spcPct val="15000"/>
              </a:spcAft>
              <a:buFont typeface="Wingdings" panose="05000000000000000000" pitchFamily="2" charset="2"/>
              <a:buChar char="§"/>
            </a:pPr>
            <a:r>
              <a:rPr lang="en-GB" sz="1000" kern="1200" dirty="0">
                <a:solidFill>
                  <a:schemeClr val="tx1"/>
                </a:solidFill>
                <a:latin typeface="+mn-lt"/>
                <a:ea typeface="Aleo" charset="0"/>
                <a:cs typeface="Aleo" charset="0"/>
              </a:rPr>
              <a:t>Task Definition </a:t>
            </a:r>
            <a:endParaRPr lang="en-US" sz="1000" kern="1200" dirty="0"/>
          </a:p>
          <a:p>
            <a:pPr marL="119063" lvl="1" indent="-119063" algn="l" defTabSz="355600">
              <a:lnSpc>
                <a:spcPct val="90000"/>
              </a:lnSpc>
              <a:spcBef>
                <a:spcPct val="0"/>
              </a:spcBef>
              <a:spcAft>
                <a:spcPct val="15000"/>
              </a:spcAft>
              <a:buChar char="•"/>
            </a:pPr>
            <a:r>
              <a:rPr lang="en-GB" sz="1000" kern="1200" dirty="0">
                <a:solidFill>
                  <a:schemeClr val="tx1"/>
                </a:solidFill>
                <a:latin typeface="+mn-lt"/>
                <a:ea typeface="Aleo" charset="0"/>
                <a:cs typeface="Aleo" charset="0"/>
              </a:rPr>
              <a:t>Delivery Team member commitment</a:t>
            </a:r>
            <a:endParaRPr lang="en-US" sz="1000" kern="1200" dirty="0"/>
          </a:p>
        </p:txBody>
      </p:sp>
      <p:sp>
        <p:nvSpPr>
          <p:cNvPr id="81" name="Freeform 80">
            <a:extLst>
              <a:ext uri="{FF2B5EF4-FFF2-40B4-BE49-F238E27FC236}">
                <a16:creationId xmlns:a16="http://schemas.microsoft.com/office/drawing/2014/main" id="{EB701834-F853-9140-BDA6-CC9DD678CD23}"/>
              </a:ext>
            </a:extLst>
          </p:cNvPr>
          <p:cNvSpPr>
            <a:spLocks/>
          </p:cNvSpPr>
          <p:nvPr/>
        </p:nvSpPr>
        <p:spPr>
          <a:xfrm>
            <a:off x="6654896" y="2124414"/>
            <a:ext cx="2151244"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Strategy Council provides  Strategic Roadmap derived from Group long term and short term strategies</a:t>
            </a:r>
            <a:endParaRPr lang="en-GB" sz="1000" kern="1200" dirty="0">
              <a:solidFill>
                <a:schemeClr val="tx1"/>
              </a:solidFill>
              <a:latin typeface="+mn-lt"/>
              <a:ea typeface="Aleo" charset="0"/>
              <a:cs typeface="Aleo" charset="0"/>
            </a:endParaRPr>
          </a:p>
        </p:txBody>
      </p:sp>
      <p:sp>
        <p:nvSpPr>
          <p:cNvPr id="82" name="Freeform 81">
            <a:extLst>
              <a:ext uri="{FF2B5EF4-FFF2-40B4-BE49-F238E27FC236}">
                <a16:creationId xmlns:a16="http://schemas.microsoft.com/office/drawing/2014/main" id="{7B057014-62B1-A840-B6BB-029C33EEA912}"/>
              </a:ext>
            </a:extLst>
          </p:cNvPr>
          <p:cNvSpPr>
            <a:spLocks/>
          </p:cNvSpPr>
          <p:nvPr/>
        </p:nvSpPr>
        <p:spPr>
          <a:xfrm>
            <a:off x="6654896" y="2683731"/>
            <a:ext cx="2151244"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Based on the Strategic Initiative budget allocation and the priority of the Programs</a:t>
            </a:r>
            <a:endParaRPr lang="en-GB" sz="1000" kern="1200" dirty="0">
              <a:solidFill>
                <a:schemeClr val="tx1"/>
              </a:solidFill>
              <a:latin typeface="+mn-lt"/>
              <a:ea typeface="Aleo" charset="0"/>
              <a:cs typeface="Aleo" charset="0"/>
            </a:endParaRPr>
          </a:p>
        </p:txBody>
      </p:sp>
      <p:sp>
        <p:nvSpPr>
          <p:cNvPr id="94" name="Freeform 93">
            <a:extLst>
              <a:ext uri="{FF2B5EF4-FFF2-40B4-BE49-F238E27FC236}">
                <a16:creationId xmlns:a16="http://schemas.microsoft.com/office/drawing/2014/main" id="{6F0D0AC4-55CF-D146-8F39-162C78EA5F61}"/>
              </a:ext>
            </a:extLst>
          </p:cNvPr>
          <p:cNvSpPr>
            <a:spLocks/>
          </p:cNvSpPr>
          <p:nvPr/>
        </p:nvSpPr>
        <p:spPr>
          <a:xfrm>
            <a:off x="6654896" y="3252272"/>
            <a:ext cx="2151244" cy="460978"/>
          </a:xfrm>
          <a:custGeom>
            <a:avLst/>
            <a:gdLst>
              <a:gd name="connsiteX0" fmla="*/ 0 w 2151244"/>
              <a:gd name="connsiteY0" fmla="*/ 0 h 460978"/>
              <a:gd name="connsiteX1" fmla="*/ 2151244 w 2151244"/>
              <a:gd name="connsiteY1" fmla="*/ 0 h 460978"/>
              <a:gd name="connsiteX2" fmla="*/ 2151244 w 2151244"/>
              <a:gd name="connsiteY2" fmla="*/ 460978 h 460978"/>
              <a:gd name="connsiteX3" fmla="*/ 0 w 2151244"/>
              <a:gd name="connsiteY3" fmla="*/ 460978 h 460978"/>
              <a:gd name="connsiteX4" fmla="*/ 0 w 2151244"/>
              <a:gd name="connsiteY4" fmla="*/ 0 h 4609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78">
                <a:moveTo>
                  <a:pt x="0" y="0"/>
                </a:moveTo>
                <a:lnTo>
                  <a:pt x="2151244" y="0"/>
                </a:lnTo>
                <a:lnTo>
                  <a:pt x="2151244" y="460978"/>
                </a:lnTo>
                <a:lnTo>
                  <a:pt x="0" y="460978"/>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Based on the Platform and Product budget allocation and the business priorities</a:t>
            </a:r>
            <a:endParaRPr lang="en-GB" sz="1000" kern="1200" dirty="0">
              <a:solidFill>
                <a:schemeClr val="tx1"/>
              </a:solidFill>
              <a:latin typeface="+mn-lt"/>
              <a:ea typeface="Aleo" charset="0"/>
              <a:cs typeface="Aleo" charset="0"/>
            </a:endParaRPr>
          </a:p>
        </p:txBody>
      </p:sp>
      <p:sp>
        <p:nvSpPr>
          <p:cNvPr id="99" name="Freeform 98">
            <a:extLst>
              <a:ext uri="{FF2B5EF4-FFF2-40B4-BE49-F238E27FC236}">
                <a16:creationId xmlns:a16="http://schemas.microsoft.com/office/drawing/2014/main" id="{899BB693-AA29-4A40-A737-101700C3B871}"/>
              </a:ext>
            </a:extLst>
          </p:cNvPr>
          <p:cNvSpPr>
            <a:spLocks/>
          </p:cNvSpPr>
          <p:nvPr/>
        </p:nvSpPr>
        <p:spPr>
          <a:xfrm>
            <a:off x="6654896" y="3834650"/>
            <a:ext cx="2151244"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Sequencing delivery of Epics, Features, Stories based on business priority</a:t>
            </a:r>
            <a:endParaRPr lang="en-GB" sz="1000" kern="1200" dirty="0">
              <a:solidFill>
                <a:schemeClr val="tx1"/>
              </a:solidFill>
              <a:latin typeface="+mn-lt"/>
              <a:ea typeface="Aleo" charset="0"/>
              <a:cs typeface="Aleo" charset="0"/>
            </a:endParaRPr>
          </a:p>
        </p:txBody>
      </p:sp>
      <p:sp>
        <p:nvSpPr>
          <p:cNvPr id="101" name="Freeform 100">
            <a:extLst>
              <a:ext uri="{FF2B5EF4-FFF2-40B4-BE49-F238E27FC236}">
                <a16:creationId xmlns:a16="http://schemas.microsoft.com/office/drawing/2014/main" id="{36954435-C582-BC42-870C-9D718322A6A8}"/>
              </a:ext>
            </a:extLst>
          </p:cNvPr>
          <p:cNvSpPr>
            <a:spLocks/>
          </p:cNvSpPr>
          <p:nvPr/>
        </p:nvSpPr>
        <p:spPr>
          <a:xfrm>
            <a:off x="6654896" y="4447430"/>
            <a:ext cx="2151244" cy="460978"/>
          </a:xfrm>
          <a:custGeom>
            <a:avLst/>
            <a:gdLst>
              <a:gd name="connsiteX0" fmla="*/ 0 w 2151244"/>
              <a:gd name="connsiteY0" fmla="*/ 0 h 460982"/>
              <a:gd name="connsiteX1" fmla="*/ 2151244 w 2151244"/>
              <a:gd name="connsiteY1" fmla="*/ 0 h 460982"/>
              <a:gd name="connsiteX2" fmla="*/ 2151244 w 2151244"/>
              <a:gd name="connsiteY2" fmla="*/ 460982 h 460982"/>
              <a:gd name="connsiteX3" fmla="*/ 0 w 2151244"/>
              <a:gd name="connsiteY3" fmla="*/ 460982 h 460982"/>
              <a:gd name="connsiteX4" fmla="*/ 0 w 2151244"/>
              <a:gd name="connsiteY4" fmla="*/ 0 h 4609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82">
                <a:moveTo>
                  <a:pt x="0" y="0"/>
                </a:moveTo>
                <a:lnTo>
                  <a:pt x="2151244" y="0"/>
                </a:lnTo>
                <a:lnTo>
                  <a:pt x="2151244" y="460982"/>
                </a:lnTo>
                <a:lnTo>
                  <a:pt x="0" y="460982"/>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GB" sz="1000" kern="0" dirty="0">
                <a:solidFill>
                  <a:schemeClr val="tx1"/>
                </a:solidFill>
                <a:ea typeface="Aleo" charset="0"/>
                <a:cs typeface="Aleo" charset="0"/>
              </a:rPr>
              <a:t>Delivery Team commitments for Stories in the next Iteration</a:t>
            </a:r>
            <a:endParaRPr lang="en-GB" sz="1000" kern="1200" dirty="0">
              <a:solidFill>
                <a:schemeClr val="tx1"/>
              </a:solidFill>
              <a:latin typeface="+mn-lt"/>
              <a:ea typeface="Aleo" charset="0"/>
              <a:cs typeface="Aleo" charset="0"/>
            </a:endParaRPr>
          </a:p>
        </p:txBody>
      </p:sp>
      <p:sp>
        <p:nvSpPr>
          <p:cNvPr id="102" name="Freeform 101">
            <a:extLst>
              <a:ext uri="{FF2B5EF4-FFF2-40B4-BE49-F238E27FC236}">
                <a16:creationId xmlns:a16="http://schemas.microsoft.com/office/drawing/2014/main" id="{2359DE29-EDF4-E04E-8948-BCF989801B5C}"/>
              </a:ext>
            </a:extLst>
          </p:cNvPr>
          <p:cNvSpPr/>
          <p:nvPr/>
        </p:nvSpPr>
        <p:spPr>
          <a:xfrm>
            <a:off x="6654896" y="4920967"/>
            <a:ext cx="2151244" cy="460978"/>
          </a:xfrm>
          <a:custGeom>
            <a:avLst/>
            <a:gdLst>
              <a:gd name="connsiteX0" fmla="*/ 0 w 2151244"/>
              <a:gd name="connsiteY0" fmla="*/ 0 h 460978"/>
              <a:gd name="connsiteX1" fmla="*/ 2151244 w 2151244"/>
              <a:gd name="connsiteY1" fmla="*/ 0 h 460978"/>
              <a:gd name="connsiteX2" fmla="*/ 2151244 w 2151244"/>
              <a:gd name="connsiteY2" fmla="*/ 460978 h 460978"/>
              <a:gd name="connsiteX3" fmla="*/ 0 w 2151244"/>
              <a:gd name="connsiteY3" fmla="*/ 460978 h 460978"/>
              <a:gd name="connsiteX4" fmla="*/ 0 w 2151244"/>
              <a:gd name="connsiteY4" fmla="*/ 0 h 4609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51244" h="460978">
                <a:moveTo>
                  <a:pt x="0" y="0"/>
                </a:moveTo>
                <a:lnTo>
                  <a:pt x="2151244" y="0"/>
                </a:lnTo>
                <a:lnTo>
                  <a:pt x="2151244" y="460978"/>
                </a:lnTo>
                <a:lnTo>
                  <a:pt x="0" y="460978"/>
                </a:lnTo>
                <a:lnTo>
                  <a:pt x="0" y="0"/>
                </a:lnTo>
                <a:close/>
              </a:path>
            </a:pathLst>
          </a:custGeom>
          <a:noFill/>
          <a:ln>
            <a:noFill/>
          </a:ln>
          <a:sp3d/>
        </p:spPr>
        <p:style>
          <a:lnRef idx="2">
            <a:scrgbClr r="0" g="0" b="0"/>
          </a:lnRef>
          <a:fillRef idx="1">
            <a:scrgbClr r="0" g="0" b="0"/>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0" tIns="0" rIns="0" bIns="30480" numCol="1" spcCol="1270" anchor="t" anchorCtr="0">
            <a:noAutofit/>
          </a:bodyPr>
          <a:lstStyle/>
          <a:p>
            <a:pPr marL="0" lvl="1" defTabSz="355600">
              <a:lnSpc>
                <a:spcPct val="90000"/>
              </a:lnSpc>
              <a:spcBef>
                <a:spcPct val="0"/>
              </a:spcBef>
              <a:spcAft>
                <a:spcPct val="15000"/>
              </a:spcAft>
            </a:pPr>
            <a:r>
              <a:rPr lang="en-US" sz="1000" kern="0" dirty="0">
                <a:solidFill>
                  <a:schemeClr val="tx1"/>
                </a:solidFill>
                <a:ea typeface="Aleo" charset="0"/>
                <a:cs typeface="Aleo" charset="0"/>
              </a:rPr>
              <a:t>Delivery Team delineates stories into tasks, and assigns tasks to team members</a:t>
            </a:r>
            <a:endParaRPr lang="en-US" sz="1000" kern="1200" dirty="0"/>
          </a:p>
        </p:txBody>
      </p:sp>
      <p:grpSp>
        <p:nvGrpSpPr>
          <p:cNvPr id="32" name="Group 31">
            <a:extLst>
              <a:ext uri="{FF2B5EF4-FFF2-40B4-BE49-F238E27FC236}">
                <a16:creationId xmlns:a16="http://schemas.microsoft.com/office/drawing/2014/main" id="{A507F14E-93DF-FC41-AE4C-2C3E7257F826}"/>
              </a:ext>
            </a:extLst>
          </p:cNvPr>
          <p:cNvGrpSpPr/>
          <p:nvPr/>
        </p:nvGrpSpPr>
        <p:grpSpPr>
          <a:xfrm>
            <a:off x="5482138" y="5660715"/>
            <a:ext cx="5663860" cy="605354"/>
            <a:chOff x="5482138" y="5554699"/>
            <a:chExt cx="5663860" cy="605354"/>
          </a:xfrm>
        </p:grpSpPr>
        <p:sp>
          <p:nvSpPr>
            <p:cNvPr id="56" name="Freeform 55">
              <a:extLst>
                <a:ext uri="{FF2B5EF4-FFF2-40B4-BE49-F238E27FC236}">
                  <a16:creationId xmlns:a16="http://schemas.microsoft.com/office/drawing/2014/main" id="{EA09DCA3-2103-8941-B033-F9F1691CCE89}"/>
                </a:ext>
              </a:extLst>
            </p:cNvPr>
            <p:cNvSpPr>
              <a:spLocks/>
            </p:cNvSpPr>
            <p:nvPr/>
          </p:nvSpPr>
          <p:spPr>
            <a:xfrm>
              <a:off x="6654895" y="5818806"/>
              <a:ext cx="2151243" cy="341247"/>
            </a:xfrm>
            <a:custGeom>
              <a:avLst/>
              <a:gdLst>
                <a:gd name="connsiteX0" fmla="*/ 0 w 4302488"/>
                <a:gd name="connsiteY0" fmla="*/ 0 h 3687847"/>
                <a:gd name="connsiteX1" fmla="*/ 4302488 w 4302488"/>
                <a:gd name="connsiteY1" fmla="*/ 0 h 3687847"/>
                <a:gd name="connsiteX2" fmla="*/ 4302488 w 4302488"/>
                <a:gd name="connsiteY2" fmla="*/ 3687847 h 3687847"/>
                <a:gd name="connsiteX3" fmla="*/ 0 w 4302488"/>
                <a:gd name="connsiteY3" fmla="*/ 3687847 h 3687847"/>
                <a:gd name="connsiteX4" fmla="*/ 0 w 4302488"/>
                <a:gd name="connsiteY4" fmla="*/ 0 h 368784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2488" h="3687847">
                  <a:moveTo>
                    <a:pt x="0" y="0"/>
                  </a:moveTo>
                  <a:lnTo>
                    <a:pt x="4302488" y="0"/>
                  </a:lnTo>
                  <a:lnTo>
                    <a:pt x="4302488" y="3687847"/>
                  </a:lnTo>
                  <a:lnTo>
                    <a:pt x="0" y="3687847"/>
                  </a:lnTo>
                  <a:lnTo>
                    <a:pt x="0" y="0"/>
                  </a:lnTo>
                  <a:close/>
                </a:path>
              </a:pathLst>
            </a:custGeom>
            <a:solidFill>
              <a:schemeClr val="tx1">
                <a:lumMod val="10000"/>
                <a:lumOff val="90000"/>
              </a:schemeClr>
            </a:solidFill>
            <a:ln w="9525" cap="flat" cmpd="sng" algn="ctr">
              <a:noFill/>
              <a:prstDash val="solid"/>
              <a:round/>
              <a:headEnd type="none" w="med" len="med"/>
              <a:tailEnd type="none" w="med" len="med"/>
            </a:ln>
            <a:effectLst/>
          </p:spPr>
          <p:txBody>
            <a:bodyPr vert="horz" wrap="square" lIns="91440" tIns="91440" rIns="91440" bIns="91440" numCol="1" rtlCol="0" anchor="ctr" anchorCtr="0" compatLnSpc="1">
              <a:prstTxWarp prst="textNoShape">
                <a:avLst/>
              </a:prstTxWarp>
              <a:spAutoFit/>
            </a:bodyPr>
            <a:lstStyle/>
            <a:p>
              <a:pPr defTabSz="488950">
                <a:lnSpc>
                  <a:spcPct val="90000"/>
                </a:lnSpc>
                <a:spcBef>
                  <a:spcPct val="0"/>
                </a:spcBef>
                <a:spcAft>
                  <a:spcPct val="35000"/>
                </a:spcAft>
              </a:pPr>
              <a:r>
                <a:rPr lang="en-US" sz="1100" b="1" spc="199" dirty="0">
                  <a:solidFill>
                    <a:schemeClr val="dk1">
                      <a:hueOff val="0"/>
                      <a:satOff val="0"/>
                      <a:lumOff val="0"/>
                      <a:alphaOff val="0"/>
                    </a:schemeClr>
                  </a:solidFill>
                  <a:latin typeface="+mj-lt"/>
                </a:rPr>
                <a:t>DESCRIPTION</a:t>
              </a:r>
            </a:p>
          </p:txBody>
        </p:sp>
        <p:sp>
          <p:nvSpPr>
            <p:cNvPr id="79" name="Freeform 78">
              <a:extLst>
                <a:ext uri="{FF2B5EF4-FFF2-40B4-BE49-F238E27FC236}">
                  <a16:creationId xmlns:a16="http://schemas.microsoft.com/office/drawing/2014/main" id="{E4257CAB-B221-4541-BFDA-B34F45E237C8}"/>
                </a:ext>
              </a:extLst>
            </p:cNvPr>
            <p:cNvSpPr>
              <a:spLocks/>
            </p:cNvSpPr>
            <p:nvPr/>
          </p:nvSpPr>
          <p:spPr>
            <a:xfrm>
              <a:off x="8949393" y="5818805"/>
              <a:ext cx="2196605" cy="341247"/>
            </a:xfrm>
            <a:custGeom>
              <a:avLst/>
              <a:gdLst>
                <a:gd name="connsiteX0" fmla="*/ 0 w 4302488"/>
                <a:gd name="connsiteY0" fmla="*/ 0 h 3687847"/>
                <a:gd name="connsiteX1" fmla="*/ 4302488 w 4302488"/>
                <a:gd name="connsiteY1" fmla="*/ 0 h 3687847"/>
                <a:gd name="connsiteX2" fmla="*/ 4302488 w 4302488"/>
                <a:gd name="connsiteY2" fmla="*/ 3687847 h 3687847"/>
                <a:gd name="connsiteX3" fmla="*/ 0 w 4302488"/>
                <a:gd name="connsiteY3" fmla="*/ 3687847 h 3687847"/>
                <a:gd name="connsiteX4" fmla="*/ 0 w 4302488"/>
                <a:gd name="connsiteY4" fmla="*/ 0 h 368784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2488" h="3687847">
                  <a:moveTo>
                    <a:pt x="0" y="0"/>
                  </a:moveTo>
                  <a:lnTo>
                    <a:pt x="4302488" y="0"/>
                  </a:lnTo>
                  <a:lnTo>
                    <a:pt x="4302488" y="3687847"/>
                  </a:lnTo>
                  <a:lnTo>
                    <a:pt x="0" y="3687847"/>
                  </a:lnTo>
                  <a:lnTo>
                    <a:pt x="0" y="0"/>
                  </a:lnTo>
                  <a:close/>
                </a:path>
              </a:pathLst>
            </a:custGeom>
            <a:solidFill>
              <a:schemeClr val="tx1">
                <a:lumMod val="10000"/>
                <a:lumOff val="90000"/>
              </a:schemeClr>
            </a:solidFill>
            <a:ln w="9525" cap="flat" cmpd="sng" algn="ctr">
              <a:noFill/>
              <a:prstDash val="solid"/>
              <a:round/>
              <a:headEnd type="none" w="med" len="med"/>
              <a:tailEnd type="none" w="med" len="med"/>
            </a:ln>
            <a:effectLst/>
          </p:spPr>
          <p:txBody>
            <a:bodyPr vert="horz" wrap="square" lIns="91440" tIns="91440" rIns="91440" bIns="91440" numCol="1" rtlCol="0" anchor="ctr" anchorCtr="0" compatLnSpc="1">
              <a:prstTxWarp prst="textNoShape">
                <a:avLst/>
              </a:prstTxWarp>
              <a:spAutoFit/>
            </a:bodyPr>
            <a:lstStyle/>
            <a:p>
              <a:pPr defTabSz="488950">
                <a:lnSpc>
                  <a:spcPct val="90000"/>
                </a:lnSpc>
                <a:spcBef>
                  <a:spcPct val="0"/>
                </a:spcBef>
                <a:spcAft>
                  <a:spcPct val="35000"/>
                </a:spcAft>
              </a:pPr>
              <a:r>
                <a:rPr lang="en-US" sz="1100" b="1" spc="199" dirty="0">
                  <a:latin typeface="+mj-lt"/>
                </a:rPr>
                <a:t>DELIVERABLE</a:t>
              </a:r>
            </a:p>
          </p:txBody>
        </p:sp>
        <p:sp>
          <p:nvSpPr>
            <p:cNvPr id="103" name="Freeform 102">
              <a:extLst>
                <a:ext uri="{FF2B5EF4-FFF2-40B4-BE49-F238E27FC236}">
                  <a16:creationId xmlns:a16="http://schemas.microsoft.com/office/drawing/2014/main" id="{9571A0DF-CC27-E840-901A-775E06E2B9C2}"/>
                </a:ext>
              </a:extLst>
            </p:cNvPr>
            <p:cNvSpPr>
              <a:spLocks/>
            </p:cNvSpPr>
            <p:nvPr/>
          </p:nvSpPr>
          <p:spPr>
            <a:xfrm>
              <a:off x="5482138" y="5818806"/>
              <a:ext cx="1043608" cy="341247"/>
            </a:xfrm>
            <a:custGeom>
              <a:avLst/>
              <a:gdLst>
                <a:gd name="connsiteX0" fmla="*/ 0 w 4302488"/>
                <a:gd name="connsiteY0" fmla="*/ 0 h 3687847"/>
                <a:gd name="connsiteX1" fmla="*/ 4302488 w 4302488"/>
                <a:gd name="connsiteY1" fmla="*/ 0 h 3687847"/>
                <a:gd name="connsiteX2" fmla="*/ 4302488 w 4302488"/>
                <a:gd name="connsiteY2" fmla="*/ 3687847 h 3687847"/>
                <a:gd name="connsiteX3" fmla="*/ 0 w 4302488"/>
                <a:gd name="connsiteY3" fmla="*/ 3687847 h 3687847"/>
                <a:gd name="connsiteX4" fmla="*/ 0 w 4302488"/>
                <a:gd name="connsiteY4" fmla="*/ 0 h 368784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2488" h="3687847">
                  <a:moveTo>
                    <a:pt x="0" y="0"/>
                  </a:moveTo>
                  <a:lnTo>
                    <a:pt x="4302488" y="0"/>
                  </a:lnTo>
                  <a:lnTo>
                    <a:pt x="4302488" y="3687847"/>
                  </a:lnTo>
                  <a:lnTo>
                    <a:pt x="0" y="3687847"/>
                  </a:lnTo>
                  <a:lnTo>
                    <a:pt x="0" y="0"/>
                  </a:lnTo>
                  <a:close/>
                </a:path>
              </a:pathLst>
            </a:custGeom>
            <a:solidFill>
              <a:schemeClr val="tx1">
                <a:lumMod val="10000"/>
                <a:lumOff val="90000"/>
              </a:schemeClr>
            </a:solidFill>
            <a:ln w="9525" cap="flat" cmpd="sng" algn="ctr">
              <a:noFill/>
              <a:prstDash val="solid"/>
              <a:round/>
              <a:headEnd type="none" w="med" len="med"/>
              <a:tailEnd type="none" w="med" len="med"/>
            </a:ln>
            <a:effectLst/>
          </p:spPr>
          <p:txBody>
            <a:bodyPr vert="horz" wrap="square" lIns="91440" tIns="91440" rIns="91440" bIns="91440" numCol="1" rtlCol="0" anchor="ctr" anchorCtr="0" compatLnSpc="1">
              <a:prstTxWarp prst="textNoShape">
                <a:avLst/>
              </a:prstTxWarp>
              <a:spAutoFit/>
            </a:bodyPr>
            <a:lstStyle/>
            <a:p>
              <a:pPr defTabSz="488950">
                <a:lnSpc>
                  <a:spcPct val="90000"/>
                </a:lnSpc>
                <a:spcBef>
                  <a:spcPct val="0"/>
                </a:spcBef>
                <a:spcAft>
                  <a:spcPct val="35000"/>
                </a:spcAft>
              </a:pPr>
              <a:r>
                <a:rPr lang="en-US" sz="1100" b="1" spc="199" dirty="0">
                  <a:solidFill>
                    <a:schemeClr val="dk1">
                      <a:hueOff val="0"/>
                      <a:satOff val="0"/>
                      <a:lumOff val="0"/>
                      <a:alphaOff val="0"/>
                    </a:schemeClr>
                  </a:solidFill>
                  <a:latin typeface="+mj-lt"/>
                </a:rPr>
                <a:t>HORIZON</a:t>
              </a:r>
            </a:p>
          </p:txBody>
        </p:sp>
        <p:sp>
          <p:nvSpPr>
            <p:cNvPr id="31" name="Right Arrow 30">
              <a:extLst>
                <a:ext uri="{FF2B5EF4-FFF2-40B4-BE49-F238E27FC236}">
                  <a16:creationId xmlns:a16="http://schemas.microsoft.com/office/drawing/2014/main" id="{EE89E477-B717-E845-9CA7-79A05EC49018}"/>
                </a:ext>
              </a:extLst>
            </p:cNvPr>
            <p:cNvSpPr/>
            <p:nvPr/>
          </p:nvSpPr>
          <p:spPr>
            <a:xfrm rot="16200000">
              <a:off x="5631777" y="5479524"/>
              <a:ext cx="316468" cy="466817"/>
            </a:xfrm>
            <a:prstGeom prst="rightArrow">
              <a:avLst/>
            </a:prstGeom>
            <a:solidFill>
              <a:schemeClr val="tx1">
                <a:lumMod val="10000"/>
                <a:lumOff val="90000"/>
              </a:schemeClr>
            </a:solidFill>
            <a:ln w="9525" cap="flat" cmpd="sng" algn="ctr">
              <a:noFill/>
              <a:prstDash val="solid"/>
              <a:round/>
              <a:headEnd type="none" w="med" len="med"/>
              <a:tailEnd type="none" w="med" len="med"/>
            </a:ln>
            <a:effectLst/>
          </p:spPr>
          <p:txBody>
            <a:bodyPr vert="horz" wrap="square" lIns="91440" tIns="91440" rIns="91440" bIns="91440" numCol="1" rtlCol="0" anchor="ctr" anchorCtr="0" compatLnSpc="1">
              <a:prstTxWarp prst="textNoShape">
                <a:avLst/>
              </a:prstTxWarp>
              <a:spAutoFit/>
            </a:bodyPr>
            <a:lstStyle/>
            <a:p>
              <a:pPr defTabSz="488950">
                <a:lnSpc>
                  <a:spcPct val="90000"/>
                </a:lnSpc>
                <a:spcBef>
                  <a:spcPct val="0"/>
                </a:spcBef>
                <a:spcAft>
                  <a:spcPct val="35000"/>
                </a:spcAft>
              </a:pPr>
              <a:endParaRPr lang="en-US" sz="1100" b="1" spc="199" dirty="0">
                <a:solidFill>
                  <a:schemeClr val="dk1">
                    <a:hueOff val="0"/>
                    <a:satOff val="0"/>
                    <a:lumOff val="0"/>
                    <a:alphaOff val="0"/>
                  </a:schemeClr>
                </a:solidFill>
                <a:latin typeface="+mj-lt"/>
              </a:endParaRPr>
            </a:p>
          </p:txBody>
        </p:sp>
        <p:sp>
          <p:nvSpPr>
            <p:cNvPr id="104" name="Right Arrow 103">
              <a:extLst>
                <a:ext uri="{FF2B5EF4-FFF2-40B4-BE49-F238E27FC236}">
                  <a16:creationId xmlns:a16="http://schemas.microsoft.com/office/drawing/2014/main" id="{1DBDAEDC-EA11-3744-AD9B-1495A2257074}"/>
                </a:ext>
              </a:extLst>
            </p:cNvPr>
            <p:cNvSpPr/>
            <p:nvPr/>
          </p:nvSpPr>
          <p:spPr>
            <a:xfrm rot="16200000">
              <a:off x="6763348" y="5479524"/>
              <a:ext cx="316468" cy="466817"/>
            </a:xfrm>
            <a:prstGeom prst="rightArrow">
              <a:avLst/>
            </a:prstGeom>
            <a:solidFill>
              <a:schemeClr val="tx1">
                <a:lumMod val="10000"/>
                <a:lumOff val="90000"/>
              </a:schemeClr>
            </a:solidFill>
            <a:ln w="9525" cap="flat" cmpd="sng" algn="ctr">
              <a:noFill/>
              <a:prstDash val="solid"/>
              <a:round/>
              <a:headEnd type="none" w="med" len="med"/>
              <a:tailEnd type="none" w="med" len="med"/>
            </a:ln>
            <a:effectLst/>
          </p:spPr>
          <p:txBody>
            <a:bodyPr vert="horz" wrap="square" lIns="91440" tIns="91440" rIns="91440" bIns="91440" numCol="1" rtlCol="0" anchor="ctr" anchorCtr="0" compatLnSpc="1">
              <a:prstTxWarp prst="textNoShape">
                <a:avLst/>
              </a:prstTxWarp>
              <a:spAutoFit/>
            </a:bodyPr>
            <a:lstStyle/>
            <a:p>
              <a:pPr defTabSz="488950">
                <a:lnSpc>
                  <a:spcPct val="90000"/>
                </a:lnSpc>
                <a:spcBef>
                  <a:spcPct val="0"/>
                </a:spcBef>
                <a:spcAft>
                  <a:spcPct val="35000"/>
                </a:spcAft>
              </a:pPr>
              <a:endParaRPr lang="en-US" sz="1100" b="1" spc="199" dirty="0">
                <a:solidFill>
                  <a:schemeClr val="dk1">
                    <a:hueOff val="0"/>
                    <a:satOff val="0"/>
                    <a:lumOff val="0"/>
                    <a:alphaOff val="0"/>
                  </a:schemeClr>
                </a:solidFill>
                <a:latin typeface="+mj-lt"/>
              </a:endParaRPr>
            </a:p>
          </p:txBody>
        </p:sp>
        <p:sp>
          <p:nvSpPr>
            <p:cNvPr id="105" name="Right Arrow 104">
              <a:extLst>
                <a:ext uri="{FF2B5EF4-FFF2-40B4-BE49-F238E27FC236}">
                  <a16:creationId xmlns:a16="http://schemas.microsoft.com/office/drawing/2014/main" id="{56B9EA05-BDD7-2348-97CA-34A267CC8E16}"/>
                </a:ext>
              </a:extLst>
            </p:cNvPr>
            <p:cNvSpPr/>
            <p:nvPr/>
          </p:nvSpPr>
          <p:spPr>
            <a:xfrm rot="16200000">
              <a:off x="9083637" y="5479525"/>
              <a:ext cx="316468" cy="466817"/>
            </a:xfrm>
            <a:prstGeom prst="rightArrow">
              <a:avLst/>
            </a:prstGeom>
            <a:solidFill>
              <a:schemeClr val="tx1">
                <a:lumMod val="10000"/>
                <a:lumOff val="90000"/>
              </a:schemeClr>
            </a:solidFill>
            <a:ln w="9525" cap="flat" cmpd="sng" algn="ctr">
              <a:noFill/>
              <a:prstDash val="solid"/>
              <a:round/>
              <a:headEnd type="none" w="med" len="med"/>
              <a:tailEnd type="none" w="med" len="med"/>
            </a:ln>
            <a:effectLst/>
          </p:spPr>
          <p:txBody>
            <a:bodyPr vert="horz" wrap="square" lIns="91440" tIns="91440" rIns="91440" bIns="91440" numCol="1" rtlCol="0" anchor="ctr" anchorCtr="0" compatLnSpc="1">
              <a:prstTxWarp prst="textNoShape">
                <a:avLst/>
              </a:prstTxWarp>
              <a:spAutoFit/>
            </a:bodyPr>
            <a:lstStyle/>
            <a:p>
              <a:pPr defTabSz="488950">
                <a:lnSpc>
                  <a:spcPct val="90000"/>
                </a:lnSpc>
                <a:spcBef>
                  <a:spcPct val="0"/>
                </a:spcBef>
                <a:spcAft>
                  <a:spcPct val="35000"/>
                </a:spcAft>
              </a:pPr>
              <a:endParaRPr lang="en-US" sz="1100" b="1" spc="199" dirty="0">
                <a:solidFill>
                  <a:schemeClr val="dk1">
                    <a:hueOff val="0"/>
                    <a:satOff val="0"/>
                    <a:lumOff val="0"/>
                    <a:alphaOff val="0"/>
                  </a:schemeClr>
                </a:solidFill>
                <a:latin typeface="+mj-lt"/>
              </a:endParaRPr>
            </a:p>
          </p:txBody>
        </p:sp>
      </p:grpSp>
      <p:sp>
        <p:nvSpPr>
          <p:cNvPr id="33" name="Slide Number Placeholder 32">
            <a:extLst>
              <a:ext uri="{FF2B5EF4-FFF2-40B4-BE49-F238E27FC236}">
                <a16:creationId xmlns:a16="http://schemas.microsoft.com/office/drawing/2014/main" id="{4D224C43-3F3C-EB49-866C-EAF2DF2BB8E5}"/>
              </a:ext>
            </a:extLst>
          </p:cNvPr>
          <p:cNvSpPr>
            <a:spLocks noGrp="1"/>
          </p:cNvSpPr>
          <p:nvPr>
            <p:ph type="sldNum" sz="quarter" idx="4"/>
          </p:nvPr>
        </p:nvSpPr>
        <p:spPr/>
        <p:txBody>
          <a:bodyPr/>
          <a:lstStyle/>
          <a:p>
            <a:fld id="{742ED878-647B-DB4D-84DF-0BCCAF9DD0BF}" type="slidenum">
              <a:rPr lang="en-US" smtClean="0"/>
              <a:pPr/>
              <a:t>41</a:t>
            </a:fld>
            <a:endParaRPr lang="en-US" dirty="0"/>
          </a:p>
        </p:txBody>
      </p:sp>
      <p:cxnSp>
        <p:nvCxnSpPr>
          <p:cNvPr id="4" name="Straight Connector 3">
            <a:extLst>
              <a:ext uri="{FF2B5EF4-FFF2-40B4-BE49-F238E27FC236}">
                <a16:creationId xmlns:a16="http://schemas.microsoft.com/office/drawing/2014/main" id="{A51224E8-917A-6547-9263-F0DB45BB771D}"/>
              </a:ext>
            </a:extLst>
          </p:cNvPr>
          <p:cNvCxnSpPr>
            <a:cxnSpLocks/>
          </p:cNvCxnSpPr>
          <p:nvPr/>
        </p:nvCxnSpPr>
        <p:spPr>
          <a:xfrm flipV="1">
            <a:off x="3252325" y="2640369"/>
            <a:ext cx="7937217" cy="10886"/>
          </a:xfrm>
          <a:prstGeom prst="line">
            <a:avLst/>
          </a:prstGeom>
          <a:ln w="9525">
            <a:solidFill>
              <a:schemeClr val="bg1">
                <a:lumMod val="50000"/>
              </a:schemeClr>
            </a:solidFill>
            <a:prstDash val="dash"/>
            <a:tailEnd type="none"/>
          </a:ln>
          <a:effectLst/>
        </p:spPr>
        <p:style>
          <a:lnRef idx="2">
            <a:schemeClr val="accent1"/>
          </a:lnRef>
          <a:fillRef idx="0">
            <a:schemeClr val="accent1"/>
          </a:fillRef>
          <a:effectRef idx="1">
            <a:schemeClr val="accent1"/>
          </a:effectRef>
          <a:fontRef idx="minor">
            <a:schemeClr val="tx1"/>
          </a:fontRef>
        </p:style>
      </p:cxnSp>
      <p:cxnSp>
        <p:nvCxnSpPr>
          <p:cNvPr id="55" name="Straight Connector 54">
            <a:extLst>
              <a:ext uri="{FF2B5EF4-FFF2-40B4-BE49-F238E27FC236}">
                <a16:creationId xmlns:a16="http://schemas.microsoft.com/office/drawing/2014/main" id="{279967FD-7EC0-8F49-B09E-C855968794D9}"/>
              </a:ext>
            </a:extLst>
          </p:cNvPr>
          <p:cNvCxnSpPr>
            <a:cxnSpLocks/>
          </p:cNvCxnSpPr>
          <p:nvPr/>
        </p:nvCxnSpPr>
        <p:spPr>
          <a:xfrm flipV="1">
            <a:off x="3252325" y="3217906"/>
            <a:ext cx="7937217" cy="10886"/>
          </a:xfrm>
          <a:prstGeom prst="line">
            <a:avLst/>
          </a:prstGeom>
          <a:ln w="9525">
            <a:solidFill>
              <a:schemeClr val="bg1">
                <a:lumMod val="50000"/>
              </a:schemeClr>
            </a:solidFill>
            <a:prstDash val="dash"/>
            <a:tailEnd type="none"/>
          </a:ln>
          <a:effectLst/>
        </p:spPr>
        <p:style>
          <a:lnRef idx="2">
            <a:schemeClr val="accent1"/>
          </a:lnRef>
          <a:fillRef idx="0">
            <a:schemeClr val="accent1"/>
          </a:fillRef>
          <a:effectRef idx="1">
            <a:schemeClr val="accent1"/>
          </a:effectRef>
          <a:fontRef idx="minor">
            <a:schemeClr val="tx1"/>
          </a:fontRef>
        </p:style>
      </p:cxnSp>
      <p:cxnSp>
        <p:nvCxnSpPr>
          <p:cNvPr id="57" name="Straight Connector 56">
            <a:extLst>
              <a:ext uri="{FF2B5EF4-FFF2-40B4-BE49-F238E27FC236}">
                <a16:creationId xmlns:a16="http://schemas.microsoft.com/office/drawing/2014/main" id="{7800883E-C187-5C41-86C3-4E969098F7EE}"/>
              </a:ext>
            </a:extLst>
          </p:cNvPr>
          <p:cNvCxnSpPr>
            <a:cxnSpLocks/>
          </p:cNvCxnSpPr>
          <p:nvPr/>
        </p:nvCxnSpPr>
        <p:spPr>
          <a:xfrm flipV="1">
            <a:off x="3252325" y="3793968"/>
            <a:ext cx="7937217" cy="10886"/>
          </a:xfrm>
          <a:prstGeom prst="line">
            <a:avLst/>
          </a:prstGeom>
          <a:ln w="9525">
            <a:solidFill>
              <a:schemeClr val="bg1">
                <a:lumMod val="50000"/>
              </a:schemeClr>
            </a:solidFill>
            <a:prstDash val="dash"/>
            <a:tailEnd type="none"/>
          </a:ln>
          <a:effectLst/>
        </p:spPr>
        <p:style>
          <a:lnRef idx="2">
            <a:schemeClr val="accent1"/>
          </a:lnRef>
          <a:fillRef idx="0">
            <a:schemeClr val="accent1"/>
          </a:fillRef>
          <a:effectRef idx="1">
            <a:schemeClr val="accent1"/>
          </a:effectRef>
          <a:fontRef idx="minor">
            <a:schemeClr val="tx1"/>
          </a:fontRef>
        </p:style>
      </p:cxnSp>
      <p:cxnSp>
        <p:nvCxnSpPr>
          <p:cNvPr id="58" name="Straight Connector 57">
            <a:extLst>
              <a:ext uri="{FF2B5EF4-FFF2-40B4-BE49-F238E27FC236}">
                <a16:creationId xmlns:a16="http://schemas.microsoft.com/office/drawing/2014/main" id="{8B246346-90C2-D745-9D5F-A37007774C9D}"/>
              </a:ext>
            </a:extLst>
          </p:cNvPr>
          <p:cNvCxnSpPr>
            <a:cxnSpLocks/>
          </p:cNvCxnSpPr>
          <p:nvPr/>
        </p:nvCxnSpPr>
        <p:spPr>
          <a:xfrm flipV="1">
            <a:off x="3252325" y="4382263"/>
            <a:ext cx="7937217" cy="10886"/>
          </a:xfrm>
          <a:prstGeom prst="line">
            <a:avLst/>
          </a:prstGeom>
          <a:ln w="9525">
            <a:solidFill>
              <a:schemeClr val="bg1">
                <a:lumMod val="50000"/>
              </a:schemeClr>
            </a:solidFill>
            <a:prstDash val="dash"/>
            <a:tailEnd type="none"/>
          </a:ln>
          <a:effectLst/>
        </p:spPr>
        <p:style>
          <a:lnRef idx="2">
            <a:schemeClr val="accent1"/>
          </a:lnRef>
          <a:fillRef idx="0">
            <a:schemeClr val="accent1"/>
          </a:fillRef>
          <a:effectRef idx="1">
            <a:schemeClr val="accent1"/>
          </a:effectRef>
          <a:fontRef idx="minor">
            <a:schemeClr val="tx1"/>
          </a:fontRef>
        </p:style>
      </p:cxnSp>
      <p:cxnSp>
        <p:nvCxnSpPr>
          <p:cNvPr id="59" name="Straight Connector 58">
            <a:extLst>
              <a:ext uri="{FF2B5EF4-FFF2-40B4-BE49-F238E27FC236}">
                <a16:creationId xmlns:a16="http://schemas.microsoft.com/office/drawing/2014/main" id="{46E4A7B5-6B6E-F34D-A12C-EB4B7B9FB6A6}"/>
              </a:ext>
            </a:extLst>
          </p:cNvPr>
          <p:cNvCxnSpPr>
            <a:cxnSpLocks/>
          </p:cNvCxnSpPr>
          <p:nvPr/>
        </p:nvCxnSpPr>
        <p:spPr>
          <a:xfrm flipV="1">
            <a:off x="3252325" y="4903549"/>
            <a:ext cx="7937217" cy="10886"/>
          </a:xfrm>
          <a:prstGeom prst="line">
            <a:avLst/>
          </a:prstGeom>
          <a:ln w="9525">
            <a:solidFill>
              <a:schemeClr val="bg1">
                <a:lumMod val="50000"/>
              </a:schemeClr>
            </a:solidFill>
            <a:prstDash val="dash"/>
            <a:tailEnd type="none"/>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42499573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08930" name="Rectangle 2"/>
          <p:cNvSpPr>
            <a:spLocks noGrp="1" noChangeArrowheads="1"/>
          </p:cNvSpPr>
          <p:nvPr>
            <p:ph type="title"/>
          </p:nvPr>
        </p:nvSpPr>
        <p:spPr>
          <a:xfrm>
            <a:off x="1703350" y="358087"/>
            <a:ext cx="9468234" cy="868349"/>
          </a:xfrm>
        </p:spPr>
        <p:txBody>
          <a:bodyPr>
            <a:normAutofit/>
          </a:bodyPr>
          <a:lstStyle/>
          <a:p>
            <a:r>
              <a:rPr lang="en-US" dirty="0"/>
              <a:t>Agile Uses Rolling Wave Planning</a:t>
            </a:r>
          </a:p>
        </p:txBody>
      </p:sp>
      <p:sp>
        <p:nvSpPr>
          <p:cNvPr id="2" name="Slide Number Placeholder 1">
            <a:extLst>
              <a:ext uri="{FF2B5EF4-FFF2-40B4-BE49-F238E27FC236}">
                <a16:creationId xmlns:a16="http://schemas.microsoft.com/office/drawing/2014/main" id="{0B883922-22CC-1D48-9971-FD4BF7612917}"/>
              </a:ext>
            </a:extLst>
          </p:cNvPr>
          <p:cNvSpPr>
            <a:spLocks noGrp="1"/>
          </p:cNvSpPr>
          <p:nvPr>
            <p:ph type="sldNum" sz="quarter" idx="4"/>
          </p:nvPr>
        </p:nvSpPr>
        <p:spPr>
          <a:xfrm>
            <a:off x="94594" y="6345839"/>
            <a:ext cx="557048" cy="365125"/>
          </a:xfrm>
        </p:spPr>
        <p:txBody>
          <a:bodyPr/>
          <a:lstStyle/>
          <a:p>
            <a:fld id="{742ED878-647B-DB4D-84DF-0BCCAF9DD0BF}" type="slidenum">
              <a:rPr lang="en-US" smtClean="0"/>
              <a:pPr/>
              <a:t>42</a:t>
            </a:fld>
            <a:endParaRPr lang="en-US" dirty="0"/>
          </a:p>
        </p:txBody>
      </p:sp>
      <p:pic>
        <p:nvPicPr>
          <p:cNvPr id="7" name="Picture 6">
            <a:extLst>
              <a:ext uri="{FF2B5EF4-FFF2-40B4-BE49-F238E27FC236}">
                <a16:creationId xmlns:a16="http://schemas.microsoft.com/office/drawing/2014/main" id="{FDB4D77E-1D4D-E247-934B-15969C84C08A}"/>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4689266" y="2877878"/>
            <a:ext cx="7040204" cy="3822960"/>
          </a:xfrm>
          <a:prstGeom prst="rect">
            <a:avLst/>
          </a:prstGeom>
        </p:spPr>
      </p:pic>
      <p:sp>
        <p:nvSpPr>
          <p:cNvPr id="508931" name="Rectangle 3"/>
          <p:cNvSpPr>
            <a:spLocks noGrp="1" noChangeArrowheads="1"/>
          </p:cNvSpPr>
          <p:nvPr>
            <p:ph idx="1"/>
          </p:nvPr>
        </p:nvSpPr>
        <p:spPr>
          <a:xfrm>
            <a:off x="1703387" y="1836738"/>
            <a:ext cx="3464035" cy="4254500"/>
          </a:xfrm>
        </p:spPr>
        <p:txBody>
          <a:bodyPr>
            <a:noAutofit/>
          </a:bodyPr>
          <a:lstStyle/>
          <a:p>
            <a:r>
              <a:rPr lang="en-US" sz="1800" dirty="0"/>
              <a:t>Rolling Wave Planning, used in Agile processes, embraces the Lean ideal of making decisions at the last responsible moment, when the most possible information is available. This maximizes flexibility and planning accuracy.</a:t>
            </a:r>
          </a:p>
        </p:txBody>
      </p:sp>
    </p:spTree>
    <p:extLst>
      <p:ext uri="{BB962C8B-B14F-4D97-AF65-F5344CB8AC3E}">
        <p14:creationId xmlns:p14="http://schemas.microsoft.com/office/powerpoint/2010/main" val="10436439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Rolling Wave Planning</a:t>
            </a:r>
          </a:p>
        </p:txBody>
      </p:sp>
      <p:sp>
        <p:nvSpPr>
          <p:cNvPr id="19" name="Text Placeholder 18"/>
          <p:cNvSpPr>
            <a:spLocks noGrp="1"/>
          </p:cNvSpPr>
          <p:nvPr>
            <p:ph type="body" sz="quarter" idx="10"/>
          </p:nvPr>
        </p:nvSpPr>
        <p:spPr/>
        <p:txBody>
          <a:bodyPr/>
          <a:lstStyle/>
          <a:p>
            <a:r>
              <a:rPr lang="en-US" dirty="0"/>
              <a:t>Define a Planning Horizon for Sprint, Product, and Portfolio</a:t>
            </a:r>
          </a:p>
          <a:p>
            <a:pPr lvl="1"/>
            <a:endParaRPr lang="en-US" dirty="0"/>
          </a:p>
          <a:p>
            <a:endParaRPr lang="en-US" dirty="0"/>
          </a:p>
        </p:txBody>
      </p:sp>
      <p:grpSp>
        <p:nvGrpSpPr>
          <p:cNvPr id="39" name="Group 38"/>
          <p:cNvGrpSpPr/>
          <p:nvPr/>
        </p:nvGrpSpPr>
        <p:grpSpPr>
          <a:xfrm>
            <a:off x="1920350" y="1925060"/>
            <a:ext cx="8263616" cy="4628416"/>
            <a:chOff x="367122" y="1867910"/>
            <a:chExt cx="8263616" cy="4628416"/>
          </a:xfrm>
        </p:grpSpPr>
        <p:grpSp>
          <p:nvGrpSpPr>
            <p:cNvPr id="40" name="Group 39"/>
            <p:cNvGrpSpPr/>
            <p:nvPr/>
          </p:nvGrpSpPr>
          <p:grpSpPr>
            <a:xfrm>
              <a:off x="367122" y="1867910"/>
              <a:ext cx="8229600" cy="3686994"/>
              <a:chOff x="349376" y="2378869"/>
              <a:chExt cx="8229600" cy="3686994"/>
            </a:xfrm>
          </p:grpSpPr>
          <p:graphicFrame>
            <p:nvGraphicFramePr>
              <p:cNvPr id="43" name="Diagram 42"/>
              <p:cNvGraphicFramePr/>
              <p:nvPr/>
            </p:nvGraphicFramePr>
            <p:xfrm>
              <a:off x="378603" y="3797847"/>
              <a:ext cx="8171145" cy="660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graphicFrame>
            <p:nvGraphicFramePr>
              <p:cNvPr id="44" name="Diagram 43"/>
              <p:cNvGraphicFramePr/>
              <p:nvPr/>
            </p:nvGraphicFramePr>
            <p:xfrm>
              <a:off x="381000" y="2378869"/>
              <a:ext cx="8171145" cy="660400"/>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sp>
            <p:nvSpPr>
              <p:cNvPr id="45" name="Text Placeholder 2"/>
              <p:cNvSpPr txBox="1">
                <a:spLocks/>
              </p:cNvSpPr>
              <p:nvPr/>
            </p:nvSpPr>
            <p:spPr bwMode="auto">
              <a:xfrm>
                <a:off x="349376" y="4311311"/>
                <a:ext cx="8229600" cy="874755"/>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marL="342900" indent="-342900" algn="l" rtl="0" eaLnBrk="0" fontAlgn="base" hangingPunct="0">
                  <a:spcBef>
                    <a:spcPct val="20000"/>
                  </a:spcBef>
                  <a:spcAft>
                    <a:spcPct val="0"/>
                  </a:spcAft>
                  <a:buChar char="•"/>
                  <a:defRPr sz="3200" kern="1200">
                    <a:solidFill>
                      <a:srgbClr val="404040"/>
                    </a:solidFill>
                    <a:latin typeface="Aleo"/>
                    <a:ea typeface="+mn-ea"/>
                    <a:cs typeface="Aleo"/>
                  </a:defRPr>
                </a:lvl1pPr>
                <a:lvl2pPr marL="742950" indent="-285750" algn="l" rtl="0" eaLnBrk="0" fontAlgn="base" hangingPunct="0">
                  <a:spcBef>
                    <a:spcPct val="20000"/>
                  </a:spcBef>
                  <a:spcAft>
                    <a:spcPct val="0"/>
                  </a:spcAft>
                  <a:buChar char="–"/>
                  <a:defRPr sz="2800" kern="1200">
                    <a:solidFill>
                      <a:srgbClr val="404040"/>
                    </a:solidFill>
                    <a:latin typeface="Aleo"/>
                    <a:ea typeface="+mn-ea"/>
                    <a:cs typeface="Aleo"/>
                  </a:defRPr>
                </a:lvl2pPr>
                <a:lvl3pPr marL="1143000" indent="-228600" algn="l" rtl="0" eaLnBrk="0" fontAlgn="base" hangingPunct="0">
                  <a:spcBef>
                    <a:spcPct val="20000"/>
                  </a:spcBef>
                  <a:spcAft>
                    <a:spcPct val="0"/>
                  </a:spcAft>
                  <a:buChar char="•"/>
                  <a:defRPr sz="2400" kern="1200">
                    <a:solidFill>
                      <a:srgbClr val="404040"/>
                    </a:solidFill>
                    <a:latin typeface="Aleo"/>
                    <a:ea typeface="+mn-ea"/>
                    <a:cs typeface="Aleo"/>
                  </a:defRPr>
                </a:lvl3pPr>
                <a:lvl4pPr marL="1600200" indent="-228600" algn="l" rtl="0" eaLnBrk="0" fontAlgn="base" hangingPunct="0">
                  <a:spcBef>
                    <a:spcPct val="20000"/>
                  </a:spcBef>
                  <a:spcAft>
                    <a:spcPct val="0"/>
                  </a:spcAft>
                  <a:buChar char="–"/>
                  <a:defRPr sz="2000" kern="1200">
                    <a:solidFill>
                      <a:srgbClr val="404040"/>
                    </a:solidFill>
                    <a:latin typeface="Aleo"/>
                    <a:ea typeface="+mn-ea"/>
                    <a:cs typeface="Aleo"/>
                  </a:defRPr>
                </a:lvl4pPr>
                <a:lvl5pPr marL="2057400" indent="-228600" algn="l" rtl="0" eaLnBrk="0" fontAlgn="base" hangingPunct="0">
                  <a:spcBef>
                    <a:spcPct val="20000"/>
                  </a:spcBef>
                  <a:spcAft>
                    <a:spcPct val="0"/>
                  </a:spcAft>
                  <a:buChar char="»"/>
                  <a:defRPr sz="2000" kern="1200">
                    <a:solidFill>
                      <a:srgbClr val="404040"/>
                    </a:solidFill>
                    <a:latin typeface="Aleo"/>
                    <a:ea typeface="+mn-ea"/>
                    <a:cs typeface="Aleo"/>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Clr>
                    <a:schemeClr val="accent4">
                      <a:lumMod val="60000"/>
                      <a:lumOff val="40000"/>
                    </a:schemeClr>
                  </a:buClr>
                  <a:buNone/>
                </a:pPr>
                <a:r>
                  <a:rPr lang="en-US" sz="1400" b="1" dirty="0">
                    <a:solidFill>
                      <a:schemeClr val="accent4">
                        <a:lumMod val="50000"/>
                      </a:schemeClr>
                    </a:solidFill>
                    <a:latin typeface="+mn-lt"/>
                    <a:ea typeface="Aleo" charset="0"/>
                    <a:cs typeface="Aleo" charset="0"/>
                  </a:rPr>
                  <a:t>Product Horizon</a:t>
                </a:r>
              </a:p>
              <a:p>
                <a:pPr marL="285750" lvl="1">
                  <a:spcBef>
                    <a:spcPts val="0"/>
                  </a:spcBef>
                  <a:spcAft>
                    <a:spcPts val="0"/>
                  </a:spcAft>
                  <a:buClr>
                    <a:schemeClr val="accent4">
                      <a:lumMod val="60000"/>
                      <a:lumOff val="40000"/>
                    </a:schemeClr>
                  </a:buClr>
                  <a:buFont typeface="Arial" panose="020B0604020202020204" pitchFamily="34" charset="0"/>
                  <a:buChar char="•"/>
                </a:pPr>
                <a:r>
                  <a:rPr lang="en-US" sz="1400" dirty="0">
                    <a:solidFill>
                      <a:schemeClr val="accent4">
                        <a:lumMod val="50000"/>
                      </a:schemeClr>
                    </a:solidFill>
                    <a:latin typeface="+mn-lt"/>
                    <a:ea typeface="Aleo" charset="0"/>
                    <a:cs typeface="Aleo" charset="0"/>
                  </a:rPr>
                  <a:t>Planning Horizon is 1-6 months</a:t>
                </a:r>
              </a:p>
              <a:p>
                <a:pPr marL="285750" lvl="1">
                  <a:spcBef>
                    <a:spcPts val="0"/>
                  </a:spcBef>
                  <a:spcAft>
                    <a:spcPts val="0"/>
                  </a:spcAft>
                  <a:buClr>
                    <a:schemeClr val="accent4">
                      <a:lumMod val="60000"/>
                      <a:lumOff val="40000"/>
                    </a:schemeClr>
                  </a:buClr>
                  <a:buFont typeface="Arial" panose="020B0604020202020204" pitchFamily="34" charset="0"/>
                  <a:buChar char="•"/>
                </a:pPr>
                <a:r>
                  <a:rPr lang="en-US" sz="1400" dirty="0">
                    <a:solidFill>
                      <a:schemeClr val="accent4">
                        <a:lumMod val="50000"/>
                      </a:schemeClr>
                    </a:solidFill>
                    <a:latin typeface="+mn-lt"/>
                    <a:ea typeface="Aleo" charset="0"/>
                    <a:cs typeface="Aleo" charset="0"/>
                  </a:rPr>
                  <a:t>Includes 1-2 month Sprint Plan</a:t>
                </a:r>
              </a:p>
              <a:p>
                <a:pPr marL="285750" lvl="1">
                  <a:spcBef>
                    <a:spcPts val="0"/>
                  </a:spcBef>
                  <a:spcAft>
                    <a:spcPts val="0"/>
                  </a:spcAft>
                  <a:buClr>
                    <a:schemeClr val="accent4">
                      <a:lumMod val="60000"/>
                      <a:lumOff val="40000"/>
                    </a:schemeClr>
                  </a:buClr>
                  <a:buFont typeface="Arial" panose="020B0604020202020204" pitchFamily="34" charset="0"/>
                  <a:buChar char="•"/>
                </a:pPr>
                <a:r>
                  <a:rPr lang="en-US" sz="1400" dirty="0">
                    <a:solidFill>
                      <a:schemeClr val="accent4">
                        <a:lumMod val="50000"/>
                      </a:schemeClr>
                    </a:solidFill>
                    <a:latin typeface="+mn-lt"/>
                    <a:ea typeface="Aleo" charset="0"/>
                    <a:cs typeface="Aleo" charset="0"/>
                  </a:rPr>
                  <a:t>Feature level estimates for Epics for months 3-4-5-6</a:t>
                </a:r>
              </a:p>
            </p:txBody>
          </p:sp>
          <p:graphicFrame>
            <p:nvGraphicFramePr>
              <p:cNvPr id="46" name="Diagram 45"/>
              <p:cNvGraphicFramePr/>
              <p:nvPr/>
            </p:nvGraphicFramePr>
            <p:xfrm>
              <a:off x="349376" y="5679727"/>
              <a:ext cx="8171145" cy="386136"/>
            </p:xfrm>
            <a:graphic>
              <a:graphicData uri="http://schemas.openxmlformats.org/drawingml/2006/diagram">
                <dgm:relIds xmlns:dgm="http://schemas.openxmlformats.org/drawingml/2006/diagram" xmlns:r="http://schemas.openxmlformats.org/officeDocument/2006/relationships" r:dm="rId13" r:lo="rId14" r:qs="rId15" r:cs="rId16"/>
              </a:graphicData>
            </a:graphic>
          </p:graphicFrame>
        </p:grpSp>
        <p:sp>
          <p:nvSpPr>
            <p:cNvPr id="41" name="Text Placeholder 2"/>
            <p:cNvSpPr txBox="1">
              <a:spLocks/>
            </p:cNvSpPr>
            <p:nvPr/>
          </p:nvSpPr>
          <p:spPr bwMode="auto">
            <a:xfrm>
              <a:off x="396349" y="2397083"/>
              <a:ext cx="8229600" cy="702247"/>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marL="342900" indent="-342900" algn="l" rtl="0" eaLnBrk="0" fontAlgn="base" hangingPunct="0">
                <a:spcBef>
                  <a:spcPct val="20000"/>
                </a:spcBef>
                <a:spcAft>
                  <a:spcPct val="0"/>
                </a:spcAft>
                <a:buChar char="•"/>
                <a:defRPr sz="3200" kern="1200">
                  <a:solidFill>
                    <a:srgbClr val="404040"/>
                  </a:solidFill>
                  <a:latin typeface="Aleo"/>
                  <a:ea typeface="+mn-ea"/>
                  <a:cs typeface="Aleo"/>
                </a:defRPr>
              </a:lvl1pPr>
              <a:lvl2pPr marL="742950" indent="-285750" algn="l" rtl="0" eaLnBrk="0" fontAlgn="base" hangingPunct="0">
                <a:spcBef>
                  <a:spcPct val="20000"/>
                </a:spcBef>
                <a:spcAft>
                  <a:spcPct val="0"/>
                </a:spcAft>
                <a:buChar char="–"/>
                <a:defRPr sz="2800" kern="1200">
                  <a:solidFill>
                    <a:srgbClr val="404040"/>
                  </a:solidFill>
                  <a:latin typeface="Aleo"/>
                  <a:ea typeface="+mn-ea"/>
                  <a:cs typeface="Aleo"/>
                </a:defRPr>
              </a:lvl2pPr>
              <a:lvl3pPr marL="1143000" indent="-228600" algn="l" rtl="0" eaLnBrk="0" fontAlgn="base" hangingPunct="0">
                <a:spcBef>
                  <a:spcPct val="20000"/>
                </a:spcBef>
                <a:spcAft>
                  <a:spcPct val="0"/>
                </a:spcAft>
                <a:buChar char="•"/>
                <a:defRPr sz="2400" kern="1200">
                  <a:solidFill>
                    <a:srgbClr val="404040"/>
                  </a:solidFill>
                  <a:latin typeface="Aleo"/>
                  <a:ea typeface="+mn-ea"/>
                  <a:cs typeface="Aleo"/>
                </a:defRPr>
              </a:lvl3pPr>
              <a:lvl4pPr marL="1600200" indent="-228600" algn="l" rtl="0" eaLnBrk="0" fontAlgn="base" hangingPunct="0">
                <a:spcBef>
                  <a:spcPct val="20000"/>
                </a:spcBef>
                <a:spcAft>
                  <a:spcPct val="0"/>
                </a:spcAft>
                <a:buChar char="–"/>
                <a:defRPr sz="2000" kern="1200">
                  <a:solidFill>
                    <a:srgbClr val="404040"/>
                  </a:solidFill>
                  <a:latin typeface="Aleo"/>
                  <a:ea typeface="+mn-ea"/>
                  <a:cs typeface="Aleo"/>
                </a:defRPr>
              </a:lvl4pPr>
              <a:lvl5pPr marL="2057400" indent="-228600" algn="l" rtl="0" eaLnBrk="0" fontAlgn="base" hangingPunct="0">
                <a:spcBef>
                  <a:spcPct val="20000"/>
                </a:spcBef>
                <a:spcAft>
                  <a:spcPct val="0"/>
                </a:spcAft>
                <a:buChar char="»"/>
                <a:defRPr sz="2000" kern="1200">
                  <a:solidFill>
                    <a:srgbClr val="404040"/>
                  </a:solidFill>
                  <a:latin typeface="Aleo"/>
                  <a:ea typeface="+mn-ea"/>
                  <a:cs typeface="Aleo"/>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Clr>
                  <a:schemeClr val="accent4">
                    <a:lumMod val="60000"/>
                    <a:lumOff val="40000"/>
                  </a:schemeClr>
                </a:buClr>
                <a:buNone/>
              </a:pPr>
              <a:r>
                <a:rPr lang="en-US" sz="1400" b="1" dirty="0">
                  <a:solidFill>
                    <a:schemeClr val="accent4">
                      <a:lumMod val="50000"/>
                    </a:schemeClr>
                  </a:solidFill>
                  <a:latin typeface="+mn-lt"/>
                  <a:ea typeface="Aleo" charset="0"/>
                  <a:cs typeface="Aleo" charset="0"/>
                </a:rPr>
                <a:t>Sprint Horizon</a:t>
              </a:r>
            </a:p>
            <a:p>
              <a:pPr marL="285750" lvl="1">
                <a:spcBef>
                  <a:spcPts val="0"/>
                </a:spcBef>
                <a:spcAft>
                  <a:spcPts val="0"/>
                </a:spcAft>
                <a:buClr>
                  <a:schemeClr val="accent4">
                    <a:lumMod val="60000"/>
                    <a:lumOff val="40000"/>
                  </a:schemeClr>
                </a:buClr>
                <a:buFont typeface="Arial" panose="020B0604020202020204" pitchFamily="34" charset="0"/>
                <a:buChar char="•"/>
              </a:pPr>
              <a:r>
                <a:rPr lang="en-US" sz="1400" dirty="0">
                  <a:solidFill>
                    <a:schemeClr val="accent4">
                      <a:lumMod val="50000"/>
                    </a:schemeClr>
                  </a:solidFill>
                  <a:latin typeface="+mn-lt"/>
                </a:rPr>
                <a:t>Planning Horizon is 1-2 months based on Defined story backlog</a:t>
              </a:r>
            </a:p>
            <a:p>
              <a:pPr marL="285750" lvl="1">
                <a:spcBef>
                  <a:spcPts val="0"/>
                </a:spcBef>
                <a:spcAft>
                  <a:spcPts val="0"/>
                </a:spcAft>
                <a:buClr>
                  <a:schemeClr val="accent4">
                    <a:lumMod val="60000"/>
                    <a:lumOff val="40000"/>
                  </a:schemeClr>
                </a:buClr>
                <a:buFont typeface="Arial" panose="020B0604020202020204" pitchFamily="34" charset="0"/>
                <a:buChar char="•"/>
              </a:pPr>
              <a:r>
                <a:rPr lang="en-US" sz="1400" dirty="0">
                  <a:solidFill>
                    <a:schemeClr val="accent4">
                      <a:lumMod val="50000"/>
                    </a:schemeClr>
                  </a:solidFill>
                  <a:latin typeface="+mn-lt"/>
                </a:rPr>
                <a:t>Story point estimated for 1-2 months</a:t>
              </a:r>
            </a:p>
          </p:txBody>
        </p:sp>
        <p:sp>
          <p:nvSpPr>
            <p:cNvPr id="42" name="Text Placeholder 2"/>
            <p:cNvSpPr txBox="1">
              <a:spLocks/>
            </p:cNvSpPr>
            <p:nvPr/>
          </p:nvSpPr>
          <p:spPr bwMode="auto">
            <a:xfrm>
              <a:off x="401138" y="5577602"/>
              <a:ext cx="8229600" cy="918724"/>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marL="342900" indent="-342900" algn="l" rtl="0" eaLnBrk="0" fontAlgn="base" hangingPunct="0">
                <a:spcBef>
                  <a:spcPct val="20000"/>
                </a:spcBef>
                <a:spcAft>
                  <a:spcPct val="0"/>
                </a:spcAft>
                <a:buChar char="•"/>
                <a:defRPr sz="3200" kern="1200">
                  <a:solidFill>
                    <a:srgbClr val="404040"/>
                  </a:solidFill>
                  <a:latin typeface="Aleo"/>
                  <a:ea typeface="+mn-ea"/>
                  <a:cs typeface="Aleo"/>
                </a:defRPr>
              </a:lvl1pPr>
              <a:lvl2pPr marL="742950" indent="-285750" algn="l" rtl="0" eaLnBrk="0" fontAlgn="base" hangingPunct="0">
                <a:spcBef>
                  <a:spcPct val="20000"/>
                </a:spcBef>
                <a:spcAft>
                  <a:spcPct val="0"/>
                </a:spcAft>
                <a:buChar char="–"/>
                <a:defRPr sz="2800" kern="1200">
                  <a:solidFill>
                    <a:srgbClr val="404040"/>
                  </a:solidFill>
                  <a:latin typeface="Aleo"/>
                  <a:ea typeface="+mn-ea"/>
                  <a:cs typeface="Aleo"/>
                </a:defRPr>
              </a:lvl2pPr>
              <a:lvl3pPr marL="1143000" indent="-228600" algn="l" rtl="0" eaLnBrk="0" fontAlgn="base" hangingPunct="0">
                <a:spcBef>
                  <a:spcPct val="20000"/>
                </a:spcBef>
                <a:spcAft>
                  <a:spcPct val="0"/>
                </a:spcAft>
                <a:buChar char="•"/>
                <a:defRPr sz="2400" kern="1200">
                  <a:solidFill>
                    <a:srgbClr val="404040"/>
                  </a:solidFill>
                  <a:latin typeface="Aleo"/>
                  <a:ea typeface="+mn-ea"/>
                  <a:cs typeface="Aleo"/>
                </a:defRPr>
              </a:lvl3pPr>
              <a:lvl4pPr marL="1600200" indent="-228600" algn="l" rtl="0" eaLnBrk="0" fontAlgn="base" hangingPunct="0">
                <a:spcBef>
                  <a:spcPct val="20000"/>
                </a:spcBef>
                <a:spcAft>
                  <a:spcPct val="0"/>
                </a:spcAft>
                <a:buChar char="–"/>
                <a:defRPr sz="2000" kern="1200">
                  <a:solidFill>
                    <a:srgbClr val="404040"/>
                  </a:solidFill>
                  <a:latin typeface="Aleo"/>
                  <a:ea typeface="+mn-ea"/>
                  <a:cs typeface="Aleo"/>
                </a:defRPr>
              </a:lvl4pPr>
              <a:lvl5pPr marL="2057400" indent="-228600" algn="l" rtl="0" eaLnBrk="0" fontAlgn="base" hangingPunct="0">
                <a:spcBef>
                  <a:spcPct val="20000"/>
                </a:spcBef>
                <a:spcAft>
                  <a:spcPct val="0"/>
                </a:spcAft>
                <a:buChar char="»"/>
                <a:defRPr sz="2000" kern="1200">
                  <a:solidFill>
                    <a:srgbClr val="404040"/>
                  </a:solidFill>
                  <a:latin typeface="Aleo"/>
                  <a:ea typeface="+mn-ea"/>
                  <a:cs typeface="Aleo"/>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Clr>
                  <a:schemeClr val="accent4">
                    <a:lumMod val="60000"/>
                    <a:lumOff val="40000"/>
                  </a:schemeClr>
                </a:buClr>
                <a:buNone/>
              </a:pPr>
              <a:r>
                <a:rPr lang="en-US" sz="1400" b="1" dirty="0">
                  <a:solidFill>
                    <a:schemeClr val="accent4">
                      <a:lumMod val="50000"/>
                    </a:schemeClr>
                  </a:solidFill>
                  <a:latin typeface="+mn-lt"/>
                  <a:ea typeface="Aleo" charset="0"/>
                  <a:cs typeface="Aleo" charset="0"/>
                </a:rPr>
                <a:t>Portfolio Horizon</a:t>
              </a:r>
            </a:p>
            <a:p>
              <a:pPr marL="285750" lvl="1">
                <a:spcBef>
                  <a:spcPts val="0"/>
                </a:spcBef>
                <a:spcAft>
                  <a:spcPts val="0"/>
                </a:spcAft>
                <a:buClr>
                  <a:schemeClr val="accent4">
                    <a:lumMod val="60000"/>
                    <a:lumOff val="40000"/>
                  </a:schemeClr>
                </a:buClr>
                <a:buFont typeface="Arial" panose="020B0604020202020204" pitchFamily="34" charset="0"/>
                <a:buChar char="•"/>
              </a:pPr>
              <a:r>
                <a:rPr lang="en-US" sz="1400" dirty="0">
                  <a:solidFill>
                    <a:schemeClr val="accent4">
                      <a:lumMod val="50000"/>
                    </a:schemeClr>
                  </a:solidFill>
                  <a:latin typeface="+mn-lt"/>
                </a:rPr>
                <a:t>Planning Horizon is 1-12 months</a:t>
              </a:r>
            </a:p>
            <a:p>
              <a:pPr marL="285750" lvl="1">
                <a:spcBef>
                  <a:spcPts val="0"/>
                </a:spcBef>
                <a:spcAft>
                  <a:spcPts val="0"/>
                </a:spcAft>
                <a:buClr>
                  <a:schemeClr val="accent4">
                    <a:lumMod val="60000"/>
                    <a:lumOff val="40000"/>
                  </a:schemeClr>
                </a:buClr>
                <a:buFont typeface="Arial" panose="020B0604020202020204" pitchFamily="34" charset="0"/>
                <a:buChar char="•"/>
              </a:pPr>
              <a:r>
                <a:rPr lang="en-US" sz="1400" dirty="0">
                  <a:solidFill>
                    <a:schemeClr val="accent4">
                      <a:lumMod val="50000"/>
                    </a:schemeClr>
                  </a:solidFill>
                  <a:latin typeface="+mn-lt"/>
                </a:rPr>
                <a:t>Includes 1-6 month Release Plan</a:t>
              </a:r>
            </a:p>
            <a:p>
              <a:pPr marL="285750" lvl="1">
                <a:spcBef>
                  <a:spcPts val="0"/>
                </a:spcBef>
                <a:spcAft>
                  <a:spcPts val="0"/>
                </a:spcAft>
                <a:buClr>
                  <a:schemeClr val="accent4">
                    <a:lumMod val="60000"/>
                    <a:lumOff val="40000"/>
                  </a:schemeClr>
                </a:buClr>
                <a:buFont typeface="Arial" panose="020B0604020202020204" pitchFamily="34" charset="0"/>
                <a:buChar char="•"/>
              </a:pPr>
              <a:r>
                <a:rPr lang="en-US" sz="1400" dirty="0">
                  <a:solidFill>
                    <a:schemeClr val="accent4">
                      <a:lumMod val="50000"/>
                    </a:schemeClr>
                  </a:solidFill>
                  <a:latin typeface="+mn-lt"/>
                </a:rPr>
                <a:t>Epic Level estimated for months 7-12</a:t>
              </a:r>
            </a:p>
          </p:txBody>
        </p:sp>
      </p:grpSp>
      <p:graphicFrame>
        <p:nvGraphicFramePr>
          <p:cNvPr id="12" name="Diagram 11"/>
          <p:cNvGraphicFramePr/>
          <p:nvPr/>
        </p:nvGraphicFramePr>
        <p:xfrm>
          <a:off x="1951974" y="3236150"/>
          <a:ext cx="4132549" cy="270524"/>
        </p:xfrm>
        <a:graphic>
          <a:graphicData uri="http://schemas.openxmlformats.org/drawingml/2006/diagram">
            <dgm:relIds xmlns:dgm="http://schemas.openxmlformats.org/drawingml/2006/diagram" xmlns:r="http://schemas.openxmlformats.org/officeDocument/2006/relationships" r:dm="rId18" r:lo="rId19" r:qs="rId20" r:cs="rId21"/>
          </a:graphicData>
        </a:graphic>
      </p:graphicFrame>
      <p:grpSp>
        <p:nvGrpSpPr>
          <p:cNvPr id="13" name="Group 12"/>
          <p:cNvGrpSpPr/>
          <p:nvPr/>
        </p:nvGrpSpPr>
        <p:grpSpPr>
          <a:xfrm>
            <a:off x="1932595" y="4994238"/>
            <a:ext cx="8166357" cy="250521"/>
            <a:chOff x="365647" y="4800600"/>
            <a:chExt cx="8166357" cy="250521"/>
          </a:xfrm>
        </p:grpSpPr>
        <p:sp>
          <p:nvSpPr>
            <p:cNvPr id="14" name="Freeform: Shape 73"/>
            <p:cNvSpPr/>
            <p:nvPr/>
          </p:nvSpPr>
          <p:spPr>
            <a:xfrm>
              <a:off x="365647" y="4800600"/>
              <a:ext cx="2401869" cy="250521"/>
            </a:xfrm>
            <a:custGeom>
              <a:avLst/>
              <a:gdLst>
                <a:gd name="connsiteX0" fmla="*/ 0 w 2401869"/>
                <a:gd name="connsiteY0" fmla="*/ 0 h 250521"/>
                <a:gd name="connsiteX1" fmla="*/ 2276609 w 2401869"/>
                <a:gd name="connsiteY1" fmla="*/ 0 h 250521"/>
                <a:gd name="connsiteX2" fmla="*/ 2401869 w 2401869"/>
                <a:gd name="connsiteY2" fmla="*/ 125261 h 250521"/>
                <a:gd name="connsiteX3" fmla="*/ 2276609 w 2401869"/>
                <a:gd name="connsiteY3" fmla="*/ 250521 h 250521"/>
                <a:gd name="connsiteX4" fmla="*/ 0 w 2401869"/>
                <a:gd name="connsiteY4" fmla="*/ 250521 h 250521"/>
                <a:gd name="connsiteX5" fmla="*/ 0 w 2401869"/>
                <a:gd name="connsiteY5" fmla="*/ 0 h 2505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401869" h="250521">
                  <a:moveTo>
                    <a:pt x="0" y="0"/>
                  </a:moveTo>
                  <a:lnTo>
                    <a:pt x="2276609" y="0"/>
                  </a:lnTo>
                  <a:lnTo>
                    <a:pt x="2401869" y="125261"/>
                  </a:lnTo>
                  <a:lnTo>
                    <a:pt x="2276609" y="250521"/>
                  </a:lnTo>
                  <a:lnTo>
                    <a:pt x="0" y="250521"/>
                  </a:lnTo>
                  <a:lnTo>
                    <a:pt x="0" y="0"/>
                  </a:lnTo>
                  <a:close/>
                </a:path>
              </a:pathLst>
            </a:custGeom>
          </p:spPr>
          <p:style>
            <a:lnRef idx="0">
              <a:schemeClr val="lt1">
                <a:hueOff val="0"/>
                <a:satOff val="0"/>
                <a:lumOff val="0"/>
                <a:alphaOff val="0"/>
              </a:schemeClr>
            </a:lnRef>
            <a:fillRef idx="3">
              <a:schemeClr val="accent2">
                <a:shade val="80000"/>
                <a:hueOff val="0"/>
                <a:satOff val="0"/>
                <a:lumOff val="0"/>
                <a:alphaOff val="0"/>
              </a:schemeClr>
            </a:fillRef>
            <a:effectRef idx="2">
              <a:schemeClr val="accent2">
                <a:shade val="80000"/>
                <a:hueOff val="0"/>
                <a:satOff val="0"/>
                <a:lumOff val="0"/>
                <a:alphaOff val="0"/>
              </a:schemeClr>
            </a:effectRef>
            <a:fontRef idx="minor">
              <a:schemeClr val="lt1"/>
            </a:fontRef>
          </p:style>
          <p:txBody>
            <a:bodyPr spcFirstLastPara="0" vert="horz" wrap="square" lIns="64008" tIns="32004" rIns="78632" bIns="32004" numCol="1" spcCol="1270" anchor="ctr" anchorCtr="0">
              <a:noAutofit/>
            </a:bodyPr>
            <a:lstStyle/>
            <a:p>
              <a:pPr algn="ctr" defTabSz="533400">
                <a:lnSpc>
                  <a:spcPct val="90000"/>
                </a:lnSpc>
                <a:spcBef>
                  <a:spcPct val="0"/>
                </a:spcBef>
                <a:spcAft>
                  <a:spcPct val="35000"/>
                </a:spcAft>
              </a:pPr>
              <a:r>
                <a:rPr lang="en-US" sz="1200" dirty="0"/>
                <a:t>Release 1</a:t>
              </a:r>
            </a:p>
          </p:txBody>
        </p:sp>
        <p:sp>
          <p:nvSpPr>
            <p:cNvPr id="15" name="Freeform: Shape 74"/>
            <p:cNvSpPr/>
            <p:nvPr/>
          </p:nvSpPr>
          <p:spPr>
            <a:xfrm>
              <a:off x="2287143" y="4800600"/>
              <a:ext cx="2401869" cy="250521"/>
            </a:xfrm>
            <a:custGeom>
              <a:avLst/>
              <a:gdLst>
                <a:gd name="connsiteX0" fmla="*/ 0 w 2401869"/>
                <a:gd name="connsiteY0" fmla="*/ 0 h 250521"/>
                <a:gd name="connsiteX1" fmla="*/ 2276609 w 2401869"/>
                <a:gd name="connsiteY1" fmla="*/ 0 h 250521"/>
                <a:gd name="connsiteX2" fmla="*/ 2401869 w 2401869"/>
                <a:gd name="connsiteY2" fmla="*/ 125261 h 250521"/>
                <a:gd name="connsiteX3" fmla="*/ 2276609 w 2401869"/>
                <a:gd name="connsiteY3" fmla="*/ 250521 h 250521"/>
                <a:gd name="connsiteX4" fmla="*/ 0 w 2401869"/>
                <a:gd name="connsiteY4" fmla="*/ 250521 h 250521"/>
                <a:gd name="connsiteX5" fmla="*/ 125261 w 2401869"/>
                <a:gd name="connsiteY5" fmla="*/ 125261 h 250521"/>
                <a:gd name="connsiteX6" fmla="*/ 0 w 2401869"/>
                <a:gd name="connsiteY6" fmla="*/ 0 h 2505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401869" h="250521">
                  <a:moveTo>
                    <a:pt x="0" y="0"/>
                  </a:moveTo>
                  <a:lnTo>
                    <a:pt x="2276609" y="0"/>
                  </a:lnTo>
                  <a:lnTo>
                    <a:pt x="2401869" y="125261"/>
                  </a:lnTo>
                  <a:lnTo>
                    <a:pt x="2276609" y="250521"/>
                  </a:lnTo>
                  <a:lnTo>
                    <a:pt x="0" y="250521"/>
                  </a:lnTo>
                  <a:lnTo>
                    <a:pt x="125261" y="125261"/>
                  </a:lnTo>
                  <a:lnTo>
                    <a:pt x="0" y="0"/>
                  </a:lnTo>
                  <a:close/>
                </a:path>
              </a:pathLst>
            </a:custGeom>
          </p:spPr>
          <p:style>
            <a:lnRef idx="0">
              <a:schemeClr val="lt1">
                <a:hueOff val="0"/>
                <a:satOff val="0"/>
                <a:lumOff val="0"/>
                <a:alphaOff val="0"/>
              </a:schemeClr>
            </a:lnRef>
            <a:fillRef idx="3">
              <a:schemeClr val="accent2">
                <a:shade val="80000"/>
                <a:hueOff val="-142332"/>
                <a:satOff val="-13128"/>
                <a:lumOff val="11453"/>
                <a:alphaOff val="0"/>
              </a:schemeClr>
            </a:fillRef>
            <a:effectRef idx="2">
              <a:schemeClr val="accent2">
                <a:shade val="80000"/>
                <a:hueOff val="-142332"/>
                <a:satOff val="-13128"/>
                <a:lumOff val="11453"/>
                <a:alphaOff val="0"/>
              </a:schemeClr>
            </a:effectRef>
            <a:fontRef idx="minor">
              <a:schemeClr val="lt1"/>
            </a:fontRef>
          </p:style>
          <p:txBody>
            <a:bodyPr spcFirstLastPara="0" vert="horz" wrap="square" lIns="173267" tIns="32004" rIns="141262" bIns="32004" numCol="1" spcCol="1270" anchor="ctr" anchorCtr="0">
              <a:noAutofit/>
            </a:bodyPr>
            <a:lstStyle/>
            <a:p>
              <a:pPr algn="ctr" defTabSz="533400">
                <a:lnSpc>
                  <a:spcPct val="90000"/>
                </a:lnSpc>
                <a:spcBef>
                  <a:spcPct val="0"/>
                </a:spcBef>
                <a:spcAft>
                  <a:spcPct val="35000"/>
                </a:spcAft>
              </a:pPr>
              <a:r>
                <a:rPr lang="en-US" sz="1200" dirty="0"/>
                <a:t>Release 2 </a:t>
              </a:r>
            </a:p>
          </p:txBody>
        </p:sp>
        <p:sp>
          <p:nvSpPr>
            <p:cNvPr id="16" name="Freeform: Shape 75"/>
            <p:cNvSpPr/>
            <p:nvPr/>
          </p:nvSpPr>
          <p:spPr>
            <a:xfrm>
              <a:off x="4208639" y="4800600"/>
              <a:ext cx="2401869" cy="250521"/>
            </a:xfrm>
            <a:custGeom>
              <a:avLst/>
              <a:gdLst>
                <a:gd name="connsiteX0" fmla="*/ 0 w 2401869"/>
                <a:gd name="connsiteY0" fmla="*/ 0 h 250521"/>
                <a:gd name="connsiteX1" fmla="*/ 2276609 w 2401869"/>
                <a:gd name="connsiteY1" fmla="*/ 0 h 250521"/>
                <a:gd name="connsiteX2" fmla="*/ 2401869 w 2401869"/>
                <a:gd name="connsiteY2" fmla="*/ 125261 h 250521"/>
                <a:gd name="connsiteX3" fmla="*/ 2276609 w 2401869"/>
                <a:gd name="connsiteY3" fmla="*/ 250521 h 250521"/>
                <a:gd name="connsiteX4" fmla="*/ 0 w 2401869"/>
                <a:gd name="connsiteY4" fmla="*/ 250521 h 250521"/>
                <a:gd name="connsiteX5" fmla="*/ 125261 w 2401869"/>
                <a:gd name="connsiteY5" fmla="*/ 125261 h 250521"/>
                <a:gd name="connsiteX6" fmla="*/ 0 w 2401869"/>
                <a:gd name="connsiteY6" fmla="*/ 0 h 2505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401869" h="250521">
                  <a:moveTo>
                    <a:pt x="0" y="0"/>
                  </a:moveTo>
                  <a:lnTo>
                    <a:pt x="2276609" y="0"/>
                  </a:lnTo>
                  <a:lnTo>
                    <a:pt x="2401869" y="125261"/>
                  </a:lnTo>
                  <a:lnTo>
                    <a:pt x="2276609" y="250521"/>
                  </a:lnTo>
                  <a:lnTo>
                    <a:pt x="0" y="250521"/>
                  </a:lnTo>
                  <a:lnTo>
                    <a:pt x="125261" y="125261"/>
                  </a:lnTo>
                  <a:lnTo>
                    <a:pt x="0" y="0"/>
                  </a:lnTo>
                  <a:close/>
                </a:path>
              </a:pathLst>
            </a:custGeom>
          </p:spPr>
          <p:style>
            <a:lnRef idx="0">
              <a:schemeClr val="lt1">
                <a:hueOff val="0"/>
                <a:satOff val="0"/>
                <a:lumOff val="0"/>
                <a:alphaOff val="0"/>
              </a:schemeClr>
            </a:lnRef>
            <a:fillRef idx="3">
              <a:schemeClr val="accent2">
                <a:shade val="80000"/>
                <a:hueOff val="-284664"/>
                <a:satOff val="-26255"/>
                <a:lumOff val="22906"/>
                <a:alphaOff val="0"/>
              </a:schemeClr>
            </a:fillRef>
            <a:effectRef idx="2">
              <a:schemeClr val="accent2">
                <a:shade val="80000"/>
                <a:hueOff val="-284664"/>
                <a:satOff val="-26255"/>
                <a:lumOff val="22906"/>
                <a:alphaOff val="0"/>
              </a:schemeClr>
            </a:effectRef>
            <a:fontRef idx="minor">
              <a:schemeClr val="lt1"/>
            </a:fontRef>
          </p:style>
          <p:txBody>
            <a:bodyPr spcFirstLastPara="0" vert="horz" wrap="square" lIns="173267" tIns="32004" rIns="141262" bIns="32004" numCol="1" spcCol="1270" anchor="ctr" anchorCtr="0">
              <a:noAutofit/>
            </a:bodyPr>
            <a:lstStyle/>
            <a:p>
              <a:pPr algn="ctr" defTabSz="533400">
                <a:lnSpc>
                  <a:spcPct val="90000"/>
                </a:lnSpc>
                <a:spcBef>
                  <a:spcPct val="0"/>
                </a:spcBef>
                <a:spcAft>
                  <a:spcPct val="35000"/>
                </a:spcAft>
              </a:pPr>
              <a:r>
                <a:rPr lang="en-US" sz="1200" dirty="0"/>
                <a:t>Release 3 </a:t>
              </a:r>
            </a:p>
          </p:txBody>
        </p:sp>
        <p:sp>
          <p:nvSpPr>
            <p:cNvPr id="17" name="Freeform: Shape 76"/>
            <p:cNvSpPr/>
            <p:nvPr/>
          </p:nvSpPr>
          <p:spPr>
            <a:xfrm>
              <a:off x="6130135" y="4800600"/>
              <a:ext cx="2401869" cy="250521"/>
            </a:xfrm>
            <a:custGeom>
              <a:avLst/>
              <a:gdLst>
                <a:gd name="connsiteX0" fmla="*/ 0 w 2401869"/>
                <a:gd name="connsiteY0" fmla="*/ 0 h 250521"/>
                <a:gd name="connsiteX1" fmla="*/ 2276609 w 2401869"/>
                <a:gd name="connsiteY1" fmla="*/ 0 h 250521"/>
                <a:gd name="connsiteX2" fmla="*/ 2401869 w 2401869"/>
                <a:gd name="connsiteY2" fmla="*/ 125261 h 250521"/>
                <a:gd name="connsiteX3" fmla="*/ 2276609 w 2401869"/>
                <a:gd name="connsiteY3" fmla="*/ 250521 h 250521"/>
                <a:gd name="connsiteX4" fmla="*/ 0 w 2401869"/>
                <a:gd name="connsiteY4" fmla="*/ 250521 h 250521"/>
                <a:gd name="connsiteX5" fmla="*/ 125261 w 2401869"/>
                <a:gd name="connsiteY5" fmla="*/ 125261 h 250521"/>
                <a:gd name="connsiteX6" fmla="*/ 0 w 2401869"/>
                <a:gd name="connsiteY6" fmla="*/ 0 h 2505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401869" h="250521">
                  <a:moveTo>
                    <a:pt x="0" y="0"/>
                  </a:moveTo>
                  <a:lnTo>
                    <a:pt x="2276609" y="0"/>
                  </a:lnTo>
                  <a:lnTo>
                    <a:pt x="2401869" y="125261"/>
                  </a:lnTo>
                  <a:lnTo>
                    <a:pt x="2276609" y="250521"/>
                  </a:lnTo>
                  <a:lnTo>
                    <a:pt x="0" y="250521"/>
                  </a:lnTo>
                  <a:lnTo>
                    <a:pt x="125261" y="125261"/>
                  </a:lnTo>
                  <a:lnTo>
                    <a:pt x="0" y="0"/>
                  </a:lnTo>
                  <a:close/>
                </a:path>
              </a:pathLst>
            </a:custGeom>
          </p:spPr>
          <p:style>
            <a:lnRef idx="0">
              <a:schemeClr val="lt1">
                <a:hueOff val="0"/>
                <a:satOff val="0"/>
                <a:lumOff val="0"/>
                <a:alphaOff val="0"/>
              </a:schemeClr>
            </a:lnRef>
            <a:fillRef idx="3">
              <a:schemeClr val="accent2">
                <a:shade val="80000"/>
                <a:hueOff val="-426996"/>
                <a:satOff val="-39383"/>
                <a:lumOff val="34359"/>
                <a:alphaOff val="0"/>
              </a:schemeClr>
            </a:fillRef>
            <a:effectRef idx="2">
              <a:schemeClr val="accent2">
                <a:shade val="80000"/>
                <a:hueOff val="-426996"/>
                <a:satOff val="-39383"/>
                <a:lumOff val="34359"/>
                <a:alphaOff val="0"/>
              </a:schemeClr>
            </a:effectRef>
            <a:fontRef idx="minor">
              <a:schemeClr val="lt1"/>
            </a:fontRef>
          </p:style>
          <p:txBody>
            <a:bodyPr spcFirstLastPara="0" vert="horz" wrap="square" lIns="173267" tIns="32004" rIns="141262" bIns="32004" numCol="1" spcCol="1270" anchor="ctr" anchorCtr="0">
              <a:noAutofit/>
            </a:bodyPr>
            <a:lstStyle/>
            <a:p>
              <a:pPr algn="ctr" defTabSz="533400">
                <a:lnSpc>
                  <a:spcPct val="90000"/>
                </a:lnSpc>
                <a:spcBef>
                  <a:spcPct val="0"/>
                </a:spcBef>
                <a:spcAft>
                  <a:spcPct val="35000"/>
                </a:spcAft>
              </a:pPr>
              <a:r>
                <a:rPr lang="en-US" sz="1200" dirty="0"/>
                <a:t>Release 4 </a:t>
              </a:r>
            </a:p>
          </p:txBody>
        </p:sp>
      </p:grpSp>
      <p:sp>
        <p:nvSpPr>
          <p:cNvPr id="3" name="Slide Number Placeholder 2">
            <a:extLst>
              <a:ext uri="{FF2B5EF4-FFF2-40B4-BE49-F238E27FC236}">
                <a16:creationId xmlns:a16="http://schemas.microsoft.com/office/drawing/2014/main" id="{D3AD97FB-2E10-5240-80E1-01AD849F897B}"/>
              </a:ext>
            </a:extLst>
          </p:cNvPr>
          <p:cNvSpPr>
            <a:spLocks noGrp="1"/>
          </p:cNvSpPr>
          <p:nvPr>
            <p:ph type="sldNum" sz="quarter" idx="4"/>
          </p:nvPr>
        </p:nvSpPr>
        <p:spPr/>
        <p:txBody>
          <a:bodyPr/>
          <a:lstStyle/>
          <a:p>
            <a:fld id="{742ED878-647B-DB4D-84DF-0BCCAF9DD0BF}" type="slidenum">
              <a:rPr lang="en-US" smtClean="0"/>
              <a:pPr/>
              <a:t>43</a:t>
            </a:fld>
            <a:endParaRPr lang="en-US" dirty="0"/>
          </a:p>
        </p:txBody>
      </p:sp>
    </p:spTree>
    <p:extLst>
      <p:ext uri="{BB962C8B-B14F-4D97-AF65-F5344CB8AC3E}">
        <p14:creationId xmlns:p14="http://schemas.microsoft.com/office/powerpoint/2010/main" val="12868385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4" name="Content Placeholder 13">
            <a:extLst>
              <a:ext uri="{FF2B5EF4-FFF2-40B4-BE49-F238E27FC236}">
                <a16:creationId xmlns:a16="http://schemas.microsoft.com/office/drawing/2014/main" id="{2A67308B-1FFF-1644-AE1E-94B4CFE383C6}"/>
              </a:ext>
            </a:extLst>
          </p:cNvPr>
          <p:cNvSpPr>
            <a:spLocks noGrp="1"/>
          </p:cNvSpPr>
          <p:nvPr>
            <p:ph idx="1"/>
          </p:nvPr>
        </p:nvSpPr>
        <p:spPr>
          <a:xfrm>
            <a:off x="1703349" y="2237653"/>
            <a:ext cx="8557069" cy="1823984"/>
          </a:xfrm>
        </p:spPr>
        <p:txBody>
          <a:bodyPr/>
          <a:lstStyle/>
          <a:p>
            <a:pPr>
              <a:spcBef>
                <a:spcPts val="0"/>
              </a:spcBef>
              <a:spcAft>
                <a:spcPts val="200"/>
              </a:spcAft>
            </a:pPr>
            <a:r>
              <a:rPr lang="en-US" sz="1400" b="1" dirty="0"/>
              <a:t>Monthly / Quarterly Release Planning</a:t>
            </a:r>
          </a:p>
          <a:p>
            <a:pPr marL="285750" indent="-285750">
              <a:spcBef>
                <a:spcPts val="0"/>
              </a:spcBef>
              <a:spcAft>
                <a:spcPts val="200"/>
              </a:spcAft>
              <a:buFont typeface="Arial" panose="020B0604020202020204" pitchFamily="34" charset="0"/>
              <a:buChar char="•"/>
            </a:pPr>
            <a:r>
              <a:rPr lang="en-US" sz="1400" dirty="0"/>
              <a:t>Progressive Elaboration of Epics to Features to Stories to Tasks</a:t>
            </a:r>
          </a:p>
          <a:p>
            <a:pPr marL="285750" indent="-285750">
              <a:spcBef>
                <a:spcPts val="0"/>
              </a:spcBef>
              <a:spcAft>
                <a:spcPts val="200"/>
              </a:spcAft>
              <a:buFont typeface="Arial" panose="020B0604020202020204" pitchFamily="34" charset="0"/>
              <a:buChar char="•"/>
            </a:pPr>
            <a:r>
              <a:rPr lang="en-US" sz="1400" dirty="0"/>
              <a:t>Recurring scheduled Agile ceremonies for Progressive Elaboration</a:t>
            </a:r>
          </a:p>
          <a:p>
            <a:pPr marL="628650" lvl="1" indent="-171450">
              <a:spcBef>
                <a:spcPts val="0"/>
              </a:spcBef>
              <a:spcAft>
                <a:spcPts val="200"/>
              </a:spcAft>
            </a:pPr>
            <a:r>
              <a:rPr lang="en-US" sz="1400" dirty="0"/>
              <a:t>Product Teams decompose Epics in Feature and Story Mapping sessions</a:t>
            </a:r>
          </a:p>
          <a:p>
            <a:pPr marL="628650" lvl="1" indent="-171450">
              <a:spcBef>
                <a:spcPts val="0"/>
              </a:spcBef>
              <a:spcAft>
                <a:spcPts val="200"/>
              </a:spcAft>
            </a:pPr>
            <a:r>
              <a:rPr lang="en-US" sz="1400" dirty="0"/>
              <a:t>Product and/or Scrum teams Groom Stories and define Story Tasks </a:t>
            </a:r>
          </a:p>
          <a:p>
            <a:pPr marL="285750" indent="-285750">
              <a:spcBef>
                <a:spcPts val="0"/>
              </a:spcBef>
              <a:spcAft>
                <a:spcPts val="200"/>
              </a:spcAft>
              <a:buFont typeface="Arial" panose="020B0604020202020204" pitchFamily="34" charset="0"/>
              <a:buChar char="•"/>
            </a:pPr>
            <a:r>
              <a:rPr lang="en-US" sz="1400" dirty="0"/>
              <a:t>For each Epic define the Risks, Dependencies and Estimates</a:t>
            </a:r>
          </a:p>
          <a:p>
            <a:pPr marL="285750" indent="-285750">
              <a:spcBef>
                <a:spcPts val="0"/>
              </a:spcBef>
              <a:spcAft>
                <a:spcPts val="200"/>
              </a:spcAft>
              <a:buFont typeface="Arial" panose="020B0604020202020204" pitchFamily="34" charset="0"/>
              <a:buChar char="•"/>
            </a:pPr>
            <a:r>
              <a:rPr lang="en-US" sz="1400" dirty="0"/>
              <a:t>Epics, Features, Stories are sequenced and appended to the plan Monthly or Quarterly</a:t>
            </a:r>
          </a:p>
          <a:p>
            <a:pPr>
              <a:spcBef>
                <a:spcPts val="0"/>
              </a:spcBef>
              <a:spcAft>
                <a:spcPts val="200"/>
              </a:spcAft>
            </a:pPr>
            <a:endParaRPr lang="en-US" sz="2000" dirty="0"/>
          </a:p>
        </p:txBody>
      </p:sp>
      <p:sp>
        <p:nvSpPr>
          <p:cNvPr id="2" name="Title 1"/>
          <p:cNvSpPr>
            <a:spLocks noGrp="1"/>
          </p:cNvSpPr>
          <p:nvPr>
            <p:ph type="title"/>
          </p:nvPr>
        </p:nvSpPr>
        <p:spPr>
          <a:xfrm>
            <a:off x="1700784" y="356616"/>
            <a:ext cx="9468234" cy="868680"/>
          </a:xfrm>
        </p:spPr>
        <p:txBody>
          <a:bodyPr/>
          <a:lstStyle/>
          <a:p>
            <a:r>
              <a:rPr lang="en-US"/>
              <a:t>Rolling Wave Planning</a:t>
            </a:r>
            <a:endParaRPr lang="en-US" dirty="0"/>
          </a:p>
        </p:txBody>
      </p:sp>
      <p:sp>
        <p:nvSpPr>
          <p:cNvPr id="4" name="Text Placeholder 3"/>
          <p:cNvSpPr>
            <a:spLocks noGrp="1"/>
          </p:cNvSpPr>
          <p:nvPr>
            <p:ph type="body" sz="quarter" idx="10"/>
          </p:nvPr>
        </p:nvSpPr>
        <p:spPr>
          <a:xfrm>
            <a:off x="1700784" y="1245885"/>
            <a:ext cx="9468234" cy="273050"/>
          </a:xfrm>
        </p:spPr>
        <p:txBody>
          <a:bodyPr/>
          <a:lstStyle/>
          <a:p>
            <a:r>
              <a:rPr lang="en-US" dirty="0"/>
              <a:t>Choose a Method for Rolling Wave Planning</a:t>
            </a:r>
          </a:p>
          <a:p>
            <a:endParaRPr lang="en-US" dirty="0"/>
          </a:p>
        </p:txBody>
      </p:sp>
      <p:sp>
        <p:nvSpPr>
          <p:cNvPr id="3" name="Slide Number Placeholder 2">
            <a:extLst>
              <a:ext uri="{FF2B5EF4-FFF2-40B4-BE49-F238E27FC236}">
                <a16:creationId xmlns:a16="http://schemas.microsoft.com/office/drawing/2014/main" id="{60323AA6-CA25-7748-AD84-5DC2C19E86B2}"/>
              </a:ext>
            </a:extLst>
          </p:cNvPr>
          <p:cNvSpPr>
            <a:spLocks noGrp="1"/>
          </p:cNvSpPr>
          <p:nvPr>
            <p:ph type="sldNum" sz="quarter" idx="4"/>
          </p:nvPr>
        </p:nvSpPr>
        <p:spPr>
          <a:xfrm>
            <a:off x="94594" y="6345839"/>
            <a:ext cx="557048" cy="365125"/>
          </a:xfrm>
        </p:spPr>
        <p:txBody>
          <a:bodyPr/>
          <a:lstStyle/>
          <a:p>
            <a:fld id="{742ED878-647B-DB4D-84DF-0BCCAF9DD0BF}" type="slidenum">
              <a:rPr lang="en-US" smtClean="0"/>
              <a:pPr/>
              <a:t>44</a:t>
            </a:fld>
            <a:endParaRPr lang="en-US" dirty="0"/>
          </a:p>
        </p:txBody>
      </p:sp>
      <p:grpSp>
        <p:nvGrpSpPr>
          <p:cNvPr id="15" name="Group 14">
            <a:extLst>
              <a:ext uri="{FF2B5EF4-FFF2-40B4-BE49-F238E27FC236}">
                <a16:creationId xmlns:a16="http://schemas.microsoft.com/office/drawing/2014/main" id="{B8C3DCB6-4B8F-C94C-8E59-C85ADBCD6312}"/>
              </a:ext>
            </a:extLst>
          </p:cNvPr>
          <p:cNvGrpSpPr/>
          <p:nvPr/>
        </p:nvGrpSpPr>
        <p:grpSpPr>
          <a:xfrm>
            <a:off x="1707633" y="4236546"/>
            <a:ext cx="9708619" cy="2261258"/>
            <a:chOff x="2255432" y="4463213"/>
            <a:chExt cx="8097256" cy="1885951"/>
          </a:xfrm>
        </p:grpSpPr>
        <p:pic>
          <p:nvPicPr>
            <p:cNvPr id="5" name="Picture 4"/>
            <p:cNvPicPr>
              <a:picLocks noChangeAspect="1"/>
            </p:cNvPicPr>
            <p:nvPr/>
          </p:nvPicPr>
          <p:blipFill>
            <a:blip r:embed="rId2"/>
            <a:stretch>
              <a:fillRect/>
            </a:stretch>
          </p:blipFill>
          <p:spPr>
            <a:xfrm>
              <a:off x="6027464" y="4463213"/>
              <a:ext cx="3761796" cy="1885951"/>
            </a:xfrm>
            <a:prstGeom prst="rect">
              <a:avLst/>
            </a:prstGeom>
          </p:spPr>
        </p:pic>
        <p:pic>
          <p:nvPicPr>
            <p:cNvPr id="6" name="Picture 5"/>
            <p:cNvPicPr>
              <a:picLocks noChangeAspect="1"/>
            </p:cNvPicPr>
            <p:nvPr/>
          </p:nvPicPr>
          <p:blipFill>
            <a:blip r:embed="rId3"/>
            <a:stretch>
              <a:fillRect/>
            </a:stretch>
          </p:blipFill>
          <p:spPr>
            <a:xfrm>
              <a:off x="2255432" y="4463213"/>
              <a:ext cx="3781569" cy="1885951"/>
            </a:xfrm>
            <a:prstGeom prst="rect">
              <a:avLst/>
            </a:prstGeom>
          </p:spPr>
        </p:pic>
        <p:grpSp>
          <p:nvGrpSpPr>
            <p:cNvPr id="7" name="Group 6"/>
            <p:cNvGrpSpPr/>
            <p:nvPr/>
          </p:nvGrpSpPr>
          <p:grpSpPr>
            <a:xfrm>
              <a:off x="9542036" y="4967605"/>
              <a:ext cx="810652" cy="438582"/>
              <a:chOff x="8153165" y="4419264"/>
              <a:chExt cx="892586" cy="584775"/>
            </a:xfrm>
          </p:grpSpPr>
          <p:sp>
            <p:nvSpPr>
              <p:cNvPr id="8" name="Left Arrow 7"/>
              <p:cNvSpPr/>
              <p:nvPr/>
            </p:nvSpPr>
            <p:spPr bwMode="auto">
              <a:xfrm>
                <a:off x="8153165" y="4488967"/>
                <a:ext cx="304483" cy="484633"/>
              </a:xfrm>
              <a:prstGeom prst="leftArrow">
                <a:avLst/>
              </a:prstGeom>
              <a:solidFill>
                <a:srgbClr val="4ABD92"/>
              </a:solidFill>
              <a:ln w="9525" cap="flat" cmpd="sng" algn="ctr">
                <a:solidFill>
                  <a:schemeClr val="tx1"/>
                </a:solidFill>
                <a:prstDash val="solid"/>
                <a:round/>
                <a:headEnd type="none" w="med" len="med"/>
                <a:tailEnd type="none" w="med" len="med"/>
              </a:ln>
              <a:effectLst/>
              <a:extLs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68580" tIns="34290" rIns="68580" bIns="34290" numCol="1" rtlCol="0" anchor="t" anchorCtr="0" compatLnSpc="1">
                <a:prstTxWarp prst="textNoShape">
                  <a:avLst/>
                </a:prstTxWarp>
              </a:bodyPr>
              <a:lstStyle/>
              <a:p>
                <a:pPr eaLnBrk="0" fontAlgn="base" hangingPunct="0">
                  <a:spcBef>
                    <a:spcPct val="0"/>
                  </a:spcBef>
                  <a:spcAft>
                    <a:spcPct val="0"/>
                  </a:spcAft>
                </a:pPr>
                <a:endParaRPr lang="en-US">
                  <a:ea typeface="ＭＳ Ｐゴシック" panose="020B0600070205080204" pitchFamily="34" charset="-128"/>
                </a:endParaRPr>
              </a:p>
            </p:txBody>
          </p:sp>
          <p:sp>
            <p:nvSpPr>
              <p:cNvPr id="10" name="TextBox 9"/>
              <p:cNvSpPr txBox="1"/>
              <p:nvPr/>
            </p:nvSpPr>
            <p:spPr>
              <a:xfrm>
                <a:off x="8404695" y="4419264"/>
                <a:ext cx="641056" cy="584775"/>
              </a:xfrm>
              <a:prstGeom prst="rect">
                <a:avLst/>
              </a:prstGeom>
              <a:noFill/>
            </p:spPr>
            <p:txBody>
              <a:bodyPr wrap="none" rtlCol="0">
                <a:spAutoFit/>
              </a:bodyPr>
              <a:lstStyle/>
              <a:p>
                <a:r>
                  <a:rPr lang="en-US" sz="750" dirty="0"/>
                  <a:t>High</a:t>
                </a:r>
              </a:p>
              <a:p>
                <a:r>
                  <a:rPr lang="en-US" sz="750" dirty="0"/>
                  <a:t>Backlog</a:t>
                </a:r>
              </a:p>
              <a:p>
                <a:r>
                  <a:rPr lang="en-US" sz="750" dirty="0"/>
                  <a:t>Variability</a:t>
                </a:r>
              </a:p>
            </p:txBody>
          </p:sp>
        </p:grpSp>
      </p:grpSp>
    </p:spTree>
    <p:extLst>
      <p:ext uri="{BB962C8B-B14F-4D97-AF65-F5344CB8AC3E}">
        <p14:creationId xmlns:p14="http://schemas.microsoft.com/office/powerpoint/2010/main" val="20449929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8" name="Content Placeholder 7">
            <a:extLst>
              <a:ext uri="{FF2B5EF4-FFF2-40B4-BE49-F238E27FC236}">
                <a16:creationId xmlns:a16="http://schemas.microsoft.com/office/drawing/2014/main" id="{4880F1EC-C78D-4348-BA09-569D382536F8}"/>
              </a:ext>
            </a:extLst>
          </p:cNvPr>
          <p:cNvSpPr>
            <a:spLocks noGrp="1"/>
          </p:cNvSpPr>
          <p:nvPr>
            <p:ph idx="1"/>
          </p:nvPr>
        </p:nvSpPr>
        <p:spPr>
          <a:xfrm>
            <a:off x="1703349" y="2237654"/>
            <a:ext cx="7802158" cy="1692126"/>
          </a:xfrm>
        </p:spPr>
        <p:txBody>
          <a:bodyPr/>
          <a:lstStyle/>
          <a:p>
            <a:pPr>
              <a:spcBef>
                <a:spcPts val="0"/>
              </a:spcBef>
              <a:spcAft>
                <a:spcPts val="200"/>
              </a:spcAft>
            </a:pPr>
            <a:r>
              <a:rPr lang="en-US" sz="1400" b="1" dirty="0"/>
              <a:t>Continuous Flow</a:t>
            </a:r>
          </a:p>
          <a:p>
            <a:pPr marL="285750" indent="-285750">
              <a:spcBef>
                <a:spcPts val="0"/>
              </a:spcBef>
              <a:spcAft>
                <a:spcPts val="200"/>
              </a:spcAft>
              <a:buFont typeface="Arial" panose="020B0604020202020204" pitchFamily="34" charset="0"/>
              <a:buChar char="•"/>
            </a:pPr>
            <a:r>
              <a:rPr lang="en-US" sz="1400" dirty="0"/>
              <a:t>Progressive Elaboration of Epics to Features to Stories to Tasks</a:t>
            </a:r>
          </a:p>
          <a:p>
            <a:pPr marL="285750" indent="-285750">
              <a:spcBef>
                <a:spcPts val="0"/>
              </a:spcBef>
              <a:spcAft>
                <a:spcPts val="200"/>
              </a:spcAft>
              <a:buFont typeface="Arial" panose="020B0604020202020204" pitchFamily="34" charset="0"/>
              <a:buChar char="•"/>
            </a:pPr>
            <a:r>
              <a:rPr lang="en-US" sz="1400" dirty="0"/>
              <a:t>Recurring scheduled Agile ceremonies for Progressive Elaboration</a:t>
            </a:r>
          </a:p>
          <a:p>
            <a:pPr marL="757555" lvl="1" indent="-285750">
              <a:spcBef>
                <a:spcPts val="0"/>
              </a:spcBef>
              <a:spcAft>
                <a:spcPts val="200"/>
              </a:spcAft>
              <a:buFont typeface="Arial" panose="020B0604020202020204" pitchFamily="34" charset="0"/>
              <a:buChar char="•"/>
            </a:pPr>
            <a:r>
              <a:rPr lang="en-US" sz="1400" dirty="0"/>
              <a:t>Product Teams decompose Epics in Feature and Story Mapping sessions</a:t>
            </a:r>
          </a:p>
          <a:p>
            <a:pPr marL="757555" lvl="1" indent="-285750">
              <a:spcBef>
                <a:spcPts val="0"/>
              </a:spcBef>
              <a:spcAft>
                <a:spcPts val="200"/>
              </a:spcAft>
              <a:buFont typeface="Arial" panose="020B0604020202020204" pitchFamily="34" charset="0"/>
              <a:buChar char="•"/>
            </a:pPr>
            <a:r>
              <a:rPr lang="en-US" sz="1400" dirty="0"/>
              <a:t>Product and/or Scrum teams Groom Stories and define Story Tasks </a:t>
            </a:r>
          </a:p>
          <a:p>
            <a:pPr marL="225425" indent="-285750">
              <a:spcBef>
                <a:spcPts val="0"/>
              </a:spcBef>
              <a:spcAft>
                <a:spcPts val="200"/>
              </a:spcAft>
              <a:buFont typeface="Arial" panose="020B0604020202020204" pitchFamily="34" charset="0"/>
              <a:buChar char="•"/>
            </a:pPr>
            <a:r>
              <a:rPr lang="en-US" sz="1400" dirty="0"/>
              <a:t>For each Epic define the Risks, Dependencies and Estimates</a:t>
            </a:r>
          </a:p>
          <a:p>
            <a:pPr marL="225425" indent="-285750">
              <a:spcBef>
                <a:spcPts val="0"/>
              </a:spcBef>
              <a:spcAft>
                <a:spcPts val="200"/>
              </a:spcAft>
              <a:buFont typeface="Arial" panose="020B0604020202020204" pitchFamily="34" charset="0"/>
              <a:buChar char="•"/>
            </a:pPr>
            <a:r>
              <a:rPr lang="en-US" sz="1400" dirty="0"/>
              <a:t>Epics, Features, Stories are sequenced and appended to the plan Continuously</a:t>
            </a:r>
          </a:p>
          <a:p>
            <a:endParaRPr lang="en-US" dirty="0"/>
          </a:p>
        </p:txBody>
      </p:sp>
      <p:sp>
        <p:nvSpPr>
          <p:cNvPr id="2" name="Title 1"/>
          <p:cNvSpPr>
            <a:spLocks noGrp="1"/>
          </p:cNvSpPr>
          <p:nvPr>
            <p:ph type="title"/>
          </p:nvPr>
        </p:nvSpPr>
        <p:spPr>
          <a:xfrm>
            <a:off x="1700784" y="356616"/>
            <a:ext cx="9468234" cy="868680"/>
          </a:xfrm>
        </p:spPr>
        <p:txBody>
          <a:bodyPr/>
          <a:lstStyle/>
          <a:p>
            <a:r>
              <a:rPr lang="en-US" dirty="0"/>
              <a:t>Rolling Wave Planning</a:t>
            </a:r>
          </a:p>
        </p:txBody>
      </p:sp>
      <p:sp>
        <p:nvSpPr>
          <p:cNvPr id="10" name="Text Placeholder 9"/>
          <p:cNvSpPr>
            <a:spLocks noGrp="1"/>
          </p:cNvSpPr>
          <p:nvPr>
            <p:ph type="body" sz="quarter" idx="10"/>
          </p:nvPr>
        </p:nvSpPr>
        <p:spPr>
          <a:xfrm>
            <a:off x="1700784" y="1245885"/>
            <a:ext cx="9468234" cy="273050"/>
          </a:xfrm>
        </p:spPr>
        <p:txBody>
          <a:bodyPr/>
          <a:lstStyle/>
          <a:p>
            <a:r>
              <a:rPr lang="en-US" dirty="0"/>
              <a:t>Choose a Method for Rolling Wave Planning</a:t>
            </a:r>
          </a:p>
          <a:p>
            <a:endParaRPr lang="en-US" dirty="0"/>
          </a:p>
        </p:txBody>
      </p:sp>
      <p:sp>
        <p:nvSpPr>
          <p:cNvPr id="3" name="Slide Number Placeholder 2">
            <a:extLst>
              <a:ext uri="{FF2B5EF4-FFF2-40B4-BE49-F238E27FC236}">
                <a16:creationId xmlns:a16="http://schemas.microsoft.com/office/drawing/2014/main" id="{4BBF9452-3E6D-E248-BDA8-E5565862FCEE}"/>
              </a:ext>
            </a:extLst>
          </p:cNvPr>
          <p:cNvSpPr>
            <a:spLocks noGrp="1"/>
          </p:cNvSpPr>
          <p:nvPr>
            <p:ph type="sldNum" sz="quarter" idx="4"/>
          </p:nvPr>
        </p:nvSpPr>
        <p:spPr>
          <a:xfrm>
            <a:off x="94594" y="6345839"/>
            <a:ext cx="557048" cy="365125"/>
          </a:xfrm>
        </p:spPr>
        <p:txBody>
          <a:bodyPr/>
          <a:lstStyle/>
          <a:p>
            <a:fld id="{742ED878-647B-DB4D-84DF-0BCCAF9DD0BF}" type="slidenum">
              <a:rPr lang="en-US" smtClean="0"/>
              <a:pPr/>
              <a:t>45</a:t>
            </a:fld>
            <a:endParaRPr lang="en-US" dirty="0"/>
          </a:p>
        </p:txBody>
      </p:sp>
      <p:pic>
        <p:nvPicPr>
          <p:cNvPr id="4" name="Picture 3"/>
          <p:cNvPicPr>
            <a:picLocks noChangeAspect="1"/>
          </p:cNvPicPr>
          <p:nvPr/>
        </p:nvPicPr>
        <p:blipFill>
          <a:blip r:embed="rId2"/>
          <a:stretch>
            <a:fillRect/>
          </a:stretch>
        </p:blipFill>
        <p:spPr>
          <a:xfrm>
            <a:off x="1700213" y="4191277"/>
            <a:ext cx="5055472" cy="2519086"/>
          </a:xfrm>
          <a:prstGeom prst="rect">
            <a:avLst/>
          </a:prstGeom>
        </p:spPr>
      </p:pic>
      <p:grpSp>
        <p:nvGrpSpPr>
          <p:cNvPr id="17" name="Group 16"/>
          <p:cNvGrpSpPr/>
          <p:nvPr/>
        </p:nvGrpSpPr>
        <p:grpSpPr>
          <a:xfrm>
            <a:off x="6577977" y="5012238"/>
            <a:ext cx="713533" cy="438582"/>
            <a:chOff x="8229600" y="4419264"/>
            <a:chExt cx="951376" cy="584775"/>
          </a:xfrm>
        </p:grpSpPr>
        <p:sp>
          <p:nvSpPr>
            <p:cNvPr id="15" name="Left Arrow 14"/>
            <p:cNvSpPr/>
            <p:nvPr/>
          </p:nvSpPr>
          <p:spPr bwMode="auto">
            <a:xfrm>
              <a:off x="8229600" y="4488966"/>
              <a:ext cx="228047" cy="484632"/>
            </a:xfrm>
            <a:prstGeom prst="leftArrow">
              <a:avLst/>
            </a:prstGeom>
            <a:solidFill>
              <a:srgbClr val="4ABD92"/>
            </a:solidFill>
            <a:ln w="9525" cap="flat" cmpd="sng" algn="ctr">
              <a:solidFill>
                <a:schemeClr val="tx1"/>
              </a:solidFill>
              <a:prstDash val="solid"/>
              <a:round/>
              <a:headEnd type="none" w="med" len="med"/>
              <a:tailEnd type="none" w="med" len="med"/>
            </a:ln>
            <a:effectLst/>
            <a:extLs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68580" tIns="34290" rIns="68580" bIns="34290" numCol="1" rtlCol="0" anchor="t" anchorCtr="0" compatLnSpc="1">
              <a:prstTxWarp prst="textNoShape">
                <a:avLst/>
              </a:prstTxWarp>
            </a:bodyPr>
            <a:lstStyle/>
            <a:p>
              <a:pPr eaLnBrk="0" fontAlgn="base" hangingPunct="0">
                <a:spcBef>
                  <a:spcPct val="0"/>
                </a:spcBef>
                <a:spcAft>
                  <a:spcPct val="0"/>
                </a:spcAft>
              </a:pPr>
              <a:endParaRPr lang="en-US">
                <a:latin typeface="Arial" panose="020B0604020202020204" pitchFamily="34" charset="0"/>
                <a:ea typeface="ＭＳ Ｐゴシック" panose="020B0600070205080204" pitchFamily="34" charset="-128"/>
              </a:endParaRPr>
            </a:p>
          </p:txBody>
        </p:sp>
        <p:sp>
          <p:nvSpPr>
            <p:cNvPr id="16" name="TextBox 15"/>
            <p:cNvSpPr txBox="1"/>
            <p:nvPr/>
          </p:nvSpPr>
          <p:spPr>
            <a:xfrm>
              <a:off x="8404695" y="4419264"/>
              <a:ext cx="776281" cy="584775"/>
            </a:xfrm>
            <a:prstGeom prst="rect">
              <a:avLst/>
            </a:prstGeom>
            <a:noFill/>
          </p:spPr>
          <p:txBody>
            <a:bodyPr wrap="none" rtlCol="0">
              <a:spAutoFit/>
            </a:bodyPr>
            <a:lstStyle/>
            <a:p>
              <a:r>
                <a:rPr lang="en-US" sz="750" dirty="0"/>
                <a:t>Low </a:t>
              </a:r>
            </a:p>
            <a:p>
              <a:r>
                <a:rPr lang="en-US" sz="750" dirty="0"/>
                <a:t>Backlog</a:t>
              </a:r>
            </a:p>
            <a:p>
              <a:r>
                <a:rPr lang="en-US" sz="750" dirty="0"/>
                <a:t>Variability</a:t>
              </a:r>
            </a:p>
          </p:txBody>
        </p:sp>
      </p:grpSp>
    </p:spTree>
    <p:extLst>
      <p:ext uri="{BB962C8B-B14F-4D97-AF65-F5344CB8AC3E}">
        <p14:creationId xmlns:p14="http://schemas.microsoft.com/office/powerpoint/2010/main" val="6292643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pPr algn="ctr"/>
            <a:r>
              <a:rPr lang="en-US" dirty="0"/>
              <a:t>Build the Plan</a:t>
            </a:r>
          </a:p>
        </p:txBody>
      </p:sp>
    </p:spTree>
    <p:extLst>
      <p:ext uri="{BB962C8B-B14F-4D97-AF65-F5344CB8AC3E}">
        <p14:creationId xmlns:p14="http://schemas.microsoft.com/office/powerpoint/2010/main" val="13915485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Build the Plan</a:t>
            </a:r>
            <a:endParaRPr lang="en-US" dirty="0"/>
          </a:p>
        </p:txBody>
      </p:sp>
      <p:sp>
        <p:nvSpPr>
          <p:cNvPr id="3" name="Text Placeholder 2"/>
          <p:cNvSpPr>
            <a:spLocks noGrp="1"/>
          </p:cNvSpPr>
          <p:nvPr>
            <p:ph type="body" sz="quarter" idx="10"/>
          </p:nvPr>
        </p:nvSpPr>
        <p:spPr/>
        <p:txBody>
          <a:bodyPr/>
          <a:lstStyle/>
          <a:p>
            <a:r>
              <a:rPr lang="en-US"/>
              <a:t>Make Ready for Portfolio Planning</a:t>
            </a:r>
            <a:endParaRPr lang="en-US" dirty="0"/>
          </a:p>
        </p:txBody>
      </p:sp>
      <p:sp>
        <p:nvSpPr>
          <p:cNvPr id="4" name="Text Placeholder 2"/>
          <p:cNvSpPr txBox="1">
            <a:spLocks/>
          </p:cNvSpPr>
          <p:nvPr/>
        </p:nvSpPr>
        <p:spPr bwMode="auto">
          <a:xfrm>
            <a:off x="1700784" y="2845409"/>
            <a:ext cx="4185141" cy="4114800"/>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marL="342900" indent="-342900" algn="l" rtl="0" eaLnBrk="0" fontAlgn="base" hangingPunct="0">
              <a:spcBef>
                <a:spcPct val="20000"/>
              </a:spcBef>
              <a:spcAft>
                <a:spcPct val="0"/>
              </a:spcAft>
              <a:buChar char="•"/>
              <a:defRPr sz="3200" kern="1200">
                <a:solidFill>
                  <a:srgbClr val="404040"/>
                </a:solidFill>
                <a:latin typeface="Aleo"/>
                <a:ea typeface="+mn-ea"/>
                <a:cs typeface="Aleo"/>
              </a:defRPr>
            </a:lvl1pPr>
            <a:lvl2pPr marL="742950" indent="-285750" algn="l" rtl="0" eaLnBrk="0" fontAlgn="base" hangingPunct="0">
              <a:spcBef>
                <a:spcPct val="20000"/>
              </a:spcBef>
              <a:spcAft>
                <a:spcPct val="0"/>
              </a:spcAft>
              <a:buChar char="–"/>
              <a:defRPr sz="2800" kern="1200">
                <a:solidFill>
                  <a:srgbClr val="404040"/>
                </a:solidFill>
                <a:latin typeface="Aleo"/>
                <a:ea typeface="+mn-ea"/>
                <a:cs typeface="Aleo"/>
              </a:defRPr>
            </a:lvl2pPr>
            <a:lvl3pPr marL="1143000" indent="-228600" algn="l" rtl="0" eaLnBrk="0" fontAlgn="base" hangingPunct="0">
              <a:spcBef>
                <a:spcPct val="20000"/>
              </a:spcBef>
              <a:spcAft>
                <a:spcPct val="0"/>
              </a:spcAft>
              <a:buChar char="•"/>
              <a:defRPr sz="2400" kern="1200">
                <a:solidFill>
                  <a:srgbClr val="404040"/>
                </a:solidFill>
                <a:latin typeface="Aleo"/>
                <a:ea typeface="+mn-ea"/>
                <a:cs typeface="Aleo"/>
              </a:defRPr>
            </a:lvl3pPr>
            <a:lvl4pPr marL="1600200" indent="-228600" algn="l" rtl="0" eaLnBrk="0" fontAlgn="base" hangingPunct="0">
              <a:spcBef>
                <a:spcPct val="20000"/>
              </a:spcBef>
              <a:spcAft>
                <a:spcPct val="0"/>
              </a:spcAft>
              <a:buChar char="–"/>
              <a:defRPr sz="2000" kern="1200">
                <a:solidFill>
                  <a:srgbClr val="404040"/>
                </a:solidFill>
                <a:latin typeface="Aleo"/>
                <a:ea typeface="+mn-ea"/>
                <a:cs typeface="Aleo"/>
              </a:defRPr>
            </a:lvl4pPr>
            <a:lvl5pPr marL="2057400" indent="-228600" algn="l" rtl="0" eaLnBrk="0" fontAlgn="base" hangingPunct="0">
              <a:spcBef>
                <a:spcPct val="20000"/>
              </a:spcBef>
              <a:spcAft>
                <a:spcPct val="0"/>
              </a:spcAft>
              <a:buChar char="»"/>
              <a:defRPr sz="2000" kern="1200">
                <a:solidFill>
                  <a:srgbClr val="404040"/>
                </a:solidFill>
                <a:latin typeface="Aleo"/>
                <a:ea typeface="+mn-ea"/>
                <a:cs typeface="Aleo"/>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384"/>
              </a:spcBef>
              <a:spcAft>
                <a:spcPts val="1200"/>
              </a:spcAft>
              <a:buClr>
                <a:schemeClr val="accent4">
                  <a:lumMod val="60000"/>
                  <a:lumOff val="40000"/>
                </a:schemeClr>
              </a:buClr>
              <a:buNone/>
            </a:pPr>
            <a:r>
              <a:rPr lang="en-US" sz="1400" b="1" dirty="0">
                <a:solidFill>
                  <a:schemeClr val="accent4">
                    <a:lumMod val="50000"/>
                  </a:schemeClr>
                </a:solidFill>
                <a:latin typeface="+mn-lt"/>
                <a:ea typeface="Aleo" charset="0"/>
                <a:cs typeface="Aleo" charset="0"/>
              </a:rPr>
              <a:t>Epic to Feature</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Epic Canvas decomposition to Epic(s)</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Epic Brief for Epic definition and Feature naming</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Epic Brief with named Features </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Epic estimation (Team Sprint Cost)</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Build backlog of Epics at Portfolio horizon</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Plan to a defined ratio of known, predictable team Story Point Velocity attainment</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Adjust commensurate to confidence in Feature estimates (Plan to 80% Velocity)</a:t>
            </a:r>
          </a:p>
        </p:txBody>
      </p:sp>
      <p:graphicFrame>
        <p:nvGraphicFramePr>
          <p:cNvPr id="7" name="Diagram 6"/>
          <p:cNvGraphicFramePr/>
          <p:nvPr>
            <p:extLst>
              <p:ext uri="{D42A27DB-BD31-4B8C-83A1-F6EECF244321}">
                <p14:modId xmlns:p14="http://schemas.microsoft.com/office/powerpoint/2010/main" val="1098788904"/>
              </p:ext>
            </p:extLst>
          </p:nvPr>
        </p:nvGraphicFramePr>
        <p:xfrm>
          <a:off x="1700784" y="2286000"/>
          <a:ext cx="8171145" cy="52120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graphicFrame>
        <p:nvGraphicFramePr>
          <p:cNvPr id="38" name="Diagram 37"/>
          <p:cNvGraphicFramePr/>
          <p:nvPr>
            <p:extLst>
              <p:ext uri="{D42A27DB-BD31-4B8C-83A1-F6EECF244321}">
                <p14:modId xmlns:p14="http://schemas.microsoft.com/office/powerpoint/2010/main" val="1576878072"/>
              </p:ext>
            </p:extLst>
          </p:nvPr>
        </p:nvGraphicFramePr>
        <p:xfrm>
          <a:off x="1700784" y="2093477"/>
          <a:ext cx="8171145" cy="250521"/>
        </p:xfrm>
        <a:graphic>
          <a:graphicData uri="http://schemas.openxmlformats.org/drawingml/2006/diagram">
            <dgm:relIds xmlns:dgm="http://schemas.openxmlformats.org/drawingml/2006/diagram" xmlns:r="http://schemas.openxmlformats.org/officeDocument/2006/relationships" r:dm="rId7" r:lo="rId8" r:qs="rId9" r:cs="rId10"/>
          </a:graphicData>
        </a:graphic>
      </p:graphicFrame>
      <p:grpSp>
        <p:nvGrpSpPr>
          <p:cNvPr id="5" name="Group 4">
            <a:extLst>
              <a:ext uri="{FF2B5EF4-FFF2-40B4-BE49-F238E27FC236}">
                <a16:creationId xmlns:a16="http://schemas.microsoft.com/office/drawing/2014/main" id="{D58CA4C8-B631-4B15-8A93-EDFF373EBA0A}"/>
              </a:ext>
            </a:extLst>
          </p:cNvPr>
          <p:cNvGrpSpPr/>
          <p:nvPr/>
        </p:nvGrpSpPr>
        <p:grpSpPr>
          <a:xfrm>
            <a:off x="6480738" y="3297301"/>
            <a:ext cx="3583381" cy="2912206"/>
            <a:chOff x="5008388" y="3817432"/>
            <a:chExt cx="2709584" cy="2202073"/>
          </a:xfrm>
        </p:grpSpPr>
        <p:grpSp>
          <p:nvGrpSpPr>
            <p:cNvPr id="26" name="Group 25">
              <a:extLst>
                <a:ext uri="{FF2B5EF4-FFF2-40B4-BE49-F238E27FC236}">
                  <a16:creationId xmlns:a16="http://schemas.microsoft.com/office/drawing/2014/main" id="{76260893-AE0D-4D78-8164-6E464D1ABD4B}"/>
                </a:ext>
              </a:extLst>
            </p:cNvPr>
            <p:cNvGrpSpPr/>
            <p:nvPr/>
          </p:nvGrpSpPr>
          <p:grpSpPr>
            <a:xfrm>
              <a:off x="5008388" y="3817432"/>
              <a:ext cx="2709584" cy="2202073"/>
              <a:chOff x="4921622" y="2590800"/>
              <a:chExt cx="3612779" cy="2936097"/>
            </a:xfrm>
          </p:grpSpPr>
          <p:sp>
            <p:nvSpPr>
              <p:cNvPr id="28" name="Rounded Rectangle 39">
                <a:extLst>
                  <a:ext uri="{FF2B5EF4-FFF2-40B4-BE49-F238E27FC236}">
                    <a16:creationId xmlns:a16="http://schemas.microsoft.com/office/drawing/2014/main" id="{1CFF56F7-38C3-4EAD-A43A-A518F2C1A19E}"/>
                  </a:ext>
                </a:extLst>
              </p:cNvPr>
              <p:cNvSpPr/>
              <p:nvPr/>
            </p:nvSpPr>
            <p:spPr>
              <a:xfrm>
                <a:off x="4921622" y="2590800"/>
                <a:ext cx="3612777" cy="722500"/>
              </a:xfrm>
              <a:prstGeom prst="roundRect">
                <a:avLst/>
              </a:prstGeom>
              <a:solidFill>
                <a:srgbClr val="A4A9AD">
                  <a:lumMod val="20000"/>
                  <a:lumOff val="80000"/>
                </a:srgbClr>
              </a:solidFill>
              <a:ln w="9525" cap="flat" cmpd="sng" algn="ctr">
                <a:noFill/>
                <a:prstDash val="solid"/>
              </a:ln>
              <a:effectLst>
                <a:outerShdw blurRad="40000" dist="23000" dir="5400000" rotWithShape="0">
                  <a:srgbClr val="000000">
                    <a:alpha val="35000"/>
                  </a:srgbClr>
                </a:outerShdw>
              </a:effectLst>
            </p:spPr>
            <p:txBody>
              <a:bodyPr rtlCol="0" anchor="ctr"/>
              <a:lstStyle/>
              <a:p>
                <a:pPr algn="ctr" defTabSz="514350"/>
                <a:endParaRPr lang="en-US" sz="1200" kern="0">
                  <a:solidFill>
                    <a:prstClr val="white"/>
                  </a:solidFill>
                  <a:ea typeface="ヒラギノ角ゴ Pro W3"/>
                  <a:cs typeface="ヒラギノ角ゴ Pro W3"/>
                </a:endParaRPr>
              </a:p>
            </p:txBody>
          </p:sp>
          <p:sp>
            <p:nvSpPr>
              <p:cNvPr id="31" name="Rounded Rectangle 40">
                <a:extLst>
                  <a:ext uri="{FF2B5EF4-FFF2-40B4-BE49-F238E27FC236}">
                    <a16:creationId xmlns:a16="http://schemas.microsoft.com/office/drawing/2014/main" id="{B94F5283-70E0-46A1-9A76-8DC621766C39}"/>
                  </a:ext>
                </a:extLst>
              </p:cNvPr>
              <p:cNvSpPr/>
              <p:nvPr/>
            </p:nvSpPr>
            <p:spPr>
              <a:xfrm>
                <a:off x="4921624" y="4668334"/>
                <a:ext cx="3612777" cy="722500"/>
              </a:xfrm>
              <a:prstGeom prst="roundRect">
                <a:avLst/>
              </a:prstGeom>
              <a:solidFill>
                <a:schemeClr val="bg1">
                  <a:lumMod val="95000"/>
                </a:schemeClr>
              </a:solidFill>
              <a:ln w="9525" cap="flat" cmpd="sng" algn="ctr">
                <a:noFill/>
                <a:prstDash val="solid"/>
              </a:ln>
              <a:effectLst>
                <a:outerShdw blurRad="40000" dist="23000" dir="5400000" rotWithShape="0">
                  <a:srgbClr val="000000">
                    <a:alpha val="35000"/>
                  </a:srgbClr>
                </a:outerShdw>
              </a:effectLst>
            </p:spPr>
            <p:txBody>
              <a:bodyPr rtlCol="0" anchor="ctr"/>
              <a:lstStyle/>
              <a:p>
                <a:pPr algn="ctr" defTabSz="514350"/>
                <a:endParaRPr lang="en-US" sz="1200" kern="0">
                  <a:solidFill>
                    <a:prstClr val="white"/>
                  </a:solidFill>
                </a:endParaRPr>
              </a:p>
            </p:txBody>
          </p:sp>
          <p:sp>
            <p:nvSpPr>
              <p:cNvPr id="34" name="Rounded Rectangle 41">
                <a:extLst>
                  <a:ext uri="{FF2B5EF4-FFF2-40B4-BE49-F238E27FC236}">
                    <a16:creationId xmlns:a16="http://schemas.microsoft.com/office/drawing/2014/main" id="{2ED407EE-FF5D-4102-B789-9C732CA1A943}"/>
                  </a:ext>
                </a:extLst>
              </p:cNvPr>
              <p:cNvSpPr/>
              <p:nvPr/>
            </p:nvSpPr>
            <p:spPr>
              <a:xfrm>
                <a:off x="4921624" y="3694881"/>
                <a:ext cx="3612777" cy="722500"/>
              </a:xfrm>
              <a:prstGeom prst="roundRect">
                <a:avLst/>
              </a:prstGeom>
              <a:solidFill>
                <a:srgbClr val="A4A9AD">
                  <a:lumMod val="20000"/>
                  <a:lumOff val="80000"/>
                </a:srgbClr>
              </a:solidFill>
              <a:ln w="9525" cap="flat" cmpd="sng" algn="ctr">
                <a:noFill/>
                <a:prstDash val="solid"/>
              </a:ln>
              <a:effectLst>
                <a:outerShdw blurRad="40000" dist="23000" dir="5400000" rotWithShape="0">
                  <a:srgbClr val="000000">
                    <a:alpha val="35000"/>
                  </a:srgbClr>
                </a:outerShdw>
              </a:effectLst>
            </p:spPr>
            <p:txBody>
              <a:bodyPr rtlCol="0" anchor="ctr"/>
              <a:lstStyle/>
              <a:p>
                <a:pPr algn="ctr" defTabSz="514350"/>
                <a:endParaRPr lang="en-US" sz="1200" kern="0">
                  <a:solidFill>
                    <a:prstClr val="white"/>
                  </a:solidFill>
                  <a:ea typeface="ヒラギノ角ゴ Pro W3"/>
                  <a:cs typeface="ヒラギノ角ゴ Pro W3"/>
                </a:endParaRPr>
              </a:p>
            </p:txBody>
          </p:sp>
          <p:sp>
            <p:nvSpPr>
              <p:cNvPr id="35" name="Rectangle 8">
                <a:extLst>
                  <a:ext uri="{FF2B5EF4-FFF2-40B4-BE49-F238E27FC236}">
                    <a16:creationId xmlns:a16="http://schemas.microsoft.com/office/drawing/2014/main" id="{916F1D56-5903-428E-B607-21970F4ECC84}"/>
                  </a:ext>
                </a:extLst>
              </p:cNvPr>
              <p:cNvSpPr>
                <a:spLocks noChangeArrowheads="1"/>
              </p:cNvSpPr>
              <p:nvPr/>
            </p:nvSpPr>
            <p:spPr bwMode="gray">
              <a:xfrm rot="16200000">
                <a:off x="5499447" y="4942067"/>
                <a:ext cx="939404" cy="230256"/>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0" rIns="0" anchor="ctr"/>
              <a:lstStyle/>
              <a:p>
                <a:pPr algn="ctr" defTabSz="514350">
                  <a:defRPr/>
                </a:pPr>
                <a:r>
                  <a:rPr lang="de-DE" sz="1100" dirty="0">
                    <a:ea typeface="ＭＳ Ｐゴシック" pitchFamily="-112" charset="-128"/>
                  </a:rPr>
                  <a:t>Story</a:t>
                </a:r>
              </a:p>
            </p:txBody>
          </p:sp>
          <p:sp>
            <p:nvSpPr>
              <p:cNvPr id="36" name="Rectangle 35">
                <a:extLst>
                  <a:ext uri="{FF2B5EF4-FFF2-40B4-BE49-F238E27FC236}">
                    <a16:creationId xmlns:a16="http://schemas.microsoft.com/office/drawing/2014/main" id="{874672BF-6781-420E-BC5C-9EC6F3EA74AA}"/>
                  </a:ext>
                </a:extLst>
              </p:cNvPr>
              <p:cNvSpPr>
                <a:spLocks noChangeArrowheads="1"/>
              </p:cNvSpPr>
              <p:nvPr/>
            </p:nvSpPr>
            <p:spPr bwMode="gray">
              <a:xfrm rot="16200000">
                <a:off x="5616255" y="3950508"/>
                <a:ext cx="705788" cy="212093"/>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0" rIns="0" anchor="ctr"/>
              <a:lstStyle/>
              <a:p>
                <a:pPr algn="ctr" defTabSz="514350">
                  <a:defRPr/>
                </a:pPr>
                <a:r>
                  <a:rPr lang="de-DE" sz="1100" dirty="0">
                    <a:ea typeface="ＭＳ Ｐゴシック" pitchFamily="-112" charset="-128"/>
                  </a:rPr>
                  <a:t>Epic</a:t>
                </a:r>
              </a:p>
            </p:txBody>
          </p:sp>
          <p:sp>
            <p:nvSpPr>
              <p:cNvPr id="37" name="TextBox 36">
                <a:extLst>
                  <a:ext uri="{FF2B5EF4-FFF2-40B4-BE49-F238E27FC236}">
                    <a16:creationId xmlns:a16="http://schemas.microsoft.com/office/drawing/2014/main" id="{B8F87C7F-D06F-46EE-A717-374483B51CB2}"/>
                  </a:ext>
                </a:extLst>
              </p:cNvPr>
              <p:cNvSpPr txBox="1"/>
              <p:nvPr/>
            </p:nvSpPr>
            <p:spPr>
              <a:xfrm>
                <a:off x="4972745" y="3842031"/>
                <a:ext cx="679819" cy="651633"/>
              </a:xfrm>
              <a:prstGeom prst="rect">
                <a:avLst/>
              </a:prstGeom>
              <a:noFill/>
            </p:spPr>
            <p:txBody>
              <a:bodyPr wrap="none" rtlCol="0">
                <a:spAutoFit/>
              </a:bodyPr>
              <a:lstStyle/>
              <a:p>
                <a:r>
                  <a:rPr lang="en-US" sz="1200" dirty="0"/>
                  <a:t>Product</a:t>
                </a:r>
              </a:p>
              <a:p>
                <a:r>
                  <a:rPr lang="en-US" sz="1200" dirty="0"/>
                  <a:t>Owner </a:t>
                </a:r>
              </a:p>
              <a:p>
                <a:endParaRPr lang="en-US" sz="1200" dirty="0"/>
              </a:p>
            </p:txBody>
          </p:sp>
          <p:sp>
            <p:nvSpPr>
              <p:cNvPr id="39" name="TextBox 38">
                <a:extLst>
                  <a:ext uri="{FF2B5EF4-FFF2-40B4-BE49-F238E27FC236}">
                    <a16:creationId xmlns:a16="http://schemas.microsoft.com/office/drawing/2014/main" id="{653100C3-1041-4AA1-A8D4-DB08C235FAE1}"/>
                  </a:ext>
                </a:extLst>
              </p:cNvPr>
              <p:cNvSpPr txBox="1"/>
              <p:nvPr/>
            </p:nvSpPr>
            <p:spPr>
              <a:xfrm>
                <a:off x="4921623" y="4879542"/>
                <a:ext cx="699407" cy="465452"/>
              </a:xfrm>
              <a:prstGeom prst="rect">
                <a:avLst/>
              </a:prstGeom>
              <a:noFill/>
            </p:spPr>
            <p:txBody>
              <a:bodyPr wrap="none" rtlCol="0">
                <a:spAutoFit/>
              </a:bodyPr>
              <a:lstStyle/>
              <a:p>
                <a:r>
                  <a:rPr lang="en-US" sz="1200" dirty="0"/>
                  <a:t>Delivery</a:t>
                </a:r>
              </a:p>
              <a:p>
                <a:r>
                  <a:rPr lang="en-US" sz="1200" dirty="0"/>
                  <a:t>Team</a:t>
                </a:r>
              </a:p>
            </p:txBody>
          </p:sp>
          <p:sp>
            <p:nvSpPr>
              <p:cNvPr id="40" name="Rectangle 8">
                <a:extLst>
                  <a:ext uri="{FF2B5EF4-FFF2-40B4-BE49-F238E27FC236}">
                    <a16:creationId xmlns:a16="http://schemas.microsoft.com/office/drawing/2014/main" id="{1B14DA6B-CD21-4BDF-9F8D-8C94C6415AEC}"/>
                  </a:ext>
                </a:extLst>
              </p:cNvPr>
              <p:cNvSpPr>
                <a:spLocks noChangeArrowheads="1"/>
              </p:cNvSpPr>
              <p:nvPr/>
            </p:nvSpPr>
            <p:spPr bwMode="gray">
              <a:xfrm rot="16200000">
                <a:off x="5616255" y="2849362"/>
                <a:ext cx="705788" cy="193929"/>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0" rIns="0" anchor="ctr"/>
              <a:lstStyle/>
              <a:p>
                <a:pPr algn="ctr" defTabSz="514350">
                  <a:defRPr/>
                </a:pPr>
                <a:r>
                  <a:rPr lang="de-DE" sz="1100" dirty="0">
                    <a:ea typeface="ＭＳ Ｐゴシック" pitchFamily="-112" charset="-128"/>
                  </a:rPr>
                  <a:t>initiative</a:t>
                </a:r>
              </a:p>
            </p:txBody>
          </p:sp>
          <p:sp>
            <p:nvSpPr>
              <p:cNvPr id="41" name="TextBox 40">
                <a:extLst>
                  <a:ext uri="{FF2B5EF4-FFF2-40B4-BE49-F238E27FC236}">
                    <a16:creationId xmlns:a16="http://schemas.microsoft.com/office/drawing/2014/main" id="{EE6841E2-8CCD-42C8-8475-660661EFD3F5}"/>
                  </a:ext>
                </a:extLst>
              </p:cNvPr>
              <p:cNvSpPr txBox="1"/>
              <p:nvPr/>
            </p:nvSpPr>
            <p:spPr>
              <a:xfrm>
                <a:off x="4930901" y="2755723"/>
                <a:ext cx="870396" cy="465452"/>
              </a:xfrm>
              <a:prstGeom prst="rect">
                <a:avLst/>
              </a:prstGeom>
              <a:noFill/>
            </p:spPr>
            <p:txBody>
              <a:bodyPr wrap="none" rtlCol="0">
                <a:spAutoFit/>
              </a:bodyPr>
              <a:lstStyle/>
              <a:p>
                <a:r>
                  <a:rPr lang="en-US" sz="1200" dirty="0"/>
                  <a:t>Product </a:t>
                </a:r>
              </a:p>
              <a:p>
                <a:r>
                  <a:rPr lang="en-US" sz="1200" dirty="0"/>
                  <a:t>Leadership</a:t>
                </a:r>
              </a:p>
            </p:txBody>
          </p:sp>
        </p:grpSp>
        <p:sp>
          <p:nvSpPr>
            <p:cNvPr id="42" name="Freeform 74">
              <a:extLst>
                <a:ext uri="{FF2B5EF4-FFF2-40B4-BE49-F238E27FC236}">
                  <a16:creationId xmlns:a16="http://schemas.microsoft.com/office/drawing/2014/main" id="{3740FCF3-615D-4364-AA03-AD7BF9BA53F6}"/>
                </a:ext>
              </a:extLst>
            </p:cNvPr>
            <p:cNvSpPr/>
            <p:nvPr/>
          </p:nvSpPr>
          <p:spPr>
            <a:xfrm>
              <a:off x="5925918" y="3959217"/>
              <a:ext cx="802627" cy="24972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dirty="0">
                  <a:latin typeface="+mj-lt"/>
                </a:rPr>
                <a:t>Solution definition</a:t>
              </a:r>
            </a:p>
          </p:txBody>
        </p:sp>
        <p:sp>
          <p:nvSpPr>
            <p:cNvPr id="43" name="Freeform 74">
              <a:extLst>
                <a:ext uri="{FF2B5EF4-FFF2-40B4-BE49-F238E27FC236}">
                  <a16:creationId xmlns:a16="http://schemas.microsoft.com/office/drawing/2014/main" id="{0285F268-7443-4A19-8FD7-62CA8286D117}"/>
                </a:ext>
              </a:extLst>
            </p:cNvPr>
            <p:cNvSpPr/>
            <p:nvPr/>
          </p:nvSpPr>
          <p:spPr>
            <a:xfrm>
              <a:off x="6665998" y="3958308"/>
              <a:ext cx="802627" cy="24972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Release targeting</a:t>
              </a:r>
            </a:p>
          </p:txBody>
        </p:sp>
        <p:sp>
          <p:nvSpPr>
            <p:cNvPr id="44" name="Freeform 74">
              <a:extLst>
                <a:ext uri="{FF2B5EF4-FFF2-40B4-BE49-F238E27FC236}">
                  <a16:creationId xmlns:a16="http://schemas.microsoft.com/office/drawing/2014/main" id="{050CCA91-A201-491C-B00D-1A1501C8021D}"/>
                </a:ext>
              </a:extLst>
            </p:cNvPr>
            <p:cNvSpPr/>
            <p:nvPr/>
          </p:nvSpPr>
          <p:spPr>
            <a:xfrm>
              <a:off x="5921519" y="4800787"/>
              <a:ext cx="802627" cy="24972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olution design</a:t>
              </a:r>
            </a:p>
          </p:txBody>
        </p:sp>
        <p:sp>
          <p:nvSpPr>
            <p:cNvPr id="45" name="Freeform 207">
              <a:extLst>
                <a:ext uri="{FF2B5EF4-FFF2-40B4-BE49-F238E27FC236}">
                  <a16:creationId xmlns:a16="http://schemas.microsoft.com/office/drawing/2014/main" id="{284B4D45-E2C5-4D7A-8986-1A8F8CCF68DA}"/>
                </a:ext>
              </a:extLst>
            </p:cNvPr>
            <p:cNvSpPr/>
            <p:nvPr/>
          </p:nvSpPr>
          <p:spPr>
            <a:xfrm>
              <a:off x="6666000" y="4786310"/>
              <a:ext cx="879552" cy="273652"/>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Release planning</a:t>
              </a:r>
            </a:p>
          </p:txBody>
        </p:sp>
        <p:sp>
          <p:nvSpPr>
            <p:cNvPr id="46" name="Freeform 207">
              <a:extLst>
                <a:ext uri="{FF2B5EF4-FFF2-40B4-BE49-F238E27FC236}">
                  <a16:creationId xmlns:a16="http://schemas.microsoft.com/office/drawing/2014/main" id="{5062996D-4F60-4474-9CDF-0AF1DD623DB6}"/>
                </a:ext>
              </a:extLst>
            </p:cNvPr>
            <p:cNvSpPr/>
            <p:nvPr/>
          </p:nvSpPr>
          <p:spPr>
            <a:xfrm>
              <a:off x="5885998" y="5507993"/>
              <a:ext cx="879552" cy="273652"/>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tory make ready</a:t>
              </a:r>
            </a:p>
          </p:txBody>
        </p:sp>
        <p:sp>
          <p:nvSpPr>
            <p:cNvPr id="47" name="Freeform 207">
              <a:extLst>
                <a:ext uri="{FF2B5EF4-FFF2-40B4-BE49-F238E27FC236}">
                  <a16:creationId xmlns:a16="http://schemas.microsoft.com/office/drawing/2014/main" id="{4B280867-496B-45A8-96E0-08DFE75A8335}"/>
                </a:ext>
              </a:extLst>
            </p:cNvPr>
            <p:cNvSpPr/>
            <p:nvPr/>
          </p:nvSpPr>
          <p:spPr>
            <a:xfrm>
              <a:off x="6666000" y="5507993"/>
              <a:ext cx="879552" cy="273652"/>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tory ready</a:t>
              </a:r>
            </a:p>
          </p:txBody>
        </p:sp>
      </p:grpSp>
      <p:sp>
        <p:nvSpPr>
          <p:cNvPr id="6" name="Slide Number Placeholder 5">
            <a:extLst>
              <a:ext uri="{FF2B5EF4-FFF2-40B4-BE49-F238E27FC236}">
                <a16:creationId xmlns:a16="http://schemas.microsoft.com/office/drawing/2014/main" id="{B4F49724-F0B9-F147-B603-7C9DF5477008}"/>
              </a:ext>
            </a:extLst>
          </p:cNvPr>
          <p:cNvSpPr>
            <a:spLocks noGrp="1"/>
          </p:cNvSpPr>
          <p:nvPr>
            <p:ph type="sldNum" sz="quarter" idx="4"/>
          </p:nvPr>
        </p:nvSpPr>
        <p:spPr/>
        <p:txBody>
          <a:bodyPr/>
          <a:lstStyle/>
          <a:p>
            <a:fld id="{742ED878-647B-DB4D-84DF-0BCCAF9DD0BF}" type="slidenum">
              <a:rPr lang="en-US" smtClean="0"/>
              <a:pPr/>
              <a:t>47</a:t>
            </a:fld>
            <a:endParaRPr lang="en-US" dirty="0"/>
          </a:p>
        </p:txBody>
      </p:sp>
    </p:spTree>
    <p:extLst>
      <p:ext uri="{BB962C8B-B14F-4D97-AF65-F5344CB8AC3E}">
        <p14:creationId xmlns:p14="http://schemas.microsoft.com/office/powerpoint/2010/main" val="17796877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Build the Plan</a:t>
            </a:r>
            <a:endParaRPr lang="en-US" dirty="0"/>
          </a:p>
        </p:txBody>
      </p:sp>
      <p:sp>
        <p:nvSpPr>
          <p:cNvPr id="3" name="Text Placeholder 2"/>
          <p:cNvSpPr>
            <a:spLocks noGrp="1"/>
          </p:cNvSpPr>
          <p:nvPr>
            <p:ph type="body" sz="quarter" idx="10"/>
          </p:nvPr>
        </p:nvSpPr>
        <p:spPr/>
        <p:txBody>
          <a:bodyPr/>
          <a:lstStyle/>
          <a:p>
            <a:r>
              <a:rPr lang="en-US"/>
              <a:t>Make Ready for Release Targeting</a:t>
            </a:r>
            <a:endParaRPr lang="en-US" dirty="0"/>
          </a:p>
        </p:txBody>
      </p:sp>
      <p:graphicFrame>
        <p:nvGraphicFramePr>
          <p:cNvPr id="38" name="Diagram 37"/>
          <p:cNvGraphicFramePr/>
          <p:nvPr>
            <p:extLst>
              <p:ext uri="{D42A27DB-BD31-4B8C-83A1-F6EECF244321}">
                <p14:modId xmlns:p14="http://schemas.microsoft.com/office/powerpoint/2010/main" val="66942307"/>
              </p:ext>
            </p:extLst>
          </p:nvPr>
        </p:nvGraphicFramePr>
        <p:xfrm>
          <a:off x="1700784" y="2097156"/>
          <a:ext cx="4132549" cy="24688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graphicFrame>
        <p:nvGraphicFramePr>
          <p:cNvPr id="35" name="Diagram 34"/>
          <p:cNvGraphicFramePr/>
          <p:nvPr>
            <p:extLst>
              <p:ext uri="{D42A27DB-BD31-4B8C-83A1-F6EECF244321}">
                <p14:modId xmlns:p14="http://schemas.microsoft.com/office/powerpoint/2010/main" val="3942732967"/>
              </p:ext>
            </p:extLst>
          </p:nvPr>
        </p:nvGraphicFramePr>
        <p:xfrm>
          <a:off x="1700784" y="2286000"/>
          <a:ext cx="8171145" cy="521208"/>
        </p:xfrm>
        <a:graphic>
          <a:graphicData uri="http://schemas.openxmlformats.org/drawingml/2006/diagram">
            <dgm:relIds xmlns:dgm="http://schemas.openxmlformats.org/drawingml/2006/diagram" xmlns:r="http://schemas.openxmlformats.org/officeDocument/2006/relationships" r:dm="rId7" r:lo="rId8" r:qs="rId9" r:cs="rId10"/>
          </a:graphicData>
        </a:graphic>
      </p:graphicFrame>
      <p:sp>
        <p:nvSpPr>
          <p:cNvPr id="36" name="Text Placeholder 2"/>
          <p:cNvSpPr txBox="1">
            <a:spLocks/>
          </p:cNvSpPr>
          <p:nvPr/>
        </p:nvSpPr>
        <p:spPr bwMode="auto">
          <a:xfrm>
            <a:off x="1700784" y="2845409"/>
            <a:ext cx="4185141" cy="4114800"/>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marL="342900" indent="-342900" algn="l" rtl="0" eaLnBrk="0" fontAlgn="base" hangingPunct="0">
              <a:spcBef>
                <a:spcPct val="20000"/>
              </a:spcBef>
              <a:spcAft>
                <a:spcPct val="0"/>
              </a:spcAft>
              <a:buChar char="•"/>
              <a:defRPr sz="3200" kern="1200">
                <a:solidFill>
                  <a:srgbClr val="404040"/>
                </a:solidFill>
                <a:latin typeface="Aleo"/>
                <a:ea typeface="+mn-ea"/>
                <a:cs typeface="Aleo"/>
              </a:defRPr>
            </a:lvl1pPr>
            <a:lvl2pPr marL="742950" indent="-285750" algn="l" rtl="0" eaLnBrk="0" fontAlgn="base" hangingPunct="0">
              <a:spcBef>
                <a:spcPct val="20000"/>
              </a:spcBef>
              <a:spcAft>
                <a:spcPct val="0"/>
              </a:spcAft>
              <a:buChar char="–"/>
              <a:defRPr sz="2800" kern="1200">
                <a:solidFill>
                  <a:srgbClr val="404040"/>
                </a:solidFill>
                <a:latin typeface="Aleo"/>
                <a:ea typeface="+mn-ea"/>
                <a:cs typeface="Aleo"/>
              </a:defRPr>
            </a:lvl2pPr>
            <a:lvl3pPr marL="1143000" indent="-228600" algn="l" rtl="0" eaLnBrk="0" fontAlgn="base" hangingPunct="0">
              <a:spcBef>
                <a:spcPct val="20000"/>
              </a:spcBef>
              <a:spcAft>
                <a:spcPct val="0"/>
              </a:spcAft>
              <a:buChar char="•"/>
              <a:defRPr sz="2400" kern="1200">
                <a:solidFill>
                  <a:srgbClr val="404040"/>
                </a:solidFill>
                <a:latin typeface="Aleo"/>
                <a:ea typeface="+mn-ea"/>
                <a:cs typeface="Aleo"/>
              </a:defRPr>
            </a:lvl3pPr>
            <a:lvl4pPr marL="1600200" indent="-228600" algn="l" rtl="0" eaLnBrk="0" fontAlgn="base" hangingPunct="0">
              <a:spcBef>
                <a:spcPct val="20000"/>
              </a:spcBef>
              <a:spcAft>
                <a:spcPct val="0"/>
              </a:spcAft>
              <a:buChar char="–"/>
              <a:defRPr sz="2000" kern="1200">
                <a:solidFill>
                  <a:srgbClr val="404040"/>
                </a:solidFill>
                <a:latin typeface="Aleo"/>
                <a:ea typeface="+mn-ea"/>
                <a:cs typeface="Aleo"/>
              </a:defRPr>
            </a:lvl4pPr>
            <a:lvl5pPr marL="2057400" indent="-228600" algn="l" rtl="0" eaLnBrk="0" fontAlgn="base" hangingPunct="0">
              <a:spcBef>
                <a:spcPct val="20000"/>
              </a:spcBef>
              <a:spcAft>
                <a:spcPct val="0"/>
              </a:spcAft>
              <a:buChar char="»"/>
              <a:defRPr sz="2000" kern="1200">
                <a:solidFill>
                  <a:srgbClr val="404040"/>
                </a:solidFill>
                <a:latin typeface="Aleo"/>
                <a:ea typeface="+mn-ea"/>
                <a:cs typeface="Aleo"/>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384"/>
              </a:spcBef>
              <a:spcAft>
                <a:spcPts val="1200"/>
              </a:spcAft>
              <a:buClr>
                <a:schemeClr val="accent4">
                  <a:lumMod val="60000"/>
                  <a:lumOff val="40000"/>
                </a:schemeClr>
              </a:buClr>
              <a:buNone/>
            </a:pPr>
            <a:r>
              <a:rPr lang="en-US" sz="1400" b="1" dirty="0">
                <a:solidFill>
                  <a:schemeClr val="accent4">
                    <a:lumMod val="50000"/>
                  </a:schemeClr>
                </a:solidFill>
                <a:latin typeface="+mn-lt"/>
                <a:ea typeface="Aleo" charset="0"/>
                <a:cs typeface="Aleo" charset="0"/>
              </a:rPr>
              <a:t>Epic to Feature</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Epic Canvas decomposition to Epic(s)</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Epic Brief for Epic definition and Feature naming</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Feature/Story mapping with rapid estimation</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Feature estimation (Team Sprint Cost)</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Build backlog for Release Planning horizon</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Plan to a defined ratio of known, predictable team Story Point Velocity attainment</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Adjust commensurate to confidence in Feature estimates (80% Velocity)</a:t>
            </a:r>
          </a:p>
        </p:txBody>
      </p:sp>
      <p:grpSp>
        <p:nvGrpSpPr>
          <p:cNvPr id="50" name="Group 49">
            <a:extLst>
              <a:ext uri="{FF2B5EF4-FFF2-40B4-BE49-F238E27FC236}">
                <a16:creationId xmlns:a16="http://schemas.microsoft.com/office/drawing/2014/main" id="{1C348B01-6347-4447-B8D5-F68CA1340866}"/>
              </a:ext>
            </a:extLst>
          </p:cNvPr>
          <p:cNvGrpSpPr/>
          <p:nvPr/>
        </p:nvGrpSpPr>
        <p:grpSpPr>
          <a:xfrm>
            <a:off x="6583095" y="3297301"/>
            <a:ext cx="3583381" cy="2912206"/>
            <a:chOff x="5008388" y="3817432"/>
            <a:chExt cx="2709584" cy="2202073"/>
          </a:xfrm>
        </p:grpSpPr>
        <p:grpSp>
          <p:nvGrpSpPr>
            <p:cNvPr id="51" name="Group 50">
              <a:extLst>
                <a:ext uri="{FF2B5EF4-FFF2-40B4-BE49-F238E27FC236}">
                  <a16:creationId xmlns:a16="http://schemas.microsoft.com/office/drawing/2014/main" id="{A4DFCF66-AF09-42E0-AAA8-42F3B7FA2A43}"/>
                </a:ext>
              </a:extLst>
            </p:cNvPr>
            <p:cNvGrpSpPr/>
            <p:nvPr/>
          </p:nvGrpSpPr>
          <p:grpSpPr>
            <a:xfrm>
              <a:off x="5008388" y="3817432"/>
              <a:ext cx="2709584" cy="2202073"/>
              <a:chOff x="4921622" y="2590800"/>
              <a:chExt cx="3612779" cy="2936097"/>
            </a:xfrm>
          </p:grpSpPr>
          <p:sp>
            <p:nvSpPr>
              <p:cNvPr id="58" name="Rounded Rectangle 39">
                <a:extLst>
                  <a:ext uri="{FF2B5EF4-FFF2-40B4-BE49-F238E27FC236}">
                    <a16:creationId xmlns:a16="http://schemas.microsoft.com/office/drawing/2014/main" id="{DF291110-52A3-47E1-BB64-9933BDF6EE46}"/>
                  </a:ext>
                </a:extLst>
              </p:cNvPr>
              <p:cNvSpPr/>
              <p:nvPr/>
            </p:nvSpPr>
            <p:spPr>
              <a:xfrm>
                <a:off x="4921622" y="2590800"/>
                <a:ext cx="3612777" cy="722500"/>
              </a:xfrm>
              <a:prstGeom prst="roundRect">
                <a:avLst/>
              </a:prstGeom>
              <a:solidFill>
                <a:srgbClr val="A4A9AD">
                  <a:lumMod val="20000"/>
                  <a:lumOff val="80000"/>
                </a:srgbClr>
              </a:solidFill>
              <a:ln w="9525" cap="flat" cmpd="sng" algn="ctr">
                <a:noFill/>
                <a:prstDash val="solid"/>
              </a:ln>
              <a:effectLst>
                <a:outerShdw blurRad="40000" dist="23000" dir="5400000" rotWithShape="0">
                  <a:srgbClr val="000000">
                    <a:alpha val="35000"/>
                  </a:srgbClr>
                </a:outerShdw>
              </a:effectLst>
            </p:spPr>
            <p:txBody>
              <a:bodyPr rtlCol="0" anchor="ctr"/>
              <a:lstStyle/>
              <a:p>
                <a:pPr algn="ctr" defTabSz="514350"/>
                <a:endParaRPr lang="en-US" sz="1200" kern="0">
                  <a:solidFill>
                    <a:prstClr val="white"/>
                  </a:solidFill>
                  <a:ea typeface="ヒラギノ角ゴ Pro W3"/>
                  <a:cs typeface="ヒラギノ角ゴ Pro W3"/>
                </a:endParaRPr>
              </a:p>
            </p:txBody>
          </p:sp>
          <p:sp>
            <p:nvSpPr>
              <p:cNvPr id="59" name="Rounded Rectangle 40">
                <a:extLst>
                  <a:ext uri="{FF2B5EF4-FFF2-40B4-BE49-F238E27FC236}">
                    <a16:creationId xmlns:a16="http://schemas.microsoft.com/office/drawing/2014/main" id="{3980DCE8-DB7E-4E36-B2AB-02722A8E7D93}"/>
                  </a:ext>
                </a:extLst>
              </p:cNvPr>
              <p:cNvSpPr/>
              <p:nvPr/>
            </p:nvSpPr>
            <p:spPr>
              <a:xfrm>
                <a:off x="4921624" y="4668334"/>
                <a:ext cx="3612777" cy="722500"/>
              </a:xfrm>
              <a:prstGeom prst="roundRect">
                <a:avLst/>
              </a:prstGeom>
              <a:solidFill>
                <a:schemeClr val="bg1">
                  <a:lumMod val="95000"/>
                </a:schemeClr>
              </a:solidFill>
              <a:ln w="9525" cap="flat" cmpd="sng" algn="ctr">
                <a:noFill/>
                <a:prstDash val="solid"/>
              </a:ln>
              <a:effectLst>
                <a:outerShdw blurRad="40000" dist="23000" dir="5400000" rotWithShape="0">
                  <a:srgbClr val="000000">
                    <a:alpha val="35000"/>
                  </a:srgbClr>
                </a:outerShdw>
              </a:effectLst>
            </p:spPr>
            <p:txBody>
              <a:bodyPr rtlCol="0" anchor="ctr"/>
              <a:lstStyle/>
              <a:p>
                <a:pPr algn="ctr" defTabSz="514350"/>
                <a:endParaRPr lang="en-US" sz="1200" kern="0">
                  <a:solidFill>
                    <a:prstClr val="white"/>
                  </a:solidFill>
                </a:endParaRPr>
              </a:p>
            </p:txBody>
          </p:sp>
          <p:sp>
            <p:nvSpPr>
              <p:cNvPr id="60" name="Rounded Rectangle 41">
                <a:extLst>
                  <a:ext uri="{FF2B5EF4-FFF2-40B4-BE49-F238E27FC236}">
                    <a16:creationId xmlns:a16="http://schemas.microsoft.com/office/drawing/2014/main" id="{1908E166-65EB-4FE8-B671-EF00C9E430ED}"/>
                  </a:ext>
                </a:extLst>
              </p:cNvPr>
              <p:cNvSpPr/>
              <p:nvPr/>
            </p:nvSpPr>
            <p:spPr>
              <a:xfrm>
                <a:off x="4921624" y="3694881"/>
                <a:ext cx="3612777" cy="722500"/>
              </a:xfrm>
              <a:prstGeom prst="roundRect">
                <a:avLst/>
              </a:prstGeom>
              <a:solidFill>
                <a:srgbClr val="A4A9AD">
                  <a:lumMod val="20000"/>
                  <a:lumOff val="80000"/>
                </a:srgbClr>
              </a:solidFill>
              <a:ln w="9525" cap="flat" cmpd="sng" algn="ctr">
                <a:noFill/>
                <a:prstDash val="solid"/>
              </a:ln>
              <a:effectLst>
                <a:outerShdw blurRad="40000" dist="23000" dir="5400000" rotWithShape="0">
                  <a:srgbClr val="000000">
                    <a:alpha val="35000"/>
                  </a:srgbClr>
                </a:outerShdw>
              </a:effectLst>
            </p:spPr>
            <p:txBody>
              <a:bodyPr rtlCol="0" anchor="ctr"/>
              <a:lstStyle/>
              <a:p>
                <a:pPr algn="ctr" defTabSz="514350"/>
                <a:endParaRPr lang="en-US" sz="1200" kern="0">
                  <a:solidFill>
                    <a:prstClr val="white"/>
                  </a:solidFill>
                  <a:ea typeface="ヒラギノ角ゴ Pro W3"/>
                  <a:cs typeface="ヒラギノ角ゴ Pro W3"/>
                </a:endParaRPr>
              </a:p>
            </p:txBody>
          </p:sp>
          <p:sp>
            <p:nvSpPr>
              <p:cNvPr id="61" name="Rectangle 8">
                <a:extLst>
                  <a:ext uri="{FF2B5EF4-FFF2-40B4-BE49-F238E27FC236}">
                    <a16:creationId xmlns:a16="http://schemas.microsoft.com/office/drawing/2014/main" id="{027735BA-A66E-48C6-A149-D0E917FC78A1}"/>
                  </a:ext>
                </a:extLst>
              </p:cNvPr>
              <p:cNvSpPr>
                <a:spLocks noChangeArrowheads="1"/>
              </p:cNvSpPr>
              <p:nvPr/>
            </p:nvSpPr>
            <p:spPr bwMode="gray">
              <a:xfrm rot="16200000">
                <a:off x="5499447" y="4942067"/>
                <a:ext cx="939404" cy="230256"/>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0" rIns="0" anchor="ctr"/>
              <a:lstStyle/>
              <a:p>
                <a:pPr algn="ctr" defTabSz="514350">
                  <a:defRPr/>
                </a:pPr>
                <a:r>
                  <a:rPr lang="de-DE" sz="1100" dirty="0">
                    <a:ea typeface="ＭＳ Ｐゴシック" pitchFamily="-112" charset="-128"/>
                  </a:rPr>
                  <a:t>Story</a:t>
                </a:r>
              </a:p>
            </p:txBody>
          </p:sp>
          <p:sp>
            <p:nvSpPr>
              <p:cNvPr id="62" name="Rectangle 61">
                <a:extLst>
                  <a:ext uri="{FF2B5EF4-FFF2-40B4-BE49-F238E27FC236}">
                    <a16:creationId xmlns:a16="http://schemas.microsoft.com/office/drawing/2014/main" id="{8FBED4F8-711E-4854-83D0-BB5F5B13F11A}"/>
                  </a:ext>
                </a:extLst>
              </p:cNvPr>
              <p:cNvSpPr>
                <a:spLocks noChangeArrowheads="1"/>
              </p:cNvSpPr>
              <p:nvPr/>
            </p:nvSpPr>
            <p:spPr bwMode="gray">
              <a:xfrm rot="16200000">
                <a:off x="5616255" y="3950508"/>
                <a:ext cx="705788" cy="212093"/>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0" rIns="0" anchor="ctr"/>
              <a:lstStyle/>
              <a:p>
                <a:pPr algn="ctr" defTabSz="514350">
                  <a:defRPr/>
                </a:pPr>
                <a:r>
                  <a:rPr lang="de-DE" sz="1100" dirty="0" err="1">
                    <a:ea typeface="ＭＳ Ｐゴシック" pitchFamily="-112" charset="-128"/>
                  </a:rPr>
                  <a:t>Epic</a:t>
                </a:r>
                <a:endParaRPr lang="de-DE" sz="1100" dirty="0">
                  <a:ea typeface="ＭＳ Ｐゴシック" pitchFamily="-112" charset="-128"/>
                </a:endParaRPr>
              </a:p>
            </p:txBody>
          </p:sp>
          <p:sp>
            <p:nvSpPr>
              <p:cNvPr id="63" name="TextBox 62">
                <a:extLst>
                  <a:ext uri="{FF2B5EF4-FFF2-40B4-BE49-F238E27FC236}">
                    <a16:creationId xmlns:a16="http://schemas.microsoft.com/office/drawing/2014/main" id="{C910C0F2-4362-4E39-8B27-1977203BC6CC}"/>
                  </a:ext>
                </a:extLst>
              </p:cNvPr>
              <p:cNvSpPr txBox="1"/>
              <p:nvPr/>
            </p:nvSpPr>
            <p:spPr>
              <a:xfrm>
                <a:off x="4972745" y="3842031"/>
                <a:ext cx="679819" cy="651633"/>
              </a:xfrm>
              <a:prstGeom prst="rect">
                <a:avLst/>
              </a:prstGeom>
              <a:noFill/>
            </p:spPr>
            <p:txBody>
              <a:bodyPr wrap="none" rtlCol="0">
                <a:spAutoFit/>
              </a:bodyPr>
              <a:lstStyle/>
              <a:p>
                <a:r>
                  <a:rPr lang="en-US" sz="1200" dirty="0"/>
                  <a:t>Product</a:t>
                </a:r>
              </a:p>
              <a:p>
                <a:r>
                  <a:rPr lang="en-US" sz="1200" dirty="0"/>
                  <a:t>Owner </a:t>
                </a:r>
              </a:p>
              <a:p>
                <a:endParaRPr lang="en-US" sz="1200" dirty="0"/>
              </a:p>
            </p:txBody>
          </p:sp>
          <p:sp>
            <p:nvSpPr>
              <p:cNvPr id="64" name="TextBox 63">
                <a:extLst>
                  <a:ext uri="{FF2B5EF4-FFF2-40B4-BE49-F238E27FC236}">
                    <a16:creationId xmlns:a16="http://schemas.microsoft.com/office/drawing/2014/main" id="{AED05E5D-26B9-4CC1-A056-8F5289A436AD}"/>
                  </a:ext>
                </a:extLst>
              </p:cNvPr>
              <p:cNvSpPr txBox="1"/>
              <p:nvPr/>
            </p:nvSpPr>
            <p:spPr>
              <a:xfrm>
                <a:off x="4921623" y="4879542"/>
                <a:ext cx="699407" cy="465452"/>
              </a:xfrm>
              <a:prstGeom prst="rect">
                <a:avLst/>
              </a:prstGeom>
              <a:noFill/>
            </p:spPr>
            <p:txBody>
              <a:bodyPr wrap="none" rtlCol="0">
                <a:spAutoFit/>
              </a:bodyPr>
              <a:lstStyle/>
              <a:p>
                <a:r>
                  <a:rPr lang="en-US" sz="1200" dirty="0"/>
                  <a:t>Delivery</a:t>
                </a:r>
              </a:p>
              <a:p>
                <a:r>
                  <a:rPr lang="en-US" sz="1200" dirty="0"/>
                  <a:t>Team</a:t>
                </a:r>
              </a:p>
            </p:txBody>
          </p:sp>
          <p:sp>
            <p:nvSpPr>
              <p:cNvPr id="65" name="Rectangle 8">
                <a:extLst>
                  <a:ext uri="{FF2B5EF4-FFF2-40B4-BE49-F238E27FC236}">
                    <a16:creationId xmlns:a16="http://schemas.microsoft.com/office/drawing/2014/main" id="{AF267F27-932C-4F62-ACC0-AD0610F0399D}"/>
                  </a:ext>
                </a:extLst>
              </p:cNvPr>
              <p:cNvSpPr>
                <a:spLocks noChangeArrowheads="1"/>
              </p:cNvSpPr>
              <p:nvPr/>
            </p:nvSpPr>
            <p:spPr bwMode="gray">
              <a:xfrm rot="16200000">
                <a:off x="5616255" y="2849362"/>
                <a:ext cx="705788" cy="193929"/>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0" rIns="0" anchor="ctr"/>
              <a:lstStyle/>
              <a:p>
                <a:pPr algn="ctr" defTabSz="514350">
                  <a:defRPr/>
                </a:pPr>
                <a:r>
                  <a:rPr lang="de-DE" sz="1100" dirty="0">
                    <a:ea typeface="ＭＳ Ｐゴシック" pitchFamily="-112" charset="-128"/>
                  </a:rPr>
                  <a:t>initiative</a:t>
                </a:r>
              </a:p>
            </p:txBody>
          </p:sp>
          <p:sp>
            <p:nvSpPr>
              <p:cNvPr id="66" name="TextBox 65">
                <a:extLst>
                  <a:ext uri="{FF2B5EF4-FFF2-40B4-BE49-F238E27FC236}">
                    <a16:creationId xmlns:a16="http://schemas.microsoft.com/office/drawing/2014/main" id="{9ED6499E-6D97-4833-BBDA-8B38EA223D65}"/>
                  </a:ext>
                </a:extLst>
              </p:cNvPr>
              <p:cNvSpPr txBox="1"/>
              <p:nvPr/>
            </p:nvSpPr>
            <p:spPr>
              <a:xfrm>
                <a:off x="4930901" y="2755723"/>
                <a:ext cx="870396" cy="465452"/>
              </a:xfrm>
              <a:prstGeom prst="rect">
                <a:avLst/>
              </a:prstGeom>
              <a:noFill/>
            </p:spPr>
            <p:txBody>
              <a:bodyPr wrap="none" rtlCol="0">
                <a:spAutoFit/>
              </a:bodyPr>
              <a:lstStyle/>
              <a:p>
                <a:r>
                  <a:rPr lang="en-US" sz="1200" dirty="0"/>
                  <a:t>Product </a:t>
                </a:r>
              </a:p>
              <a:p>
                <a:r>
                  <a:rPr lang="en-US" sz="1200" dirty="0"/>
                  <a:t>Leadership</a:t>
                </a:r>
              </a:p>
            </p:txBody>
          </p:sp>
        </p:grpSp>
        <p:sp>
          <p:nvSpPr>
            <p:cNvPr id="52" name="Freeform 74">
              <a:extLst>
                <a:ext uri="{FF2B5EF4-FFF2-40B4-BE49-F238E27FC236}">
                  <a16:creationId xmlns:a16="http://schemas.microsoft.com/office/drawing/2014/main" id="{EF9BE8F3-0026-4442-A7B3-5D0C6D3AC616}"/>
                </a:ext>
              </a:extLst>
            </p:cNvPr>
            <p:cNvSpPr/>
            <p:nvPr/>
          </p:nvSpPr>
          <p:spPr>
            <a:xfrm>
              <a:off x="5925918" y="3959217"/>
              <a:ext cx="820471" cy="24972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olution definition</a:t>
              </a:r>
            </a:p>
          </p:txBody>
        </p:sp>
        <p:sp>
          <p:nvSpPr>
            <p:cNvPr id="53" name="Freeform 74">
              <a:extLst>
                <a:ext uri="{FF2B5EF4-FFF2-40B4-BE49-F238E27FC236}">
                  <a16:creationId xmlns:a16="http://schemas.microsoft.com/office/drawing/2014/main" id="{8ABDCB9C-ADA3-4A46-B890-21CADCC8D7A0}"/>
                </a:ext>
              </a:extLst>
            </p:cNvPr>
            <p:cNvSpPr/>
            <p:nvPr/>
          </p:nvSpPr>
          <p:spPr>
            <a:xfrm>
              <a:off x="6705663" y="3958308"/>
              <a:ext cx="820471" cy="24972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Release targeting</a:t>
              </a:r>
            </a:p>
          </p:txBody>
        </p:sp>
        <p:sp>
          <p:nvSpPr>
            <p:cNvPr id="54" name="Freeform 74">
              <a:extLst>
                <a:ext uri="{FF2B5EF4-FFF2-40B4-BE49-F238E27FC236}">
                  <a16:creationId xmlns:a16="http://schemas.microsoft.com/office/drawing/2014/main" id="{E55B4E88-D802-4052-B91B-5DEDF807A417}"/>
                </a:ext>
              </a:extLst>
            </p:cNvPr>
            <p:cNvSpPr/>
            <p:nvPr/>
          </p:nvSpPr>
          <p:spPr>
            <a:xfrm>
              <a:off x="5921519" y="4800787"/>
              <a:ext cx="820471" cy="24972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olution design</a:t>
              </a:r>
            </a:p>
          </p:txBody>
        </p:sp>
        <p:sp>
          <p:nvSpPr>
            <p:cNvPr id="55" name="Freeform 207">
              <a:extLst>
                <a:ext uri="{FF2B5EF4-FFF2-40B4-BE49-F238E27FC236}">
                  <a16:creationId xmlns:a16="http://schemas.microsoft.com/office/drawing/2014/main" id="{FBB1D86A-21E4-43E8-89EF-6DCCCD010E0A}"/>
                </a:ext>
              </a:extLst>
            </p:cNvPr>
            <p:cNvSpPr/>
            <p:nvPr/>
          </p:nvSpPr>
          <p:spPr>
            <a:xfrm>
              <a:off x="6705665" y="4786310"/>
              <a:ext cx="899105" cy="273652"/>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Release planning</a:t>
              </a:r>
            </a:p>
          </p:txBody>
        </p:sp>
        <p:sp>
          <p:nvSpPr>
            <p:cNvPr id="56" name="Freeform 207">
              <a:extLst>
                <a:ext uri="{FF2B5EF4-FFF2-40B4-BE49-F238E27FC236}">
                  <a16:creationId xmlns:a16="http://schemas.microsoft.com/office/drawing/2014/main" id="{35982DAC-6D6D-48E6-8B9E-83FB3A2B4706}"/>
                </a:ext>
              </a:extLst>
            </p:cNvPr>
            <p:cNvSpPr/>
            <p:nvPr/>
          </p:nvSpPr>
          <p:spPr>
            <a:xfrm>
              <a:off x="5885998" y="5507993"/>
              <a:ext cx="899105" cy="273652"/>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tory make ready</a:t>
              </a:r>
            </a:p>
          </p:txBody>
        </p:sp>
        <p:sp>
          <p:nvSpPr>
            <p:cNvPr id="57" name="Freeform 207">
              <a:extLst>
                <a:ext uri="{FF2B5EF4-FFF2-40B4-BE49-F238E27FC236}">
                  <a16:creationId xmlns:a16="http://schemas.microsoft.com/office/drawing/2014/main" id="{0878B459-3C17-4E69-9F15-C850EB02260F}"/>
                </a:ext>
              </a:extLst>
            </p:cNvPr>
            <p:cNvSpPr/>
            <p:nvPr/>
          </p:nvSpPr>
          <p:spPr>
            <a:xfrm>
              <a:off x="6705665" y="5507993"/>
              <a:ext cx="899105" cy="273652"/>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4"/>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tory ready</a:t>
              </a:r>
            </a:p>
          </p:txBody>
        </p:sp>
      </p:grpSp>
      <p:sp>
        <p:nvSpPr>
          <p:cNvPr id="4" name="Slide Number Placeholder 3">
            <a:extLst>
              <a:ext uri="{FF2B5EF4-FFF2-40B4-BE49-F238E27FC236}">
                <a16:creationId xmlns:a16="http://schemas.microsoft.com/office/drawing/2014/main" id="{34E37AC8-E1E2-C149-991A-9FC03AA24940}"/>
              </a:ext>
            </a:extLst>
          </p:cNvPr>
          <p:cNvSpPr>
            <a:spLocks noGrp="1"/>
          </p:cNvSpPr>
          <p:nvPr>
            <p:ph type="sldNum" sz="quarter" idx="4"/>
          </p:nvPr>
        </p:nvSpPr>
        <p:spPr/>
        <p:txBody>
          <a:bodyPr/>
          <a:lstStyle/>
          <a:p>
            <a:fld id="{742ED878-647B-DB4D-84DF-0BCCAF9DD0BF}" type="slidenum">
              <a:rPr lang="en-US" smtClean="0"/>
              <a:pPr/>
              <a:t>48</a:t>
            </a:fld>
            <a:endParaRPr lang="en-US" dirty="0"/>
          </a:p>
        </p:txBody>
      </p:sp>
    </p:spTree>
    <p:extLst>
      <p:ext uri="{BB962C8B-B14F-4D97-AF65-F5344CB8AC3E}">
        <p14:creationId xmlns:p14="http://schemas.microsoft.com/office/powerpoint/2010/main" val="9037177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Build the Plan</a:t>
            </a:r>
            <a:endParaRPr lang="en-US" dirty="0"/>
          </a:p>
        </p:txBody>
      </p:sp>
      <p:sp>
        <p:nvSpPr>
          <p:cNvPr id="3" name="Text Placeholder 2"/>
          <p:cNvSpPr>
            <a:spLocks noGrp="1"/>
          </p:cNvSpPr>
          <p:nvPr>
            <p:ph type="body" sz="quarter" idx="10"/>
          </p:nvPr>
        </p:nvSpPr>
        <p:spPr/>
        <p:txBody>
          <a:bodyPr/>
          <a:lstStyle/>
          <a:p>
            <a:r>
              <a:rPr lang="en-US"/>
              <a:t>Make Ready for Sprint Planning</a:t>
            </a:r>
            <a:endParaRPr lang="en-US" dirty="0"/>
          </a:p>
        </p:txBody>
      </p:sp>
      <p:graphicFrame>
        <p:nvGraphicFramePr>
          <p:cNvPr id="37" name="Diagram 36"/>
          <p:cNvGraphicFramePr/>
          <p:nvPr>
            <p:extLst>
              <p:ext uri="{D42A27DB-BD31-4B8C-83A1-F6EECF244321}">
                <p14:modId xmlns:p14="http://schemas.microsoft.com/office/powerpoint/2010/main" val="2787952249"/>
              </p:ext>
            </p:extLst>
          </p:nvPr>
        </p:nvGraphicFramePr>
        <p:xfrm>
          <a:off x="1700784" y="1824135"/>
          <a:ext cx="1465547" cy="84194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30" name="Text Placeholder 2"/>
          <p:cNvSpPr txBox="1">
            <a:spLocks/>
          </p:cNvSpPr>
          <p:nvPr/>
        </p:nvSpPr>
        <p:spPr bwMode="auto">
          <a:xfrm>
            <a:off x="1700784" y="2845409"/>
            <a:ext cx="4580331" cy="4114800"/>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marL="342900" indent="-342900" algn="l" rtl="0" eaLnBrk="0" fontAlgn="base" hangingPunct="0">
              <a:spcBef>
                <a:spcPct val="20000"/>
              </a:spcBef>
              <a:spcAft>
                <a:spcPct val="0"/>
              </a:spcAft>
              <a:buChar char="•"/>
              <a:defRPr sz="3200" kern="1200">
                <a:solidFill>
                  <a:srgbClr val="404040"/>
                </a:solidFill>
                <a:latin typeface="Aleo"/>
                <a:ea typeface="+mn-ea"/>
                <a:cs typeface="Aleo"/>
              </a:defRPr>
            </a:lvl1pPr>
            <a:lvl2pPr marL="742950" indent="-285750" algn="l" rtl="0" eaLnBrk="0" fontAlgn="base" hangingPunct="0">
              <a:spcBef>
                <a:spcPct val="20000"/>
              </a:spcBef>
              <a:spcAft>
                <a:spcPct val="0"/>
              </a:spcAft>
              <a:buChar char="–"/>
              <a:defRPr sz="2800" kern="1200">
                <a:solidFill>
                  <a:srgbClr val="404040"/>
                </a:solidFill>
                <a:latin typeface="Aleo"/>
                <a:ea typeface="+mn-ea"/>
                <a:cs typeface="Aleo"/>
              </a:defRPr>
            </a:lvl2pPr>
            <a:lvl3pPr marL="1143000" indent="-228600" algn="l" rtl="0" eaLnBrk="0" fontAlgn="base" hangingPunct="0">
              <a:spcBef>
                <a:spcPct val="20000"/>
              </a:spcBef>
              <a:spcAft>
                <a:spcPct val="0"/>
              </a:spcAft>
              <a:buChar char="•"/>
              <a:defRPr sz="2400" kern="1200">
                <a:solidFill>
                  <a:srgbClr val="404040"/>
                </a:solidFill>
                <a:latin typeface="Aleo"/>
                <a:ea typeface="+mn-ea"/>
                <a:cs typeface="Aleo"/>
              </a:defRPr>
            </a:lvl3pPr>
            <a:lvl4pPr marL="1600200" indent="-228600" algn="l" rtl="0" eaLnBrk="0" fontAlgn="base" hangingPunct="0">
              <a:spcBef>
                <a:spcPct val="20000"/>
              </a:spcBef>
              <a:spcAft>
                <a:spcPct val="0"/>
              </a:spcAft>
              <a:buChar char="–"/>
              <a:defRPr sz="2000" kern="1200">
                <a:solidFill>
                  <a:srgbClr val="404040"/>
                </a:solidFill>
                <a:latin typeface="Aleo"/>
                <a:ea typeface="+mn-ea"/>
                <a:cs typeface="Aleo"/>
              </a:defRPr>
            </a:lvl4pPr>
            <a:lvl5pPr marL="2057400" indent="-228600" algn="l" rtl="0" eaLnBrk="0" fontAlgn="base" hangingPunct="0">
              <a:spcBef>
                <a:spcPct val="20000"/>
              </a:spcBef>
              <a:spcAft>
                <a:spcPct val="0"/>
              </a:spcAft>
              <a:buChar char="»"/>
              <a:defRPr sz="2000" kern="1200">
                <a:solidFill>
                  <a:srgbClr val="404040"/>
                </a:solidFill>
                <a:latin typeface="Aleo"/>
                <a:ea typeface="+mn-ea"/>
                <a:cs typeface="Aleo"/>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384"/>
              </a:spcBef>
              <a:spcAft>
                <a:spcPts val="1200"/>
              </a:spcAft>
              <a:buClr>
                <a:schemeClr val="accent4">
                  <a:lumMod val="60000"/>
                  <a:lumOff val="40000"/>
                </a:schemeClr>
              </a:buClr>
              <a:buNone/>
            </a:pPr>
            <a:r>
              <a:rPr lang="en-US" sz="1400" b="1" dirty="0">
                <a:solidFill>
                  <a:schemeClr val="accent4">
                    <a:lumMod val="50000"/>
                  </a:schemeClr>
                </a:solidFill>
                <a:latin typeface="+mn-lt"/>
                <a:ea typeface="Aleo" charset="0"/>
                <a:cs typeface="Aleo" charset="0"/>
              </a:rPr>
              <a:t>Epic to Feature to Story to Task</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Epic Canvas decomposition to Epic(s)</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Epic Brief for Epic definition and Feature naming</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Feature/Story mapping for Feature and Story definition</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Story refinement</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Story Tasking and hours prior to or during Spring Planning session</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Build 3-4 Sprints of Backlog for each Scrum team</a:t>
            </a:r>
          </a:p>
          <a:p>
            <a:pPr>
              <a:spcBef>
                <a:spcPts val="384"/>
              </a:spcBef>
              <a:spcAft>
                <a:spcPts val="1200"/>
              </a:spcAft>
              <a:buClr>
                <a:schemeClr val="accent4">
                  <a:lumMod val="60000"/>
                  <a:lumOff val="40000"/>
                </a:schemeClr>
              </a:buClr>
            </a:pPr>
            <a:r>
              <a:rPr lang="en-US" sz="1200" dirty="0">
                <a:solidFill>
                  <a:schemeClr val="accent4">
                    <a:lumMod val="50000"/>
                  </a:schemeClr>
                </a:solidFill>
                <a:latin typeface="+mn-lt"/>
                <a:ea typeface="Aleo" charset="0"/>
                <a:cs typeface="Aleo" charset="0"/>
              </a:rPr>
              <a:t>Plan to known, predictable team Story Point Velocity</a:t>
            </a:r>
          </a:p>
        </p:txBody>
      </p:sp>
      <p:graphicFrame>
        <p:nvGraphicFramePr>
          <p:cNvPr id="33" name="Diagram 32"/>
          <p:cNvGraphicFramePr/>
          <p:nvPr>
            <p:extLst>
              <p:ext uri="{D42A27DB-BD31-4B8C-83A1-F6EECF244321}">
                <p14:modId xmlns:p14="http://schemas.microsoft.com/office/powerpoint/2010/main" val="988789593"/>
              </p:ext>
            </p:extLst>
          </p:nvPr>
        </p:nvGraphicFramePr>
        <p:xfrm>
          <a:off x="1700784" y="2286000"/>
          <a:ext cx="8171145" cy="521208"/>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grpSp>
        <p:nvGrpSpPr>
          <p:cNvPr id="50" name="Group 49">
            <a:extLst>
              <a:ext uri="{FF2B5EF4-FFF2-40B4-BE49-F238E27FC236}">
                <a16:creationId xmlns:a16="http://schemas.microsoft.com/office/drawing/2014/main" id="{097FDCB2-8D21-4207-BBA6-FE3C0FA29FB0}"/>
              </a:ext>
            </a:extLst>
          </p:cNvPr>
          <p:cNvGrpSpPr/>
          <p:nvPr/>
        </p:nvGrpSpPr>
        <p:grpSpPr>
          <a:xfrm>
            <a:off x="6423606" y="3297301"/>
            <a:ext cx="3583381" cy="2912206"/>
            <a:chOff x="5008388" y="3817432"/>
            <a:chExt cx="2709584" cy="2202073"/>
          </a:xfrm>
        </p:grpSpPr>
        <p:grpSp>
          <p:nvGrpSpPr>
            <p:cNvPr id="51" name="Group 50">
              <a:extLst>
                <a:ext uri="{FF2B5EF4-FFF2-40B4-BE49-F238E27FC236}">
                  <a16:creationId xmlns:a16="http://schemas.microsoft.com/office/drawing/2014/main" id="{7EBBE197-0B43-433C-9373-08DDFBD65FD4}"/>
                </a:ext>
              </a:extLst>
            </p:cNvPr>
            <p:cNvGrpSpPr/>
            <p:nvPr/>
          </p:nvGrpSpPr>
          <p:grpSpPr>
            <a:xfrm>
              <a:off x="5008388" y="3817432"/>
              <a:ext cx="2709584" cy="2202073"/>
              <a:chOff x="4921622" y="2590800"/>
              <a:chExt cx="3612779" cy="2936097"/>
            </a:xfrm>
          </p:grpSpPr>
          <p:sp>
            <p:nvSpPr>
              <p:cNvPr id="58" name="Rounded Rectangle 39">
                <a:extLst>
                  <a:ext uri="{FF2B5EF4-FFF2-40B4-BE49-F238E27FC236}">
                    <a16:creationId xmlns:a16="http://schemas.microsoft.com/office/drawing/2014/main" id="{090810C0-FF40-4452-A44E-D9B01CFE30B2}"/>
                  </a:ext>
                </a:extLst>
              </p:cNvPr>
              <p:cNvSpPr/>
              <p:nvPr/>
            </p:nvSpPr>
            <p:spPr>
              <a:xfrm>
                <a:off x="4921622" y="2590800"/>
                <a:ext cx="3612777" cy="722500"/>
              </a:xfrm>
              <a:prstGeom prst="roundRect">
                <a:avLst/>
              </a:prstGeom>
              <a:solidFill>
                <a:srgbClr val="A4A9AD">
                  <a:lumMod val="20000"/>
                  <a:lumOff val="80000"/>
                </a:srgbClr>
              </a:solidFill>
              <a:ln w="9525" cap="flat" cmpd="sng" algn="ctr">
                <a:noFill/>
                <a:prstDash val="solid"/>
              </a:ln>
              <a:effectLst>
                <a:outerShdw blurRad="40000" dist="23000" dir="5400000" rotWithShape="0">
                  <a:srgbClr val="000000">
                    <a:alpha val="35000"/>
                  </a:srgbClr>
                </a:outerShdw>
              </a:effectLst>
            </p:spPr>
            <p:txBody>
              <a:bodyPr rtlCol="0" anchor="ctr"/>
              <a:lstStyle/>
              <a:p>
                <a:pPr algn="ctr" defTabSz="514350"/>
                <a:endParaRPr lang="en-US" sz="1200" kern="0">
                  <a:solidFill>
                    <a:prstClr val="white"/>
                  </a:solidFill>
                  <a:ea typeface="ヒラギノ角ゴ Pro W3"/>
                  <a:cs typeface="ヒラギノ角ゴ Pro W3"/>
                </a:endParaRPr>
              </a:p>
            </p:txBody>
          </p:sp>
          <p:sp>
            <p:nvSpPr>
              <p:cNvPr id="59" name="Rounded Rectangle 40">
                <a:extLst>
                  <a:ext uri="{FF2B5EF4-FFF2-40B4-BE49-F238E27FC236}">
                    <a16:creationId xmlns:a16="http://schemas.microsoft.com/office/drawing/2014/main" id="{889A25E8-1C20-4A4C-9D6C-B90ABA2BDBC1}"/>
                  </a:ext>
                </a:extLst>
              </p:cNvPr>
              <p:cNvSpPr/>
              <p:nvPr/>
            </p:nvSpPr>
            <p:spPr>
              <a:xfrm>
                <a:off x="4921624" y="4668334"/>
                <a:ext cx="3612777" cy="722500"/>
              </a:xfrm>
              <a:prstGeom prst="roundRect">
                <a:avLst/>
              </a:prstGeom>
              <a:solidFill>
                <a:schemeClr val="bg1">
                  <a:lumMod val="95000"/>
                </a:schemeClr>
              </a:solidFill>
              <a:ln w="9525" cap="flat" cmpd="sng" algn="ctr">
                <a:noFill/>
                <a:prstDash val="solid"/>
              </a:ln>
              <a:effectLst>
                <a:outerShdw blurRad="40000" dist="23000" dir="5400000" rotWithShape="0">
                  <a:srgbClr val="000000">
                    <a:alpha val="35000"/>
                  </a:srgbClr>
                </a:outerShdw>
              </a:effectLst>
            </p:spPr>
            <p:txBody>
              <a:bodyPr rtlCol="0" anchor="ctr"/>
              <a:lstStyle/>
              <a:p>
                <a:pPr algn="ctr" defTabSz="514350"/>
                <a:endParaRPr lang="en-US" sz="1200" kern="0">
                  <a:solidFill>
                    <a:prstClr val="white"/>
                  </a:solidFill>
                </a:endParaRPr>
              </a:p>
            </p:txBody>
          </p:sp>
          <p:sp>
            <p:nvSpPr>
              <p:cNvPr id="60" name="Rounded Rectangle 41">
                <a:extLst>
                  <a:ext uri="{FF2B5EF4-FFF2-40B4-BE49-F238E27FC236}">
                    <a16:creationId xmlns:a16="http://schemas.microsoft.com/office/drawing/2014/main" id="{D8146289-1509-4FD7-B817-D18ACBC839AC}"/>
                  </a:ext>
                </a:extLst>
              </p:cNvPr>
              <p:cNvSpPr/>
              <p:nvPr/>
            </p:nvSpPr>
            <p:spPr>
              <a:xfrm>
                <a:off x="4921624" y="3694881"/>
                <a:ext cx="3612777" cy="722500"/>
              </a:xfrm>
              <a:prstGeom prst="roundRect">
                <a:avLst/>
              </a:prstGeom>
              <a:solidFill>
                <a:srgbClr val="A4A9AD">
                  <a:lumMod val="20000"/>
                  <a:lumOff val="80000"/>
                </a:srgbClr>
              </a:solidFill>
              <a:ln w="9525" cap="flat" cmpd="sng" algn="ctr">
                <a:noFill/>
                <a:prstDash val="solid"/>
              </a:ln>
              <a:effectLst>
                <a:outerShdw blurRad="40000" dist="23000" dir="5400000" rotWithShape="0">
                  <a:srgbClr val="000000">
                    <a:alpha val="35000"/>
                  </a:srgbClr>
                </a:outerShdw>
              </a:effectLst>
            </p:spPr>
            <p:txBody>
              <a:bodyPr rtlCol="0" anchor="ctr"/>
              <a:lstStyle/>
              <a:p>
                <a:pPr algn="ctr" defTabSz="514350"/>
                <a:endParaRPr lang="en-US" sz="1200" kern="0">
                  <a:solidFill>
                    <a:prstClr val="white"/>
                  </a:solidFill>
                  <a:ea typeface="ヒラギノ角ゴ Pro W3"/>
                  <a:cs typeface="ヒラギノ角ゴ Pro W3"/>
                </a:endParaRPr>
              </a:p>
            </p:txBody>
          </p:sp>
          <p:sp>
            <p:nvSpPr>
              <p:cNvPr id="61" name="Rectangle 8">
                <a:extLst>
                  <a:ext uri="{FF2B5EF4-FFF2-40B4-BE49-F238E27FC236}">
                    <a16:creationId xmlns:a16="http://schemas.microsoft.com/office/drawing/2014/main" id="{51C801A1-203C-41F9-829C-0DE7D61B82B6}"/>
                  </a:ext>
                </a:extLst>
              </p:cNvPr>
              <p:cNvSpPr>
                <a:spLocks noChangeArrowheads="1"/>
              </p:cNvSpPr>
              <p:nvPr/>
            </p:nvSpPr>
            <p:spPr bwMode="gray">
              <a:xfrm rot="16200000">
                <a:off x="5499447" y="4942067"/>
                <a:ext cx="939404" cy="230256"/>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0" rIns="0" anchor="ctr"/>
              <a:lstStyle/>
              <a:p>
                <a:pPr algn="ctr" defTabSz="514350">
                  <a:defRPr/>
                </a:pPr>
                <a:r>
                  <a:rPr lang="de-DE" sz="1100" dirty="0">
                    <a:ea typeface="ＭＳ Ｐゴシック" pitchFamily="-112" charset="-128"/>
                  </a:rPr>
                  <a:t>Story</a:t>
                </a:r>
              </a:p>
            </p:txBody>
          </p:sp>
          <p:sp>
            <p:nvSpPr>
              <p:cNvPr id="62" name="Rectangle 61">
                <a:extLst>
                  <a:ext uri="{FF2B5EF4-FFF2-40B4-BE49-F238E27FC236}">
                    <a16:creationId xmlns:a16="http://schemas.microsoft.com/office/drawing/2014/main" id="{1E517C33-B968-45A1-A6FC-4B02F1E68C0D}"/>
                  </a:ext>
                </a:extLst>
              </p:cNvPr>
              <p:cNvSpPr>
                <a:spLocks noChangeArrowheads="1"/>
              </p:cNvSpPr>
              <p:nvPr/>
            </p:nvSpPr>
            <p:spPr bwMode="gray">
              <a:xfrm rot="16200000">
                <a:off x="5616255" y="3950508"/>
                <a:ext cx="705788" cy="212093"/>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0" rIns="0" anchor="ctr"/>
              <a:lstStyle/>
              <a:p>
                <a:pPr algn="ctr" defTabSz="514350">
                  <a:defRPr/>
                </a:pPr>
                <a:r>
                  <a:rPr lang="de-DE" sz="1100" dirty="0" err="1">
                    <a:ea typeface="ＭＳ Ｐゴシック" pitchFamily="-112" charset="-128"/>
                  </a:rPr>
                  <a:t>Epic</a:t>
                </a:r>
                <a:endParaRPr lang="de-DE" sz="1100" dirty="0">
                  <a:ea typeface="ＭＳ Ｐゴシック" pitchFamily="-112" charset="-128"/>
                </a:endParaRPr>
              </a:p>
            </p:txBody>
          </p:sp>
          <p:sp>
            <p:nvSpPr>
              <p:cNvPr id="63" name="TextBox 62">
                <a:extLst>
                  <a:ext uri="{FF2B5EF4-FFF2-40B4-BE49-F238E27FC236}">
                    <a16:creationId xmlns:a16="http://schemas.microsoft.com/office/drawing/2014/main" id="{BDB7E58A-3A78-4C07-8D24-08FCD7417AD9}"/>
                  </a:ext>
                </a:extLst>
              </p:cNvPr>
              <p:cNvSpPr txBox="1"/>
              <p:nvPr/>
            </p:nvSpPr>
            <p:spPr>
              <a:xfrm>
                <a:off x="4972745" y="3842031"/>
                <a:ext cx="679819" cy="651633"/>
              </a:xfrm>
              <a:prstGeom prst="rect">
                <a:avLst/>
              </a:prstGeom>
              <a:noFill/>
            </p:spPr>
            <p:txBody>
              <a:bodyPr wrap="none" rtlCol="0">
                <a:spAutoFit/>
              </a:bodyPr>
              <a:lstStyle/>
              <a:p>
                <a:r>
                  <a:rPr lang="en-US" sz="1200" dirty="0"/>
                  <a:t>Product</a:t>
                </a:r>
              </a:p>
              <a:p>
                <a:r>
                  <a:rPr lang="en-US" sz="1200" dirty="0"/>
                  <a:t>Owner </a:t>
                </a:r>
              </a:p>
              <a:p>
                <a:endParaRPr lang="en-US" sz="1200" dirty="0"/>
              </a:p>
            </p:txBody>
          </p:sp>
          <p:sp>
            <p:nvSpPr>
              <p:cNvPr id="64" name="TextBox 63">
                <a:extLst>
                  <a:ext uri="{FF2B5EF4-FFF2-40B4-BE49-F238E27FC236}">
                    <a16:creationId xmlns:a16="http://schemas.microsoft.com/office/drawing/2014/main" id="{2756EA61-5927-4627-98DD-44097BAB7160}"/>
                  </a:ext>
                </a:extLst>
              </p:cNvPr>
              <p:cNvSpPr txBox="1"/>
              <p:nvPr/>
            </p:nvSpPr>
            <p:spPr>
              <a:xfrm>
                <a:off x="4921623" y="4879542"/>
                <a:ext cx="699407" cy="465452"/>
              </a:xfrm>
              <a:prstGeom prst="rect">
                <a:avLst/>
              </a:prstGeom>
              <a:noFill/>
            </p:spPr>
            <p:txBody>
              <a:bodyPr wrap="none" rtlCol="0">
                <a:spAutoFit/>
              </a:bodyPr>
              <a:lstStyle/>
              <a:p>
                <a:r>
                  <a:rPr lang="en-US" sz="1200" dirty="0"/>
                  <a:t>Delivery</a:t>
                </a:r>
              </a:p>
              <a:p>
                <a:r>
                  <a:rPr lang="en-US" sz="1200" dirty="0"/>
                  <a:t>Team</a:t>
                </a:r>
              </a:p>
            </p:txBody>
          </p:sp>
          <p:sp>
            <p:nvSpPr>
              <p:cNvPr id="65" name="Rectangle 8">
                <a:extLst>
                  <a:ext uri="{FF2B5EF4-FFF2-40B4-BE49-F238E27FC236}">
                    <a16:creationId xmlns:a16="http://schemas.microsoft.com/office/drawing/2014/main" id="{AC8DF45A-44FD-4E8A-BAE6-D22D7B7035BA}"/>
                  </a:ext>
                </a:extLst>
              </p:cNvPr>
              <p:cNvSpPr>
                <a:spLocks noChangeArrowheads="1"/>
              </p:cNvSpPr>
              <p:nvPr/>
            </p:nvSpPr>
            <p:spPr bwMode="gray">
              <a:xfrm rot="16200000">
                <a:off x="5616255" y="2849362"/>
                <a:ext cx="705788" cy="193929"/>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0" rIns="0" anchor="ctr"/>
              <a:lstStyle/>
              <a:p>
                <a:pPr algn="ctr" defTabSz="514350">
                  <a:defRPr/>
                </a:pPr>
                <a:r>
                  <a:rPr lang="de-DE" sz="1100" dirty="0">
                    <a:ea typeface="ＭＳ Ｐゴシック" pitchFamily="-112" charset="-128"/>
                  </a:rPr>
                  <a:t>initiative</a:t>
                </a:r>
              </a:p>
            </p:txBody>
          </p:sp>
          <p:sp>
            <p:nvSpPr>
              <p:cNvPr id="66" name="TextBox 65">
                <a:extLst>
                  <a:ext uri="{FF2B5EF4-FFF2-40B4-BE49-F238E27FC236}">
                    <a16:creationId xmlns:a16="http://schemas.microsoft.com/office/drawing/2014/main" id="{0E4E955E-E6E6-4368-8B75-F827615DF375}"/>
                  </a:ext>
                </a:extLst>
              </p:cNvPr>
              <p:cNvSpPr txBox="1"/>
              <p:nvPr/>
            </p:nvSpPr>
            <p:spPr>
              <a:xfrm>
                <a:off x="4930901" y="2755723"/>
                <a:ext cx="870396" cy="465452"/>
              </a:xfrm>
              <a:prstGeom prst="rect">
                <a:avLst/>
              </a:prstGeom>
              <a:noFill/>
            </p:spPr>
            <p:txBody>
              <a:bodyPr wrap="none" rtlCol="0">
                <a:spAutoFit/>
              </a:bodyPr>
              <a:lstStyle/>
              <a:p>
                <a:r>
                  <a:rPr lang="en-US" sz="1200" dirty="0"/>
                  <a:t>Product </a:t>
                </a:r>
              </a:p>
              <a:p>
                <a:r>
                  <a:rPr lang="en-US" sz="1200" dirty="0"/>
                  <a:t>Leadership</a:t>
                </a:r>
              </a:p>
            </p:txBody>
          </p:sp>
        </p:grpSp>
        <p:sp>
          <p:nvSpPr>
            <p:cNvPr id="52" name="Freeform 74">
              <a:extLst>
                <a:ext uri="{FF2B5EF4-FFF2-40B4-BE49-F238E27FC236}">
                  <a16:creationId xmlns:a16="http://schemas.microsoft.com/office/drawing/2014/main" id="{683F3B25-307B-48C0-B9AD-AB295B18A5DB}"/>
                </a:ext>
              </a:extLst>
            </p:cNvPr>
            <p:cNvSpPr/>
            <p:nvPr/>
          </p:nvSpPr>
          <p:spPr>
            <a:xfrm>
              <a:off x="5925919" y="3959217"/>
              <a:ext cx="858907" cy="24972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dirty="0">
                  <a:latin typeface="+mj-lt"/>
                </a:rPr>
                <a:t>Solution definition</a:t>
              </a:r>
            </a:p>
          </p:txBody>
        </p:sp>
        <p:sp>
          <p:nvSpPr>
            <p:cNvPr id="53" name="Freeform 74">
              <a:extLst>
                <a:ext uri="{FF2B5EF4-FFF2-40B4-BE49-F238E27FC236}">
                  <a16:creationId xmlns:a16="http://schemas.microsoft.com/office/drawing/2014/main" id="{0CEDE38D-BACF-4550-9E91-20A371FD68D5}"/>
                </a:ext>
              </a:extLst>
            </p:cNvPr>
            <p:cNvSpPr/>
            <p:nvPr/>
          </p:nvSpPr>
          <p:spPr>
            <a:xfrm>
              <a:off x="6718995" y="3958308"/>
              <a:ext cx="858907" cy="24972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Release targeting</a:t>
              </a:r>
            </a:p>
          </p:txBody>
        </p:sp>
        <p:sp>
          <p:nvSpPr>
            <p:cNvPr id="54" name="Freeform 74">
              <a:extLst>
                <a:ext uri="{FF2B5EF4-FFF2-40B4-BE49-F238E27FC236}">
                  <a16:creationId xmlns:a16="http://schemas.microsoft.com/office/drawing/2014/main" id="{80F13637-06EB-499A-A0F5-8FB2194ACDAD}"/>
                </a:ext>
              </a:extLst>
            </p:cNvPr>
            <p:cNvSpPr/>
            <p:nvPr/>
          </p:nvSpPr>
          <p:spPr>
            <a:xfrm>
              <a:off x="5921520" y="4800787"/>
              <a:ext cx="858907" cy="249720"/>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olution design</a:t>
              </a:r>
            </a:p>
          </p:txBody>
        </p:sp>
        <p:sp>
          <p:nvSpPr>
            <p:cNvPr id="55" name="Freeform 207">
              <a:extLst>
                <a:ext uri="{FF2B5EF4-FFF2-40B4-BE49-F238E27FC236}">
                  <a16:creationId xmlns:a16="http://schemas.microsoft.com/office/drawing/2014/main" id="{806C55C9-D2D2-4C1B-9771-A5060DB75EF3}"/>
                </a:ext>
              </a:extLst>
            </p:cNvPr>
            <p:cNvSpPr/>
            <p:nvPr/>
          </p:nvSpPr>
          <p:spPr>
            <a:xfrm>
              <a:off x="6718995" y="4786310"/>
              <a:ext cx="941225" cy="273652"/>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Release planning</a:t>
              </a:r>
            </a:p>
          </p:txBody>
        </p:sp>
        <p:sp>
          <p:nvSpPr>
            <p:cNvPr id="56" name="Freeform 207">
              <a:extLst>
                <a:ext uri="{FF2B5EF4-FFF2-40B4-BE49-F238E27FC236}">
                  <a16:creationId xmlns:a16="http://schemas.microsoft.com/office/drawing/2014/main" id="{B52F4148-68C5-4F55-8530-8E018A8EC2F5}"/>
                </a:ext>
              </a:extLst>
            </p:cNvPr>
            <p:cNvSpPr/>
            <p:nvPr/>
          </p:nvSpPr>
          <p:spPr>
            <a:xfrm>
              <a:off x="5885998" y="5507993"/>
              <a:ext cx="941225" cy="273652"/>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tory make ready</a:t>
              </a:r>
            </a:p>
          </p:txBody>
        </p:sp>
        <p:sp>
          <p:nvSpPr>
            <p:cNvPr id="57" name="Freeform 207">
              <a:extLst>
                <a:ext uri="{FF2B5EF4-FFF2-40B4-BE49-F238E27FC236}">
                  <a16:creationId xmlns:a16="http://schemas.microsoft.com/office/drawing/2014/main" id="{C5E96067-E91A-481F-B821-8A9187CD80A8}"/>
                </a:ext>
              </a:extLst>
            </p:cNvPr>
            <p:cNvSpPr/>
            <p:nvPr/>
          </p:nvSpPr>
          <p:spPr>
            <a:xfrm>
              <a:off x="6718995" y="5507993"/>
              <a:ext cx="941225" cy="273652"/>
            </a:xfrm>
            <a:custGeom>
              <a:avLst/>
              <a:gdLst>
                <a:gd name="connsiteX0" fmla="*/ 1 w 947152"/>
                <a:gd name="connsiteY0" fmla="*/ 55004 h 330028"/>
                <a:gd name="connsiteX1" fmla="*/ 1 w 947152"/>
                <a:gd name="connsiteY1" fmla="*/ 275025 h 330028"/>
                <a:gd name="connsiteX2" fmla="*/ 0 w 947152"/>
                <a:gd name="connsiteY2" fmla="*/ 275022 h 330028"/>
                <a:gd name="connsiteX3" fmla="*/ 0 w 947152"/>
                <a:gd name="connsiteY3" fmla="*/ 55006 h 330028"/>
                <a:gd name="connsiteX4" fmla="*/ 55006 w 947152"/>
                <a:gd name="connsiteY4" fmla="*/ 0 h 330028"/>
                <a:gd name="connsiteX5" fmla="*/ 758796 w 947152"/>
                <a:gd name="connsiteY5" fmla="*/ 0 h 330028"/>
                <a:gd name="connsiteX6" fmla="*/ 780207 w 947152"/>
                <a:gd name="connsiteY6" fmla="*/ 4323 h 330028"/>
                <a:gd name="connsiteX7" fmla="*/ 792505 w 947152"/>
                <a:gd name="connsiteY7" fmla="*/ 12614 h 330028"/>
                <a:gd name="connsiteX8" fmla="*/ 793582 w 947152"/>
                <a:gd name="connsiteY8" fmla="*/ 12614 h 330028"/>
                <a:gd name="connsiteX9" fmla="*/ 795865 w 947152"/>
                <a:gd name="connsiteY9" fmla="*/ 14880 h 330028"/>
                <a:gd name="connsiteX10" fmla="*/ 797691 w 947152"/>
                <a:gd name="connsiteY10" fmla="*/ 16111 h 330028"/>
                <a:gd name="connsiteX11" fmla="*/ 798100 w 947152"/>
                <a:gd name="connsiteY11" fmla="*/ 17097 h 330028"/>
                <a:gd name="connsiteX12" fmla="*/ 947152 w 947152"/>
                <a:gd name="connsiteY12" fmla="*/ 165015 h 330028"/>
                <a:gd name="connsiteX13" fmla="*/ 798099 w 947152"/>
                <a:gd name="connsiteY13" fmla="*/ 312933 h 330028"/>
                <a:gd name="connsiteX14" fmla="*/ 797691 w 947152"/>
                <a:gd name="connsiteY14" fmla="*/ 313917 h 330028"/>
                <a:gd name="connsiteX15" fmla="*/ 795869 w 947152"/>
                <a:gd name="connsiteY15" fmla="*/ 315146 h 330028"/>
                <a:gd name="connsiteX16" fmla="*/ 793582 w 947152"/>
                <a:gd name="connsiteY16" fmla="*/ 317415 h 330028"/>
                <a:gd name="connsiteX17" fmla="*/ 792503 w 947152"/>
                <a:gd name="connsiteY17" fmla="*/ 317415 h 330028"/>
                <a:gd name="connsiteX18" fmla="*/ 780207 w 947152"/>
                <a:gd name="connsiteY18" fmla="*/ 325705 h 330028"/>
                <a:gd name="connsiteX19" fmla="*/ 758796 w 947152"/>
                <a:gd name="connsiteY19" fmla="*/ 330028 h 330028"/>
                <a:gd name="connsiteX20" fmla="*/ 55006 w 947152"/>
                <a:gd name="connsiteY20" fmla="*/ 330028 h 330028"/>
                <a:gd name="connsiteX21" fmla="*/ 33595 w 947152"/>
                <a:gd name="connsiteY21" fmla="*/ 325705 h 330028"/>
                <a:gd name="connsiteX22" fmla="*/ 21301 w 947152"/>
                <a:gd name="connsiteY22" fmla="*/ 317416 h 330028"/>
                <a:gd name="connsiteX23" fmla="*/ 22226 w 947152"/>
                <a:gd name="connsiteY23" fmla="*/ 317416 h 330028"/>
                <a:gd name="connsiteX24" fmla="*/ 184345 w 947152"/>
                <a:gd name="connsiteY24" fmla="*/ 165016 h 330028"/>
                <a:gd name="connsiteX25" fmla="*/ 22226 w 947152"/>
                <a:gd name="connsiteY25" fmla="*/ 12615 h 330028"/>
                <a:gd name="connsiteX26" fmla="*/ 21296 w 947152"/>
                <a:gd name="connsiteY26" fmla="*/ 12615 h 330028"/>
                <a:gd name="connsiteX27" fmla="*/ 33595 w 947152"/>
                <a:gd name="connsiteY27" fmla="*/ 4323 h 330028"/>
                <a:gd name="connsiteX28" fmla="*/ 55006 w 947152"/>
                <a:gd name="connsiteY28" fmla="*/ 0 h 3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947152" h="330028">
                  <a:moveTo>
                    <a:pt x="1" y="55004"/>
                  </a:moveTo>
                  <a:lnTo>
                    <a:pt x="1" y="275025"/>
                  </a:lnTo>
                  <a:lnTo>
                    <a:pt x="0" y="275022"/>
                  </a:lnTo>
                  <a:lnTo>
                    <a:pt x="0" y="55006"/>
                  </a:lnTo>
                  <a:close/>
                  <a:moveTo>
                    <a:pt x="55006" y="0"/>
                  </a:moveTo>
                  <a:lnTo>
                    <a:pt x="758796" y="0"/>
                  </a:lnTo>
                  <a:cubicBezTo>
                    <a:pt x="766391" y="0"/>
                    <a:pt x="773626" y="1539"/>
                    <a:pt x="780207" y="4323"/>
                  </a:cubicBezTo>
                  <a:lnTo>
                    <a:pt x="792505" y="12614"/>
                  </a:lnTo>
                  <a:lnTo>
                    <a:pt x="793582" y="12614"/>
                  </a:lnTo>
                  <a:lnTo>
                    <a:pt x="795865" y="14880"/>
                  </a:lnTo>
                  <a:lnTo>
                    <a:pt x="797691" y="16111"/>
                  </a:lnTo>
                  <a:lnTo>
                    <a:pt x="798100" y="17097"/>
                  </a:lnTo>
                  <a:lnTo>
                    <a:pt x="947152" y="165015"/>
                  </a:lnTo>
                  <a:lnTo>
                    <a:pt x="798099" y="312933"/>
                  </a:lnTo>
                  <a:lnTo>
                    <a:pt x="797691" y="313917"/>
                  </a:lnTo>
                  <a:lnTo>
                    <a:pt x="795869" y="315146"/>
                  </a:lnTo>
                  <a:lnTo>
                    <a:pt x="793582" y="317415"/>
                  </a:lnTo>
                  <a:lnTo>
                    <a:pt x="792503" y="317415"/>
                  </a:lnTo>
                  <a:lnTo>
                    <a:pt x="780207" y="325705"/>
                  </a:lnTo>
                  <a:cubicBezTo>
                    <a:pt x="773626" y="328489"/>
                    <a:pt x="766391" y="330028"/>
                    <a:pt x="758796" y="330028"/>
                  </a:cubicBezTo>
                  <a:lnTo>
                    <a:pt x="55006" y="330028"/>
                  </a:lnTo>
                  <a:cubicBezTo>
                    <a:pt x="47412" y="330028"/>
                    <a:pt x="40176" y="328489"/>
                    <a:pt x="33595" y="325705"/>
                  </a:cubicBezTo>
                  <a:lnTo>
                    <a:pt x="21301" y="317416"/>
                  </a:lnTo>
                  <a:lnTo>
                    <a:pt x="22226" y="317416"/>
                  </a:lnTo>
                  <a:lnTo>
                    <a:pt x="184345" y="165016"/>
                  </a:lnTo>
                  <a:lnTo>
                    <a:pt x="22226" y="12615"/>
                  </a:lnTo>
                  <a:lnTo>
                    <a:pt x="21296" y="12615"/>
                  </a:lnTo>
                  <a:lnTo>
                    <a:pt x="33595" y="4323"/>
                  </a:lnTo>
                  <a:cubicBezTo>
                    <a:pt x="40176" y="1539"/>
                    <a:pt x="47412" y="0"/>
                    <a:pt x="55006" y="0"/>
                  </a:cubicBezTo>
                  <a:close/>
                </a:path>
              </a:pathLst>
            </a:cu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lIns="192024" rIns="118872" rtlCol="0" anchor="ctr"/>
            <a:lstStyle/>
            <a:p>
              <a:pPr algn="ctr"/>
              <a:r>
                <a:rPr lang="en-US" sz="800" cap="all" spc="70" dirty="0">
                  <a:latin typeface="+mj-lt"/>
                </a:rPr>
                <a:t>Story ready</a:t>
              </a:r>
            </a:p>
          </p:txBody>
        </p:sp>
      </p:grpSp>
      <p:sp>
        <p:nvSpPr>
          <p:cNvPr id="4" name="Slide Number Placeholder 3">
            <a:extLst>
              <a:ext uri="{FF2B5EF4-FFF2-40B4-BE49-F238E27FC236}">
                <a16:creationId xmlns:a16="http://schemas.microsoft.com/office/drawing/2014/main" id="{0C974D4F-DA20-F648-9552-FF2BAFD4DAE3}"/>
              </a:ext>
            </a:extLst>
          </p:cNvPr>
          <p:cNvSpPr>
            <a:spLocks noGrp="1"/>
          </p:cNvSpPr>
          <p:nvPr>
            <p:ph type="sldNum" sz="quarter" idx="4"/>
          </p:nvPr>
        </p:nvSpPr>
        <p:spPr/>
        <p:txBody>
          <a:bodyPr/>
          <a:lstStyle/>
          <a:p>
            <a:fld id="{742ED878-647B-DB4D-84DF-0BCCAF9DD0BF}" type="slidenum">
              <a:rPr lang="en-US" smtClean="0"/>
              <a:pPr/>
              <a:t>49</a:t>
            </a:fld>
            <a:endParaRPr lang="en-US" dirty="0"/>
          </a:p>
        </p:txBody>
      </p:sp>
    </p:spTree>
    <p:extLst>
      <p:ext uri="{BB962C8B-B14F-4D97-AF65-F5344CB8AC3E}">
        <p14:creationId xmlns:p14="http://schemas.microsoft.com/office/powerpoint/2010/main" val="12290039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2051D0A9-F841-E54A-99D6-50A4E119116A}"/>
              </a:ext>
            </a:extLst>
          </p:cNvPr>
          <p:cNvPicPr>
            <a:picLocks noChangeAspect="1"/>
          </p:cNvPicPr>
          <p:nvPr/>
        </p:nvPicPr>
        <p:blipFill>
          <a:blip r:embed="rId3"/>
          <a:stretch>
            <a:fillRect/>
          </a:stretch>
        </p:blipFill>
        <p:spPr>
          <a:xfrm>
            <a:off x="0" y="0"/>
            <a:ext cx="12192000" cy="6858000"/>
          </a:xfrm>
          <a:prstGeom prst="rect">
            <a:avLst/>
          </a:prstGeom>
        </p:spPr>
      </p:pic>
      <p:sp>
        <p:nvSpPr>
          <p:cNvPr id="3" name="Rectangle 2">
            <a:extLst>
              <a:ext uri="{FF2B5EF4-FFF2-40B4-BE49-F238E27FC236}">
                <a16:creationId xmlns:a16="http://schemas.microsoft.com/office/drawing/2014/main" id="{70C93FF1-CFB4-A146-B2D5-965423DC5700}"/>
              </a:ext>
            </a:extLst>
          </p:cNvPr>
          <p:cNvSpPr/>
          <p:nvPr/>
        </p:nvSpPr>
        <p:spPr>
          <a:xfrm>
            <a:off x="0" y="0"/>
            <a:ext cx="12192000" cy="6858000"/>
          </a:xfrm>
          <a:prstGeom prst="rect">
            <a:avLst/>
          </a:prstGeom>
          <a:solidFill>
            <a:schemeClr val="tx1">
              <a:alpha val="90217"/>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5" name="Content Placeholder 4"/>
          <p:cNvSpPr>
            <a:spLocks noGrp="1"/>
          </p:cNvSpPr>
          <p:nvPr>
            <p:ph idx="4294967295"/>
          </p:nvPr>
        </p:nvSpPr>
        <p:spPr>
          <a:xfrm>
            <a:off x="962771" y="2116138"/>
            <a:ext cx="4638675" cy="4166675"/>
          </a:xfrm>
        </p:spPr>
        <p:txBody>
          <a:bodyPr>
            <a:normAutofit/>
          </a:bodyPr>
          <a:lstStyle/>
          <a:p>
            <a:r>
              <a:rPr lang="en-US" b="1" spc="180" dirty="0">
                <a:solidFill>
                  <a:schemeClr val="accent1"/>
                </a:solidFill>
                <a:latin typeface="+mj-lt"/>
              </a:rPr>
              <a:t>PMI’S DEFINITION</a:t>
            </a:r>
          </a:p>
          <a:p>
            <a:pPr>
              <a:lnSpc>
                <a:spcPct val="123000"/>
              </a:lnSpc>
            </a:pPr>
            <a:r>
              <a:rPr lang="en-US" sz="2000" dirty="0">
                <a:solidFill>
                  <a:schemeClr val="bg1"/>
                </a:solidFill>
              </a:rPr>
              <a:t>Portfolio management ensures that an organization can leverage its project selection and execution success. It refers to the centralized management of one or more project portfolios to achieve strategic objectives. Our research has shown that portfolio management is a way to bridge the gap between strategy and implementation.</a:t>
            </a:r>
          </a:p>
          <a:p>
            <a:endParaRPr lang="en-US" sz="2000" b="1" spc="180" dirty="0">
              <a:solidFill>
                <a:schemeClr val="accent1"/>
              </a:solidFill>
              <a:latin typeface="+mj-lt"/>
            </a:endParaRPr>
          </a:p>
        </p:txBody>
      </p:sp>
      <p:sp>
        <p:nvSpPr>
          <p:cNvPr id="6" name="Content Placeholder 4">
            <a:extLst>
              <a:ext uri="{FF2B5EF4-FFF2-40B4-BE49-F238E27FC236}">
                <a16:creationId xmlns:a16="http://schemas.microsoft.com/office/drawing/2014/main" id="{7C3A7FFA-29DE-D048-8A9F-92145CF36D8B}"/>
              </a:ext>
            </a:extLst>
          </p:cNvPr>
          <p:cNvSpPr txBox="1">
            <a:spLocks/>
          </p:cNvSpPr>
          <p:nvPr/>
        </p:nvSpPr>
        <p:spPr>
          <a:xfrm>
            <a:off x="6755946" y="2097329"/>
            <a:ext cx="4638455" cy="4001720"/>
          </a:xfrm>
          <a:prstGeom prst="rect">
            <a:avLst/>
          </a:prstGeom>
          <a:ln>
            <a:noFill/>
          </a:ln>
        </p:spPr>
        <p:txBody>
          <a:bodyPr vert="horz" lIns="91440" tIns="45720" rIns="91440" bIns="45720" rtlCol="0">
            <a:normAutofit/>
          </a:bodyPr>
          <a:lstStyle>
            <a:lvl1pPr marL="0" indent="0" algn="l" defTabSz="457200" rtl="0" eaLnBrk="1" latinLnBrk="0" hangingPunct="1">
              <a:spcBef>
                <a:spcPts val="400"/>
              </a:spcBef>
              <a:spcAft>
                <a:spcPts val="800"/>
              </a:spcAft>
              <a:buFont typeface="Arial"/>
              <a:buNone/>
              <a:defRPr lang="en-US" sz="2200" b="0" kern="1200">
                <a:solidFill>
                  <a:schemeClr val="accent4">
                    <a:lumMod val="75000"/>
                  </a:schemeClr>
                </a:solidFill>
                <a:latin typeface="+mn-lt"/>
                <a:ea typeface="+mn-ea"/>
                <a:cs typeface="+mn-cs"/>
              </a:defRPr>
            </a:lvl1pPr>
            <a:lvl2pPr marL="517525" indent="-228600" algn="l" defTabSz="457200" rtl="0" eaLnBrk="1" latinLnBrk="0" hangingPunct="1">
              <a:spcBef>
                <a:spcPts val="400"/>
              </a:spcBef>
              <a:spcAft>
                <a:spcPts val="800"/>
              </a:spcAft>
              <a:buClr>
                <a:schemeClr val="accent4">
                  <a:lumMod val="60000"/>
                  <a:lumOff val="40000"/>
                </a:schemeClr>
              </a:buClr>
              <a:buFont typeface="Arial" charset="0"/>
              <a:buChar char="•"/>
              <a:tabLst/>
              <a:defRPr lang="en-US" sz="2200" b="0" kern="1200">
                <a:solidFill>
                  <a:schemeClr val="accent4">
                    <a:lumMod val="75000"/>
                  </a:schemeClr>
                </a:solidFill>
                <a:latin typeface="+mn-lt"/>
                <a:ea typeface="+mn-ea"/>
                <a:cs typeface="+mn-cs"/>
              </a:defRPr>
            </a:lvl2pPr>
            <a:lvl3pPr marL="960120" indent="-228600" algn="l" defTabSz="457200" rtl="0" eaLnBrk="1" latinLnBrk="0" hangingPunct="1">
              <a:spcBef>
                <a:spcPts val="400"/>
              </a:spcBef>
              <a:spcAft>
                <a:spcPts val="800"/>
              </a:spcAft>
              <a:buClr>
                <a:schemeClr val="accent4">
                  <a:lumMod val="60000"/>
                  <a:lumOff val="40000"/>
                </a:schemeClr>
              </a:buClr>
              <a:buFont typeface="Arial"/>
              <a:buChar char="•"/>
              <a:defRPr lang="en-US" sz="2200" b="0" kern="1200">
                <a:solidFill>
                  <a:schemeClr val="accent4">
                    <a:lumMod val="75000"/>
                  </a:schemeClr>
                </a:solidFill>
                <a:latin typeface="+mn-lt"/>
                <a:ea typeface="+mn-ea"/>
                <a:cs typeface="+mn-cs"/>
              </a:defRPr>
            </a:lvl3pPr>
            <a:lvl4pPr marL="1417320" indent="-228600" algn="l" defTabSz="457200" rtl="0" eaLnBrk="1" latinLnBrk="0" hangingPunct="1">
              <a:spcBef>
                <a:spcPts val="400"/>
              </a:spcBef>
              <a:spcAft>
                <a:spcPts val="800"/>
              </a:spcAft>
              <a:buClr>
                <a:schemeClr val="accent4">
                  <a:lumMod val="60000"/>
                  <a:lumOff val="40000"/>
                </a:schemeClr>
              </a:buClr>
              <a:buFont typeface="Arial" charset="0"/>
              <a:buChar char="•"/>
              <a:defRPr lang="en-US" sz="2200" b="0" kern="1200">
                <a:solidFill>
                  <a:schemeClr val="accent4">
                    <a:lumMod val="75000"/>
                  </a:schemeClr>
                </a:solidFill>
                <a:latin typeface="+mn-lt"/>
                <a:ea typeface="+mn-ea"/>
                <a:cs typeface="+mn-cs"/>
              </a:defRPr>
            </a:lvl4pPr>
            <a:lvl5pPr marL="1874520" indent="-228600" algn="l" defTabSz="457200" rtl="0" eaLnBrk="1" latinLnBrk="0" hangingPunct="1">
              <a:spcBef>
                <a:spcPts val="400"/>
              </a:spcBef>
              <a:spcAft>
                <a:spcPts val="800"/>
              </a:spcAft>
              <a:buClr>
                <a:schemeClr val="accent4">
                  <a:lumMod val="60000"/>
                  <a:lumOff val="40000"/>
                </a:schemeClr>
              </a:buClr>
              <a:buFont typeface="Arial" charset="0"/>
              <a:buChar char="•"/>
              <a:defRPr lang="en-US" sz="2200" b="0" kern="1200">
                <a:solidFill>
                  <a:schemeClr val="accent4">
                    <a:lumMod val="75000"/>
                  </a:schemeClr>
                </a:solidFill>
                <a:latin typeface="+mn-lt"/>
                <a:ea typeface="+mn-ea"/>
                <a:cs typeface="+mn-cs"/>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r>
              <a:rPr lang="en-US" b="1" spc="180" dirty="0">
                <a:solidFill>
                  <a:schemeClr val="accent1"/>
                </a:solidFill>
                <a:latin typeface="+mj-lt"/>
              </a:rPr>
              <a:t>INVESTOPEDIA’S DEFINITION</a:t>
            </a:r>
            <a:endParaRPr lang="en-US" sz="2800" b="1" spc="180" dirty="0">
              <a:solidFill>
                <a:schemeClr val="accent1"/>
              </a:solidFill>
              <a:latin typeface="+mj-lt"/>
            </a:endParaRPr>
          </a:p>
          <a:p>
            <a:pPr>
              <a:lnSpc>
                <a:spcPct val="123000"/>
              </a:lnSpc>
            </a:pPr>
            <a:r>
              <a:rPr lang="en-US" sz="2000" dirty="0">
                <a:solidFill>
                  <a:schemeClr val="bg1"/>
                </a:solidFill>
              </a:rPr>
              <a:t>Portfolio management is the art and science of making decisions about investment mix and policy, matching investments to objectives, asset allocation for individuals and institutions, and balancing risk against performance.</a:t>
            </a:r>
          </a:p>
        </p:txBody>
      </p:sp>
      <p:sp>
        <p:nvSpPr>
          <p:cNvPr id="9" name="Title 3">
            <a:extLst>
              <a:ext uri="{FF2B5EF4-FFF2-40B4-BE49-F238E27FC236}">
                <a16:creationId xmlns:a16="http://schemas.microsoft.com/office/drawing/2014/main" id="{942A02E3-E89C-CB4B-AC32-9F190B3CE6EE}"/>
              </a:ext>
            </a:extLst>
          </p:cNvPr>
          <p:cNvSpPr>
            <a:spLocks noGrp="1"/>
          </p:cNvSpPr>
          <p:nvPr>
            <p:ph type="title"/>
          </p:nvPr>
        </p:nvSpPr>
        <p:spPr>
          <a:xfrm>
            <a:off x="1084521" y="758952"/>
            <a:ext cx="10038198" cy="605699"/>
          </a:xfrm>
        </p:spPr>
        <p:txBody>
          <a:bodyPr/>
          <a:lstStyle/>
          <a:p>
            <a:r>
              <a:rPr lang="en-US" sz="4400" dirty="0">
                <a:ln w="6350">
                  <a:solidFill>
                    <a:schemeClr val="bg1">
                      <a:lumMod val="95000"/>
                    </a:schemeClr>
                  </a:solidFill>
                </a:ln>
                <a:noFill/>
              </a:rPr>
              <a:t>Portfolio Management</a:t>
            </a:r>
          </a:p>
        </p:txBody>
      </p:sp>
      <p:cxnSp>
        <p:nvCxnSpPr>
          <p:cNvPr id="11" name="Straight Connector 10">
            <a:extLst>
              <a:ext uri="{FF2B5EF4-FFF2-40B4-BE49-F238E27FC236}">
                <a16:creationId xmlns:a16="http://schemas.microsoft.com/office/drawing/2014/main" id="{4E6DCC72-2532-564C-850A-7AED0F96C9BE}"/>
              </a:ext>
            </a:extLst>
          </p:cNvPr>
          <p:cNvCxnSpPr/>
          <p:nvPr/>
        </p:nvCxnSpPr>
        <p:spPr>
          <a:xfrm>
            <a:off x="6096000" y="2440602"/>
            <a:ext cx="0" cy="3259393"/>
          </a:xfrm>
          <a:prstGeom prst="line">
            <a:avLst/>
          </a:prstGeom>
          <a:ln w="9525">
            <a:solidFill>
              <a:schemeClr val="bg1">
                <a:lumMod val="65000"/>
              </a:schemeClr>
            </a:solidFill>
            <a:prstDash val="lgDash"/>
            <a:tailEnd type="none"/>
          </a:ln>
          <a:effectLst/>
        </p:spPr>
        <p:style>
          <a:lnRef idx="2">
            <a:schemeClr val="accent1"/>
          </a:lnRef>
          <a:fillRef idx="0">
            <a:schemeClr val="accent1"/>
          </a:fillRef>
          <a:effectRef idx="1">
            <a:schemeClr val="accent1"/>
          </a:effectRef>
          <a:fontRef idx="minor">
            <a:schemeClr val="tx1"/>
          </a:fontRef>
        </p:style>
      </p:cxnSp>
      <p:sp>
        <p:nvSpPr>
          <p:cNvPr id="4" name="Slide Number Placeholder 3">
            <a:extLst>
              <a:ext uri="{FF2B5EF4-FFF2-40B4-BE49-F238E27FC236}">
                <a16:creationId xmlns:a16="http://schemas.microsoft.com/office/drawing/2014/main" id="{CCEB354E-4AA1-8941-9D8C-D9554D963538}"/>
              </a:ext>
            </a:extLst>
          </p:cNvPr>
          <p:cNvSpPr>
            <a:spLocks noGrp="1"/>
          </p:cNvSpPr>
          <p:nvPr>
            <p:ph type="sldNum" sz="quarter" idx="4"/>
          </p:nvPr>
        </p:nvSpPr>
        <p:spPr/>
        <p:txBody>
          <a:bodyPr/>
          <a:lstStyle/>
          <a:p>
            <a:fld id="{742ED878-647B-DB4D-84DF-0BCCAF9DD0BF}" type="slidenum">
              <a:rPr lang="en-US" smtClean="0"/>
              <a:pPr/>
              <a:t>5</a:t>
            </a:fld>
            <a:endParaRPr lang="en-US" dirty="0"/>
          </a:p>
        </p:txBody>
      </p:sp>
    </p:spTree>
    <p:extLst>
      <p:ext uri="{BB962C8B-B14F-4D97-AF65-F5344CB8AC3E}">
        <p14:creationId xmlns:p14="http://schemas.microsoft.com/office/powerpoint/2010/main" val="42212825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Sustain the Plan</a:t>
            </a:r>
          </a:p>
        </p:txBody>
      </p:sp>
      <p:grpSp>
        <p:nvGrpSpPr>
          <p:cNvPr id="16" name="Group 15"/>
          <p:cNvGrpSpPr/>
          <p:nvPr/>
        </p:nvGrpSpPr>
        <p:grpSpPr>
          <a:xfrm>
            <a:off x="1807292" y="1700390"/>
            <a:ext cx="8254652" cy="4848121"/>
            <a:chOff x="397699" y="729642"/>
            <a:chExt cx="8254652" cy="4848121"/>
          </a:xfrm>
        </p:grpSpPr>
        <p:sp>
          <p:nvSpPr>
            <p:cNvPr id="17" name="Text Placeholder 2"/>
            <p:cNvSpPr txBox="1">
              <a:spLocks/>
            </p:cNvSpPr>
            <p:nvPr/>
          </p:nvSpPr>
          <p:spPr bwMode="auto">
            <a:xfrm>
              <a:off x="422751" y="1306881"/>
              <a:ext cx="8204550" cy="1160576"/>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marL="342900" indent="-342900" algn="l" rtl="0" eaLnBrk="0" fontAlgn="base" hangingPunct="0">
                <a:spcBef>
                  <a:spcPct val="20000"/>
                </a:spcBef>
                <a:spcAft>
                  <a:spcPct val="0"/>
                </a:spcAft>
                <a:buChar char="•"/>
                <a:defRPr sz="3200" kern="1200">
                  <a:solidFill>
                    <a:srgbClr val="404040"/>
                  </a:solidFill>
                  <a:latin typeface="Aleo"/>
                  <a:ea typeface="+mn-ea"/>
                  <a:cs typeface="Aleo"/>
                </a:defRPr>
              </a:lvl1pPr>
              <a:lvl2pPr marL="742950" indent="-285750" algn="l" rtl="0" eaLnBrk="0" fontAlgn="base" hangingPunct="0">
                <a:spcBef>
                  <a:spcPct val="20000"/>
                </a:spcBef>
                <a:spcAft>
                  <a:spcPct val="0"/>
                </a:spcAft>
                <a:buChar char="–"/>
                <a:defRPr sz="2800" kern="1200">
                  <a:solidFill>
                    <a:srgbClr val="404040"/>
                  </a:solidFill>
                  <a:latin typeface="Aleo"/>
                  <a:ea typeface="+mn-ea"/>
                  <a:cs typeface="Aleo"/>
                </a:defRPr>
              </a:lvl2pPr>
              <a:lvl3pPr marL="1143000" indent="-228600" algn="l" rtl="0" eaLnBrk="0" fontAlgn="base" hangingPunct="0">
                <a:spcBef>
                  <a:spcPct val="20000"/>
                </a:spcBef>
                <a:spcAft>
                  <a:spcPct val="0"/>
                </a:spcAft>
                <a:buChar char="•"/>
                <a:defRPr sz="2400" kern="1200">
                  <a:solidFill>
                    <a:srgbClr val="404040"/>
                  </a:solidFill>
                  <a:latin typeface="Aleo"/>
                  <a:ea typeface="+mn-ea"/>
                  <a:cs typeface="Aleo"/>
                </a:defRPr>
              </a:lvl3pPr>
              <a:lvl4pPr marL="1600200" indent="-228600" algn="l" rtl="0" eaLnBrk="0" fontAlgn="base" hangingPunct="0">
                <a:spcBef>
                  <a:spcPct val="20000"/>
                </a:spcBef>
                <a:spcAft>
                  <a:spcPct val="0"/>
                </a:spcAft>
                <a:buChar char="–"/>
                <a:defRPr sz="2000" kern="1200">
                  <a:solidFill>
                    <a:srgbClr val="404040"/>
                  </a:solidFill>
                  <a:latin typeface="Aleo"/>
                  <a:ea typeface="+mn-ea"/>
                  <a:cs typeface="Aleo"/>
                </a:defRPr>
              </a:lvl4pPr>
              <a:lvl5pPr marL="2057400" indent="-228600" algn="l" rtl="0" eaLnBrk="0" fontAlgn="base" hangingPunct="0">
                <a:spcBef>
                  <a:spcPct val="20000"/>
                </a:spcBef>
                <a:spcAft>
                  <a:spcPct val="0"/>
                </a:spcAft>
                <a:buChar char="»"/>
                <a:defRPr sz="2000" kern="1200">
                  <a:solidFill>
                    <a:srgbClr val="404040"/>
                  </a:solidFill>
                  <a:latin typeface="Aleo"/>
                  <a:ea typeface="+mn-ea"/>
                  <a:cs typeface="Aleo"/>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Aft>
                  <a:spcPts val="1200"/>
                </a:spcAft>
                <a:buClr>
                  <a:schemeClr val="accent4">
                    <a:lumMod val="60000"/>
                    <a:lumOff val="40000"/>
                  </a:schemeClr>
                </a:buClr>
                <a:buNone/>
              </a:pPr>
              <a:r>
                <a:rPr lang="en-US" sz="1400" dirty="0">
                  <a:solidFill>
                    <a:schemeClr val="accent4">
                      <a:lumMod val="50000"/>
                    </a:schemeClr>
                  </a:solidFill>
                  <a:latin typeface="+mn-lt"/>
                  <a:ea typeface="Aleo" charset="0"/>
                  <a:cs typeface="Aleo" charset="0"/>
                </a:rPr>
                <a:t>Each Month </a:t>
              </a:r>
            </a:p>
            <a:p>
              <a:pPr marL="457200" lvl="1" indent="0">
                <a:spcAft>
                  <a:spcPts val="1200"/>
                </a:spcAft>
                <a:buClr>
                  <a:schemeClr val="accent4">
                    <a:lumMod val="60000"/>
                    <a:lumOff val="40000"/>
                  </a:schemeClr>
                </a:buClr>
                <a:buNone/>
              </a:pPr>
              <a:r>
                <a:rPr lang="en-US" sz="1400" dirty="0">
                  <a:solidFill>
                    <a:schemeClr val="accent4">
                      <a:lumMod val="50000"/>
                    </a:schemeClr>
                  </a:solidFill>
                  <a:latin typeface="+mn-lt"/>
                  <a:ea typeface="Aleo" charset="0"/>
                  <a:cs typeface="Aleo" charset="0"/>
                </a:rPr>
                <a:t>The Delivery Teams will complete sprints and deliver Stories</a:t>
              </a:r>
            </a:p>
            <a:p>
              <a:pPr marL="457200" lvl="1" indent="0">
                <a:spcAft>
                  <a:spcPts val="1200"/>
                </a:spcAft>
                <a:buClr>
                  <a:schemeClr val="accent4">
                    <a:lumMod val="60000"/>
                    <a:lumOff val="40000"/>
                  </a:schemeClr>
                </a:buClr>
                <a:buNone/>
              </a:pPr>
              <a:r>
                <a:rPr lang="en-US" sz="1400" dirty="0">
                  <a:solidFill>
                    <a:schemeClr val="accent4">
                      <a:lumMod val="50000"/>
                    </a:schemeClr>
                  </a:solidFill>
                  <a:latin typeface="+mn-lt"/>
                  <a:ea typeface="Aleo" charset="0"/>
                  <a:cs typeface="Aleo" charset="0"/>
                </a:rPr>
                <a:t>The Delivery Team and Product Team will elaborate Stories to sustain the Sprint backlog </a:t>
              </a:r>
            </a:p>
          </p:txBody>
        </p:sp>
        <p:graphicFrame>
          <p:nvGraphicFramePr>
            <p:cNvPr id="18" name="Diagram 17"/>
            <p:cNvGraphicFramePr/>
            <p:nvPr>
              <p:extLst>
                <p:ext uri="{D42A27DB-BD31-4B8C-83A1-F6EECF244321}">
                  <p14:modId xmlns:p14="http://schemas.microsoft.com/office/powerpoint/2010/main" val="3957100890"/>
                </p:ext>
              </p:extLst>
            </p:nvPr>
          </p:nvGraphicFramePr>
          <p:xfrm>
            <a:off x="397701" y="729642"/>
            <a:ext cx="8171145" cy="6604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graphicFrame>
          <p:nvGraphicFramePr>
            <p:cNvPr id="19" name="Diagram 18"/>
            <p:cNvGraphicFramePr/>
            <p:nvPr>
              <p:extLst>
                <p:ext uri="{D42A27DB-BD31-4B8C-83A1-F6EECF244321}">
                  <p14:modId xmlns:p14="http://schemas.microsoft.com/office/powerpoint/2010/main" val="3527735092"/>
                </p:ext>
              </p:extLst>
            </p:nvPr>
          </p:nvGraphicFramePr>
          <p:xfrm>
            <a:off x="397700" y="2491807"/>
            <a:ext cx="8171145" cy="520178"/>
          </p:xfrm>
          <a:graphic>
            <a:graphicData uri="http://schemas.openxmlformats.org/drawingml/2006/diagram">
              <dgm:relIds xmlns:dgm="http://schemas.openxmlformats.org/drawingml/2006/diagram" xmlns:r="http://schemas.openxmlformats.org/officeDocument/2006/relationships" r:dm="rId7" r:lo="rId8" r:qs="rId9" r:cs="rId10"/>
            </a:graphicData>
          </a:graphic>
        </p:graphicFrame>
        <p:graphicFrame>
          <p:nvGraphicFramePr>
            <p:cNvPr id="20" name="Diagram 19"/>
            <p:cNvGraphicFramePr/>
            <p:nvPr>
              <p:extLst>
                <p:ext uri="{D42A27DB-BD31-4B8C-83A1-F6EECF244321}">
                  <p14:modId xmlns:p14="http://schemas.microsoft.com/office/powerpoint/2010/main" val="706972347"/>
                </p:ext>
              </p:extLst>
            </p:nvPr>
          </p:nvGraphicFramePr>
          <p:xfrm>
            <a:off x="397699" y="4089400"/>
            <a:ext cx="8171145" cy="660400"/>
          </p:xfrm>
          <a:graphic>
            <a:graphicData uri="http://schemas.openxmlformats.org/drawingml/2006/diagram">
              <dgm:relIds xmlns:dgm="http://schemas.openxmlformats.org/drawingml/2006/diagram" xmlns:r="http://schemas.openxmlformats.org/officeDocument/2006/relationships" r:dm="rId12" r:lo="rId13" r:qs="rId14" r:cs="rId15"/>
            </a:graphicData>
          </a:graphic>
        </p:graphicFrame>
        <p:sp>
          <p:nvSpPr>
            <p:cNvPr id="21" name="Text Placeholder 2"/>
            <p:cNvSpPr txBox="1">
              <a:spLocks/>
            </p:cNvSpPr>
            <p:nvPr/>
          </p:nvSpPr>
          <p:spPr bwMode="auto">
            <a:xfrm>
              <a:off x="422751" y="3019497"/>
              <a:ext cx="8204550" cy="838200"/>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marL="342900" indent="-342900" algn="l" rtl="0" eaLnBrk="0" fontAlgn="base" hangingPunct="0">
                <a:spcBef>
                  <a:spcPct val="20000"/>
                </a:spcBef>
                <a:spcAft>
                  <a:spcPct val="0"/>
                </a:spcAft>
                <a:buChar char="•"/>
                <a:defRPr sz="3200" kern="1200">
                  <a:solidFill>
                    <a:srgbClr val="404040"/>
                  </a:solidFill>
                  <a:latin typeface="Aleo"/>
                  <a:ea typeface="+mn-ea"/>
                  <a:cs typeface="Aleo"/>
                </a:defRPr>
              </a:lvl1pPr>
              <a:lvl2pPr marL="742950" indent="-285750" algn="l" rtl="0" eaLnBrk="0" fontAlgn="base" hangingPunct="0">
                <a:spcBef>
                  <a:spcPct val="20000"/>
                </a:spcBef>
                <a:spcAft>
                  <a:spcPct val="0"/>
                </a:spcAft>
                <a:buChar char="–"/>
                <a:defRPr sz="2800" kern="1200">
                  <a:solidFill>
                    <a:srgbClr val="404040"/>
                  </a:solidFill>
                  <a:latin typeface="Aleo"/>
                  <a:ea typeface="+mn-ea"/>
                  <a:cs typeface="Aleo"/>
                </a:defRPr>
              </a:lvl2pPr>
              <a:lvl3pPr marL="1143000" indent="-228600" algn="l" rtl="0" eaLnBrk="0" fontAlgn="base" hangingPunct="0">
                <a:spcBef>
                  <a:spcPct val="20000"/>
                </a:spcBef>
                <a:spcAft>
                  <a:spcPct val="0"/>
                </a:spcAft>
                <a:buChar char="•"/>
                <a:defRPr sz="2400" kern="1200">
                  <a:solidFill>
                    <a:srgbClr val="404040"/>
                  </a:solidFill>
                  <a:latin typeface="Aleo"/>
                  <a:ea typeface="+mn-ea"/>
                  <a:cs typeface="Aleo"/>
                </a:defRPr>
              </a:lvl3pPr>
              <a:lvl4pPr marL="1600200" indent="-228600" algn="l" rtl="0" eaLnBrk="0" fontAlgn="base" hangingPunct="0">
                <a:spcBef>
                  <a:spcPct val="20000"/>
                </a:spcBef>
                <a:spcAft>
                  <a:spcPct val="0"/>
                </a:spcAft>
                <a:buChar char="–"/>
                <a:defRPr sz="2000" kern="1200">
                  <a:solidFill>
                    <a:srgbClr val="404040"/>
                  </a:solidFill>
                  <a:latin typeface="Aleo"/>
                  <a:ea typeface="+mn-ea"/>
                  <a:cs typeface="Aleo"/>
                </a:defRPr>
              </a:lvl4pPr>
              <a:lvl5pPr marL="2057400" indent="-228600" algn="l" rtl="0" eaLnBrk="0" fontAlgn="base" hangingPunct="0">
                <a:spcBef>
                  <a:spcPct val="20000"/>
                </a:spcBef>
                <a:spcAft>
                  <a:spcPct val="0"/>
                </a:spcAft>
                <a:buChar char="»"/>
                <a:defRPr sz="2000" kern="1200">
                  <a:solidFill>
                    <a:srgbClr val="404040"/>
                  </a:solidFill>
                  <a:latin typeface="Aleo"/>
                  <a:ea typeface="+mn-ea"/>
                  <a:cs typeface="Aleo"/>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Aft>
                  <a:spcPts val="1200"/>
                </a:spcAft>
                <a:buClr>
                  <a:schemeClr val="accent4">
                    <a:lumMod val="60000"/>
                    <a:lumOff val="40000"/>
                  </a:schemeClr>
                </a:buClr>
                <a:buNone/>
              </a:pPr>
              <a:r>
                <a:rPr lang="en-US" sz="1400" dirty="0">
                  <a:solidFill>
                    <a:schemeClr val="accent4">
                      <a:lumMod val="50000"/>
                    </a:schemeClr>
                  </a:solidFill>
                  <a:latin typeface="+mn-lt"/>
                  <a:ea typeface="Aleo" charset="0"/>
                  <a:cs typeface="Aleo" charset="0"/>
                </a:rPr>
                <a:t>Each Month </a:t>
              </a:r>
            </a:p>
            <a:p>
              <a:pPr marL="457200" lvl="1" indent="0">
                <a:spcAft>
                  <a:spcPts val="1200"/>
                </a:spcAft>
                <a:buClr>
                  <a:schemeClr val="accent4">
                    <a:lumMod val="60000"/>
                    <a:lumOff val="40000"/>
                  </a:schemeClr>
                </a:buClr>
                <a:buNone/>
              </a:pPr>
              <a:r>
                <a:rPr lang="en-US" sz="1400" dirty="0">
                  <a:solidFill>
                    <a:schemeClr val="accent4">
                      <a:lumMod val="50000"/>
                    </a:schemeClr>
                  </a:solidFill>
                  <a:latin typeface="+mn-lt"/>
                  <a:ea typeface="Aleo" charset="0"/>
                  <a:cs typeface="Aleo" charset="0"/>
                </a:rPr>
                <a:t>The Product  team will Perform Feature definition and Story Mapping to sustain the Release Planning horizon</a:t>
              </a:r>
            </a:p>
          </p:txBody>
        </p:sp>
        <p:sp>
          <p:nvSpPr>
            <p:cNvPr id="22" name="Text Placeholder 2"/>
            <p:cNvSpPr txBox="1">
              <a:spLocks/>
            </p:cNvSpPr>
            <p:nvPr/>
          </p:nvSpPr>
          <p:spPr bwMode="auto">
            <a:xfrm>
              <a:off x="422751" y="4739563"/>
              <a:ext cx="8229600" cy="838200"/>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marL="342900" indent="-342900" algn="l" rtl="0" eaLnBrk="0" fontAlgn="base" hangingPunct="0">
                <a:spcBef>
                  <a:spcPct val="20000"/>
                </a:spcBef>
                <a:spcAft>
                  <a:spcPct val="0"/>
                </a:spcAft>
                <a:buChar char="•"/>
                <a:defRPr sz="3200" kern="1200">
                  <a:solidFill>
                    <a:srgbClr val="404040"/>
                  </a:solidFill>
                  <a:latin typeface="Aleo"/>
                  <a:ea typeface="+mn-ea"/>
                  <a:cs typeface="Aleo"/>
                </a:defRPr>
              </a:lvl1pPr>
              <a:lvl2pPr marL="742950" indent="-285750" algn="l" rtl="0" eaLnBrk="0" fontAlgn="base" hangingPunct="0">
                <a:spcBef>
                  <a:spcPct val="20000"/>
                </a:spcBef>
                <a:spcAft>
                  <a:spcPct val="0"/>
                </a:spcAft>
                <a:buChar char="–"/>
                <a:defRPr sz="2800" kern="1200">
                  <a:solidFill>
                    <a:srgbClr val="404040"/>
                  </a:solidFill>
                  <a:latin typeface="Aleo"/>
                  <a:ea typeface="+mn-ea"/>
                  <a:cs typeface="Aleo"/>
                </a:defRPr>
              </a:lvl2pPr>
              <a:lvl3pPr marL="1143000" indent="-228600" algn="l" rtl="0" eaLnBrk="0" fontAlgn="base" hangingPunct="0">
                <a:spcBef>
                  <a:spcPct val="20000"/>
                </a:spcBef>
                <a:spcAft>
                  <a:spcPct val="0"/>
                </a:spcAft>
                <a:buChar char="•"/>
                <a:defRPr sz="2400" kern="1200">
                  <a:solidFill>
                    <a:srgbClr val="404040"/>
                  </a:solidFill>
                  <a:latin typeface="Aleo"/>
                  <a:ea typeface="+mn-ea"/>
                  <a:cs typeface="Aleo"/>
                </a:defRPr>
              </a:lvl3pPr>
              <a:lvl4pPr marL="1600200" indent="-228600" algn="l" rtl="0" eaLnBrk="0" fontAlgn="base" hangingPunct="0">
                <a:spcBef>
                  <a:spcPct val="20000"/>
                </a:spcBef>
                <a:spcAft>
                  <a:spcPct val="0"/>
                </a:spcAft>
                <a:buChar char="–"/>
                <a:defRPr sz="2000" kern="1200">
                  <a:solidFill>
                    <a:srgbClr val="404040"/>
                  </a:solidFill>
                  <a:latin typeface="Aleo"/>
                  <a:ea typeface="+mn-ea"/>
                  <a:cs typeface="Aleo"/>
                </a:defRPr>
              </a:lvl4pPr>
              <a:lvl5pPr marL="2057400" indent="-228600" algn="l" rtl="0" eaLnBrk="0" fontAlgn="base" hangingPunct="0">
                <a:spcBef>
                  <a:spcPct val="20000"/>
                </a:spcBef>
                <a:spcAft>
                  <a:spcPct val="0"/>
                </a:spcAft>
                <a:buChar char="»"/>
                <a:defRPr sz="2000" kern="1200">
                  <a:solidFill>
                    <a:srgbClr val="404040"/>
                  </a:solidFill>
                  <a:latin typeface="Aleo"/>
                  <a:ea typeface="+mn-ea"/>
                  <a:cs typeface="Aleo"/>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Aft>
                  <a:spcPts val="1200"/>
                </a:spcAft>
                <a:buClr>
                  <a:schemeClr val="accent4">
                    <a:lumMod val="60000"/>
                    <a:lumOff val="40000"/>
                  </a:schemeClr>
                </a:buClr>
                <a:buNone/>
              </a:pPr>
              <a:r>
                <a:rPr lang="en-US" sz="1400" dirty="0">
                  <a:solidFill>
                    <a:schemeClr val="accent4">
                      <a:lumMod val="50000"/>
                    </a:schemeClr>
                  </a:solidFill>
                  <a:latin typeface="+mn-lt"/>
                  <a:ea typeface="Aleo" charset="0"/>
                  <a:cs typeface="Aleo" charset="0"/>
                </a:rPr>
                <a:t>Each Month </a:t>
              </a:r>
            </a:p>
            <a:p>
              <a:pPr marL="457200" lvl="1" indent="0">
                <a:spcAft>
                  <a:spcPts val="1200"/>
                </a:spcAft>
                <a:buClr>
                  <a:schemeClr val="accent4">
                    <a:lumMod val="60000"/>
                    <a:lumOff val="40000"/>
                  </a:schemeClr>
                </a:buClr>
                <a:buNone/>
              </a:pPr>
              <a:r>
                <a:rPr lang="en-US" sz="1400" dirty="0">
                  <a:solidFill>
                    <a:schemeClr val="accent4">
                      <a:lumMod val="50000"/>
                    </a:schemeClr>
                  </a:solidFill>
                  <a:latin typeface="+mn-lt"/>
                  <a:ea typeface="Aleo" charset="0"/>
                  <a:cs typeface="Aleo" charset="0"/>
                </a:rPr>
                <a:t>The Portfolio Team will Perform Epic definition to sustain the Portfolio horizon</a:t>
              </a:r>
            </a:p>
          </p:txBody>
        </p:sp>
        <p:sp>
          <p:nvSpPr>
            <p:cNvPr id="23" name="Oval 22"/>
            <p:cNvSpPr/>
            <p:nvPr/>
          </p:nvSpPr>
          <p:spPr bwMode="auto">
            <a:xfrm>
              <a:off x="672618" y="1744854"/>
              <a:ext cx="228600" cy="222866"/>
            </a:xfrm>
            <a:prstGeom prst="ellipse">
              <a:avLst/>
            </a:prstGeom>
            <a:solidFill>
              <a:schemeClr val="accent2"/>
            </a:solidFill>
            <a:ln w="9525" cap="flat" cmpd="sng" algn="ctr">
              <a:solidFill>
                <a:schemeClr val="tx1"/>
              </a:solidFill>
              <a:prstDash val="solid"/>
              <a:round/>
              <a:headEnd type="none" w="med" len="med"/>
              <a:tailEnd type="none" w="med" len="med"/>
            </a:ln>
            <a:effectLst/>
            <a:extLs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rtlCol="0" anchor="ctr" anchorCtr="0" compatLnSpc="1">
              <a:prstTxWarp prst="textNoShape">
                <a:avLst/>
              </a:prstTxWarp>
            </a:bodyPr>
            <a:lstStyle/>
            <a:p>
              <a:pPr algn="ctr" defTabSz="914400" eaLnBrk="0" fontAlgn="base" hangingPunct="0">
                <a:spcBef>
                  <a:spcPct val="0"/>
                </a:spcBef>
                <a:spcAft>
                  <a:spcPct val="0"/>
                </a:spcAft>
              </a:pPr>
              <a:endParaRPr lang="en-US" sz="1200" dirty="0">
                <a:latin typeface="Arial" panose="020B0604020202020204" pitchFamily="34" charset="0"/>
                <a:ea typeface="ＭＳ Ｐゴシック" panose="020B0600070205080204" pitchFamily="34" charset="-128"/>
              </a:endParaRPr>
            </a:p>
          </p:txBody>
        </p:sp>
        <p:sp>
          <p:nvSpPr>
            <p:cNvPr id="24" name="Oval 23"/>
            <p:cNvSpPr/>
            <p:nvPr/>
          </p:nvSpPr>
          <p:spPr bwMode="auto">
            <a:xfrm>
              <a:off x="683416" y="2147103"/>
              <a:ext cx="228600" cy="222866"/>
            </a:xfrm>
            <a:prstGeom prst="ellipse">
              <a:avLst/>
            </a:prstGeom>
            <a:solidFill>
              <a:schemeClr val="accent2">
                <a:lumMod val="40000"/>
                <a:lumOff val="60000"/>
              </a:schemeClr>
            </a:solidFill>
            <a:ln w="9525" cap="flat" cmpd="sng" algn="ctr">
              <a:solidFill>
                <a:schemeClr val="tx1"/>
              </a:solidFill>
              <a:prstDash val="solid"/>
              <a:round/>
              <a:headEnd type="none" w="med" len="med"/>
              <a:tailEnd type="none" w="med" len="med"/>
            </a:ln>
            <a:effectLst/>
            <a:extLs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rtlCol="0" anchor="ctr" anchorCtr="0" compatLnSpc="1">
              <a:prstTxWarp prst="textNoShape">
                <a:avLst/>
              </a:prstTxWarp>
            </a:bodyPr>
            <a:lstStyle/>
            <a:p>
              <a:pPr algn="ctr" defTabSz="914400" eaLnBrk="0" fontAlgn="base" hangingPunct="0">
                <a:spcBef>
                  <a:spcPct val="0"/>
                </a:spcBef>
                <a:spcAft>
                  <a:spcPct val="0"/>
                </a:spcAft>
              </a:pPr>
              <a:endParaRPr lang="en-US" sz="1200" dirty="0">
                <a:latin typeface="Arial" panose="020B0604020202020204" pitchFamily="34" charset="0"/>
                <a:ea typeface="ＭＳ Ｐゴシック" panose="020B0600070205080204" pitchFamily="34" charset="-128"/>
              </a:endParaRPr>
            </a:p>
          </p:txBody>
        </p:sp>
        <p:sp>
          <p:nvSpPr>
            <p:cNvPr id="25" name="Oval 24"/>
            <p:cNvSpPr/>
            <p:nvPr/>
          </p:nvSpPr>
          <p:spPr bwMode="auto">
            <a:xfrm>
              <a:off x="686906" y="3465312"/>
              <a:ext cx="228600" cy="222866"/>
            </a:xfrm>
            <a:prstGeom prst="ellipse">
              <a:avLst/>
            </a:prstGeom>
            <a:solidFill>
              <a:schemeClr val="accent2">
                <a:lumMod val="40000"/>
                <a:lumOff val="60000"/>
              </a:schemeClr>
            </a:solidFill>
            <a:ln w="9525" cap="flat" cmpd="sng" algn="ctr">
              <a:solidFill>
                <a:schemeClr val="tx1"/>
              </a:solidFill>
              <a:prstDash val="solid"/>
              <a:round/>
              <a:headEnd type="none" w="med" len="med"/>
              <a:tailEnd type="none" w="med" len="med"/>
            </a:ln>
            <a:effectLst/>
            <a:extLs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rtlCol="0" anchor="ctr" anchorCtr="0" compatLnSpc="1">
              <a:prstTxWarp prst="textNoShape">
                <a:avLst/>
              </a:prstTxWarp>
            </a:bodyPr>
            <a:lstStyle/>
            <a:p>
              <a:pPr algn="ctr" defTabSz="914400" eaLnBrk="0" fontAlgn="base" hangingPunct="0">
                <a:spcBef>
                  <a:spcPct val="0"/>
                </a:spcBef>
                <a:spcAft>
                  <a:spcPct val="0"/>
                </a:spcAft>
              </a:pPr>
              <a:endParaRPr lang="en-US" sz="1200" dirty="0">
                <a:latin typeface="Arial" panose="020B0604020202020204" pitchFamily="34" charset="0"/>
                <a:ea typeface="ＭＳ Ｐゴシック" panose="020B0600070205080204" pitchFamily="34" charset="-128"/>
              </a:endParaRPr>
            </a:p>
          </p:txBody>
        </p:sp>
        <p:sp>
          <p:nvSpPr>
            <p:cNvPr id="26" name="Oval 25"/>
            <p:cNvSpPr/>
            <p:nvPr/>
          </p:nvSpPr>
          <p:spPr bwMode="auto">
            <a:xfrm>
              <a:off x="683416" y="5189869"/>
              <a:ext cx="228600" cy="222866"/>
            </a:xfrm>
            <a:prstGeom prst="ellipse">
              <a:avLst/>
            </a:prstGeom>
            <a:solidFill>
              <a:schemeClr val="accent2">
                <a:lumMod val="40000"/>
                <a:lumOff val="60000"/>
              </a:schemeClr>
            </a:solidFill>
            <a:ln w="9525" cap="flat" cmpd="sng" algn="ctr">
              <a:solidFill>
                <a:schemeClr val="tx1"/>
              </a:solidFill>
              <a:prstDash val="solid"/>
              <a:round/>
              <a:headEnd type="none" w="med" len="med"/>
              <a:tailEnd type="none" w="med" len="med"/>
            </a:ln>
            <a:effectLst/>
            <a:extLs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rtlCol="0" anchor="ctr" anchorCtr="0" compatLnSpc="1">
              <a:prstTxWarp prst="textNoShape">
                <a:avLst/>
              </a:prstTxWarp>
            </a:bodyPr>
            <a:lstStyle/>
            <a:p>
              <a:pPr algn="ctr" defTabSz="914400" eaLnBrk="0" fontAlgn="base" hangingPunct="0">
                <a:spcBef>
                  <a:spcPct val="0"/>
                </a:spcBef>
                <a:spcAft>
                  <a:spcPct val="0"/>
                </a:spcAft>
              </a:pPr>
              <a:endParaRPr lang="en-US" sz="1200" dirty="0">
                <a:latin typeface="Arial" panose="020B0604020202020204" pitchFamily="34" charset="0"/>
                <a:ea typeface="ＭＳ Ｐゴシック" panose="020B0600070205080204" pitchFamily="34" charset="-128"/>
              </a:endParaRPr>
            </a:p>
          </p:txBody>
        </p:sp>
      </p:grpSp>
      <p:sp>
        <p:nvSpPr>
          <p:cNvPr id="3" name="Slide Number Placeholder 2">
            <a:extLst>
              <a:ext uri="{FF2B5EF4-FFF2-40B4-BE49-F238E27FC236}">
                <a16:creationId xmlns:a16="http://schemas.microsoft.com/office/drawing/2014/main" id="{226E631A-A0DE-8C4D-9992-E739DC215AA5}"/>
              </a:ext>
            </a:extLst>
          </p:cNvPr>
          <p:cNvSpPr>
            <a:spLocks noGrp="1"/>
          </p:cNvSpPr>
          <p:nvPr>
            <p:ph type="sldNum" sz="quarter" idx="4"/>
          </p:nvPr>
        </p:nvSpPr>
        <p:spPr/>
        <p:txBody>
          <a:bodyPr/>
          <a:lstStyle/>
          <a:p>
            <a:fld id="{742ED878-647B-DB4D-84DF-0BCCAF9DD0BF}" type="slidenum">
              <a:rPr lang="en-US" smtClean="0"/>
              <a:pPr/>
              <a:t>50</a:t>
            </a:fld>
            <a:endParaRPr lang="en-US" dirty="0"/>
          </a:p>
        </p:txBody>
      </p:sp>
    </p:spTree>
    <p:extLst>
      <p:ext uri="{BB962C8B-B14F-4D97-AF65-F5344CB8AC3E}">
        <p14:creationId xmlns:p14="http://schemas.microsoft.com/office/powerpoint/2010/main" val="10604343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8" name="Picture 47">
            <a:extLst>
              <a:ext uri="{FF2B5EF4-FFF2-40B4-BE49-F238E27FC236}">
                <a16:creationId xmlns:a16="http://schemas.microsoft.com/office/drawing/2014/main" id="{83058D4F-289B-E94F-8BEF-828181172943}"/>
              </a:ext>
            </a:extLst>
          </p:cNvPr>
          <p:cNvPicPr>
            <a:picLocks noChangeAspect="1"/>
          </p:cNvPicPr>
          <p:nvPr/>
        </p:nvPicPr>
        <p:blipFill rotWithShape="1">
          <a:blip r:embed="rId3" cstate="screen">
            <a:graysc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50" name="Rectangle 49">
            <a:extLst>
              <a:ext uri="{FF2B5EF4-FFF2-40B4-BE49-F238E27FC236}">
                <a16:creationId xmlns:a16="http://schemas.microsoft.com/office/drawing/2014/main" id="{73DE7B66-B4C1-8B40-943D-7267496C744F}"/>
              </a:ext>
            </a:extLst>
          </p:cNvPr>
          <p:cNvSpPr/>
          <p:nvPr/>
        </p:nvSpPr>
        <p:spPr>
          <a:xfrm>
            <a:off x="9749" y="0"/>
            <a:ext cx="12192000" cy="6858000"/>
          </a:xfrm>
          <a:prstGeom prst="rect">
            <a:avLst/>
          </a:prstGeom>
          <a:solidFill>
            <a:schemeClr val="tx1">
              <a:alpha val="88000"/>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5" name="Rectangle 4">
            <a:extLst>
              <a:ext uri="{FF2B5EF4-FFF2-40B4-BE49-F238E27FC236}">
                <a16:creationId xmlns:a16="http://schemas.microsoft.com/office/drawing/2014/main" id="{E212A087-24C8-A244-B8AB-5A012D2ACE66}"/>
              </a:ext>
            </a:extLst>
          </p:cNvPr>
          <p:cNvSpPr/>
          <p:nvPr/>
        </p:nvSpPr>
        <p:spPr>
          <a:xfrm>
            <a:off x="129396" y="3407901"/>
            <a:ext cx="11933208" cy="3381087"/>
          </a:xfrm>
          <a:prstGeom prst="rect">
            <a:avLst/>
          </a:prstGeom>
          <a:solidFill>
            <a:schemeClr val="bg1"/>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21" name="Rounded Rectangle 20">
            <a:extLst>
              <a:ext uri="{FF2B5EF4-FFF2-40B4-BE49-F238E27FC236}">
                <a16:creationId xmlns:a16="http://schemas.microsoft.com/office/drawing/2014/main" id="{930C49F7-42ED-6644-8FA5-C2E825BC4F00}"/>
              </a:ext>
            </a:extLst>
          </p:cNvPr>
          <p:cNvSpPr/>
          <p:nvPr/>
        </p:nvSpPr>
        <p:spPr>
          <a:xfrm>
            <a:off x="7835732" y="5338306"/>
            <a:ext cx="3506745" cy="1199858"/>
          </a:xfrm>
          <a:prstGeom prst="roundRect">
            <a:avLst/>
          </a:prstGeom>
          <a:solidFill>
            <a:schemeClr val="bg1">
              <a:lumMod val="95000"/>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grpSp>
        <p:nvGrpSpPr>
          <p:cNvPr id="3" name="Group 2">
            <a:extLst>
              <a:ext uri="{FF2B5EF4-FFF2-40B4-BE49-F238E27FC236}">
                <a16:creationId xmlns:a16="http://schemas.microsoft.com/office/drawing/2014/main" id="{884CB7FA-64B7-6B40-8FC3-4FBC97BF29D2}"/>
              </a:ext>
            </a:extLst>
          </p:cNvPr>
          <p:cNvGrpSpPr/>
          <p:nvPr/>
        </p:nvGrpSpPr>
        <p:grpSpPr>
          <a:xfrm>
            <a:off x="893305" y="544372"/>
            <a:ext cx="2661428" cy="2661428"/>
            <a:chOff x="984470" y="978067"/>
            <a:chExt cx="2826636" cy="2826636"/>
          </a:xfrm>
        </p:grpSpPr>
        <p:sp>
          <p:nvSpPr>
            <p:cNvPr id="2" name="Oval 1">
              <a:extLst>
                <a:ext uri="{FF2B5EF4-FFF2-40B4-BE49-F238E27FC236}">
                  <a16:creationId xmlns:a16="http://schemas.microsoft.com/office/drawing/2014/main" id="{E22622A9-0BE2-7A4D-8979-8C8C1DC58AEC}"/>
                </a:ext>
              </a:extLst>
            </p:cNvPr>
            <p:cNvSpPr/>
            <p:nvPr/>
          </p:nvSpPr>
          <p:spPr>
            <a:xfrm>
              <a:off x="984470" y="978067"/>
              <a:ext cx="2826636" cy="2826636"/>
            </a:xfrm>
            <a:prstGeom prst="ellipse">
              <a:avLst/>
            </a:prstGeom>
            <a:noFill/>
            <a:ln w="9525">
              <a:solidFill>
                <a:schemeClr val="bg1"/>
              </a:solidFill>
              <a:prstDash val="lgDash"/>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pic>
          <p:nvPicPr>
            <p:cNvPr id="12" name="Picture 11"/>
            <p:cNvPicPr/>
            <p:nvPr/>
          </p:nvPicPr>
          <p:blipFill rotWithShape="1">
            <a:blip r:embed="rId4" cstate="screen">
              <a:extLst>
                <a:ext uri="{28A0092B-C50C-407E-A947-70E740481C1C}">
                  <a14:useLocalDpi xmlns:a14="http://schemas.microsoft.com/office/drawing/2010/main"/>
                </a:ext>
              </a:extLst>
            </a:blip>
            <a:srcRect/>
            <a:stretch/>
          </p:blipFill>
          <p:spPr>
            <a:xfrm>
              <a:off x="1181406" y="1192715"/>
              <a:ext cx="2432764" cy="2477730"/>
            </a:xfrm>
            <a:prstGeom prst="ellipse">
              <a:avLst/>
            </a:prstGeom>
            <a:ln w="9525">
              <a:noFill/>
            </a:ln>
          </p:spPr>
        </p:pic>
      </p:grpSp>
      <p:sp>
        <p:nvSpPr>
          <p:cNvPr id="4" name="Title 11"/>
          <p:cNvSpPr>
            <a:spLocks noGrp="1"/>
          </p:cNvSpPr>
          <p:nvPr>
            <p:ph type="title"/>
          </p:nvPr>
        </p:nvSpPr>
        <p:spPr>
          <a:xfrm>
            <a:off x="3956944" y="970397"/>
            <a:ext cx="6491726" cy="605699"/>
          </a:xfrm>
          <a:ln>
            <a:noFill/>
          </a:ln>
        </p:spPr>
        <p:txBody>
          <a:bodyPr>
            <a:noAutofit/>
          </a:bodyPr>
          <a:lstStyle/>
          <a:p>
            <a:pPr algn="l" eaLnBrk="1" hangingPunct="1"/>
            <a:r>
              <a:rPr lang="en-US" b="0" dirty="0">
                <a:solidFill>
                  <a:schemeClr val="bg1"/>
                </a:solidFill>
              </a:rPr>
              <a:t>Rick Austin</a:t>
            </a:r>
          </a:p>
        </p:txBody>
      </p:sp>
      <p:sp>
        <p:nvSpPr>
          <p:cNvPr id="6" name="TextBox 5"/>
          <p:cNvSpPr txBox="1">
            <a:spLocks noChangeArrowheads="1"/>
          </p:cNvSpPr>
          <p:nvPr/>
        </p:nvSpPr>
        <p:spPr bwMode="auto">
          <a:xfrm>
            <a:off x="3956943" y="2219608"/>
            <a:ext cx="6491727" cy="954107"/>
          </a:xfrm>
          <a:prstGeom prst="rect">
            <a:avLst/>
          </a:prstGeom>
          <a:noFill/>
          <a:ln w="9525">
            <a:noFill/>
            <a:miter lim="800000"/>
            <a:headEnd/>
            <a:tailEnd/>
          </a:ln>
        </p:spPr>
        <p:txBody>
          <a:bodyPr wrap="square">
            <a:spAutoFit/>
          </a:bodyPr>
          <a:lstStyle/>
          <a:p>
            <a:r>
              <a:rPr lang="en-US" sz="2000" spc="110" dirty="0">
                <a:solidFill>
                  <a:schemeClr val="bg1"/>
                </a:solidFill>
                <a:latin typeface="Brandon Grotesque Medium" panose="020B0503020203060202" pitchFamily="34" charset="77"/>
              </a:rPr>
              <a:t>ABOUT ME </a:t>
            </a:r>
          </a:p>
          <a:p>
            <a:r>
              <a:rPr lang="en-US" b="1" dirty="0">
                <a:solidFill>
                  <a:schemeClr val="bg1"/>
                </a:solidFill>
                <a:latin typeface="ALEO LIGHT" panose="020F0302020204030203" pitchFamily="34" charset="77"/>
              </a:rPr>
              <a:t>Experience applying agile to small teams, large distributed teams, &amp; change management</a:t>
            </a:r>
          </a:p>
        </p:txBody>
      </p:sp>
      <p:sp>
        <p:nvSpPr>
          <p:cNvPr id="10" name="TextBox 9"/>
          <p:cNvSpPr txBox="1"/>
          <p:nvPr/>
        </p:nvSpPr>
        <p:spPr>
          <a:xfrm>
            <a:off x="3956944" y="1576096"/>
            <a:ext cx="5399846" cy="338554"/>
          </a:xfrm>
          <a:prstGeom prst="rect">
            <a:avLst/>
          </a:prstGeom>
          <a:noFill/>
        </p:spPr>
        <p:txBody>
          <a:bodyPr wrap="square" rtlCol="0">
            <a:spAutoFit/>
          </a:bodyPr>
          <a:lstStyle/>
          <a:p>
            <a:r>
              <a:rPr lang="en-US" sz="1600" i="1" dirty="0">
                <a:solidFill>
                  <a:schemeClr val="bg1"/>
                </a:solidFill>
              </a:rPr>
              <a:t>Expert in Financial Services Industry  |  Georgia State Grad</a:t>
            </a:r>
          </a:p>
        </p:txBody>
      </p:sp>
      <p:sp>
        <p:nvSpPr>
          <p:cNvPr id="43" name="Rectangle 42">
            <a:extLst>
              <a:ext uri="{FF2B5EF4-FFF2-40B4-BE49-F238E27FC236}">
                <a16:creationId xmlns:a16="http://schemas.microsoft.com/office/drawing/2014/main" id="{12D05762-517F-E640-B07B-5A25BF97BCD8}"/>
              </a:ext>
            </a:extLst>
          </p:cNvPr>
          <p:cNvSpPr/>
          <p:nvPr/>
        </p:nvSpPr>
        <p:spPr>
          <a:xfrm>
            <a:off x="849523" y="6194142"/>
            <a:ext cx="4346946" cy="261610"/>
          </a:xfrm>
          <a:prstGeom prst="rect">
            <a:avLst/>
          </a:prstGeom>
        </p:spPr>
        <p:txBody>
          <a:bodyPr wrap="square">
            <a:spAutoFit/>
          </a:bodyPr>
          <a:lstStyle/>
          <a:p>
            <a:r>
              <a:rPr lang="en-US" sz="1100" dirty="0">
                <a:solidFill>
                  <a:schemeClr val="accent4">
                    <a:lumMod val="50000"/>
                  </a:schemeClr>
                </a:solidFill>
                <a:latin typeface="Brandon Grotesque Regular" panose="020B0503020203060202" pitchFamily="34" charset="77"/>
              </a:rPr>
              <a:t>RICK@LEADINGAGILE.COM   |   678.743.1616</a:t>
            </a:r>
          </a:p>
        </p:txBody>
      </p:sp>
      <p:grpSp>
        <p:nvGrpSpPr>
          <p:cNvPr id="18" name="Group 17">
            <a:extLst>
              <a:ext uri="{FF2B5EF4-FFF2-40B4-BE49-F238E27FC236}">
                <a16:creationId xmlns:a16="http://schemas.microsoft.com/office/drawing/2014/main" id="{7512DF6F-9B1E-5D48-A163-E5B3BB1DA1B8}"/>
              </a:ext>
            </a:extLst>
          </p:cNvPr>
          <p:cNvGrpSpPr/>
          <p:nvPr/>
        </p:nvGrpSpPr>
        <p:grpSpPr>
          <a:xfrm>
            <a:off x="570701" y="3734444"/>
            <a:ext cx="11243892" cy="1463407"/>
            <a:chOff x="576803" y="3992137"/>
            <a:chExt cx="11243892" cy="1463407"/>
          </a:xfrm>
        </p:grpSpPr>
        <p:sp>
          <p:nvSpPr>
            <p:cNvPr id="24" name="TextBox 23">
              <a:extLst>
                <a:ext uri="{FF2B5EF4-FFF2-40B4-BE49-F238E27FC236}">
                  <a16:creationId xmlns:a16="http://schemas.microsoft.com/office/drawing/2014/main" id="{863BFAAF-19E7-7B41-B6B0-E36019F272F3}"/>
                </a:ext>
              </a:extLst>
            </p:cNvPr>
            <p:cNvSpPr txBox="1"/>
            <p:nvPr/>
          </p:nvSpPr>
          <p:spPr>
            <a:xfrm>
              <a:off x="576803" y="4732172"/>
              <a:ext cx="1951817" cy="492443"/>
            </a:xfrm>
            <a:prstGeom prst="rect">
              <a:avLst/>
            </a:prstGeom>
            <a:noFill/>
          </p:spPr>
          <p:txBody>
            <a:bodyPr wrap="square" rtlCol="0">
              <a:spAutoFit/>
            </a:bodyPr>
            <a:lstStyle/>
            <a:p>
              <a:pPr algn="ctr"/>
              <a:r>
                <a:rPr lang="en-US" sz="1300" dirty="0">
                  <a:solidFill>
                    <a:schemeClr val="accent4">
                      <a:lumMod val="50000"/>
                    </a:schemeClr>
                  </a:solidFill>
                </a:rPr>
                <a:t>Information Technology  Director </a:t>
              </a:r>
            </a:p>
          </p:txBody>
        </p:sp>
        <p:sp>
          <p:nvSpPr>
            <p:cNvPr id="27" name="TextBox 26">
              <a:extLst>
                <a:ext uri="{FF2B5EF4-FFF2-40B4-BE49-F238E27FC236}">
                  <a16:creationId xmlns:a16="http://schemas.microsoft.com/office/drawing/2014/main" id="{677130C0-BC77-E84E-B335-6A0D874445C4}"/>
                </a:ext>
              </a:extLst>
            </p:cNvPr>
            <p:cNvSpPr txBox="1"/>
            <p:nvPr/>
          </p:nvSpPr>
          <p:spPr>
            <a:xfrm>
              <a:off x="2582862" y="4732172"/>
              <a:ext cx="2448625" cy="492443"/>
            </a:xfrm>
            <a:prstGeom prst="rect">
              <a:avLst/>
            </a:prstGeom>
            <a:noFill/>
          </p:spPr>
          <p:txBody>
            <a:bodyPr wrap="square" rtlCol="0">
              <a:spAutoFit/>
            </a:bodyPr>
            <a:lstStyle/>
            <a:p>
              <a:pPr algn="ctr"/>
              <a:r>
                <a:rPr lang="en-US" sz="1300" dirty="0">
                  <a:solidFill>
                    <a:schemeClr val="accent4">
                      <a:lumMod val="50000"/>
                    </a:schemeClr>
                  </a:solidFill>
                </a:rPr>
                <a:t>Agile Transition Director, Program Manager</a:t>
              </a:r>
            </a:p>
          </p:txBody>
        </p:sp>
        <p:sp>
          <p:nvSpPr>
            <p:cNvPr id="28" name="TextBox 27">
              <a:extLst>
                <a:ext uri="{FF2B5EF4-FFF2-40B4-BE49-F238E27FC236}">
                  <a16:creationId xmlns:a16="http://schemas.microsoft.com/office/drawing/2014/main" id="{A75BCBA7-A0D1-6443-8CF2-EC42D9B73457}"/>
                </a:ext>
              </a:extLst>
            </p:cNvPr>
            <p:cNvSpPr txBox="1">
              <a:spLocks noChangeArrowheads="1"/>
            </p:cNvSpPr>
            <p:nvPr/>
          </p:nvSpPr>
          <p:spPr bwMode="auto">
            <a:xfrm>
              <a:off x="4978645" y="4732172"/>
              <a:ext cx="2529620" cy="492443"/>
            </a:xfrm>
            <a:prstGeom prst="rect">
              <a:avLst/>
            </a:prstGeom>
            <a:noFill/>
            <a:ln w="9525">
              <a:noFill/>
              <a:miter lim="800000"/>
              <a:headEnd/>
              <a:tailEnd/>
            </a:ln>
          </p:spPr>
          <p:txBody>
            <a:bodyPr wrap="square">
              <a:spAutoFit/>
            </a:bodyPr>
            <a:lstStyle/>
            <a:p>
              <a:pPr algn="ctr"/>
              <a:r>
                <a:rPr lang="en-US" sz="1300" dirty="0">
                  <a:solidFill>
                    <a:schemeClr val="accent4">
                      <a:lumMod val="50000"/>
                    </a:schemeClr>
                  </a:solidFill>
                </a:rPr>
                <a:t>Agile Project Management</a:t>
              </a:r>
            </a:p>
            <a:p>
              <a:pPr algn="ctr"/>
              <a:r>
                <a:rPr lang="en-US" sz="1300" dirty="0">
                  <a:solidFill>
                    <a:schemeClr val="accent4">
                      <a:lumMod val="50000"/>
                    </a:schemeClr>
                  </a:solidFill>
                </a:rPr>
                <a:t>Volunteer and Leader</a:t>
              </a:r>
            </a:p>
          </p:txBody>
        </p:sp>
        <p:pic>
          <p:nvPicPr>
            <p:cNvPr id="30" name="Picture 29" descr="Logo, company name&#10;&#10;Description automatically generated">
              <a:extLst>
                <a:ext uri="{FF2B5EF4-FFF2-40B4-BE49-F238E27FC236}">
                  <a16:creationId xmlns:a16="http://schemas.microsoft.com/office/drawing/2014/main" id="{139B5AB2-EFA6-C242-92C4-C2ED1CCAAFF2}"/>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442554" y="4277323"/>
              <a:ext cx="729241" cy="365760"/>
            </a:xfrm>
            <a:prstGeom prst="rect">
              <a:avLst/>
            </a:prstGeom>
          </p:spPr>
        </p:pic>
        <p:pic>
          <p:nvPicPr>
            <p:cNvPr id="32" name="Picture 31" descr="A white background with black text&#10;&#10;Description automatically generated with medium confidence">
              <a:extLst>
                <a:ext uri="{FF2B5EF4-FFF2-40B4-BE49-F238E27FC236}">
                  <a16:creationId xmlns:a16="http://schemas.microsoft.com/office/drawing/2014/main" id="{D1B89F1C-9713-0146-9CC7-7F84F72EF709}"/>
                </a:ext>
              </a:extLst>
            </p:cNvPr>
            <p:cNvPicPr>
              <a:picLocks noChangeAspect="1"/>
            </p:cNvPicPr>
            <p:nvPr/>
          </p:nvPicPr>
          <p:blipFill rotWithShape="1">
            <a:blip r:embed="rId6" cstate="screen">
              <a:extLst>
                <a:ext uri="{28A0092B-C50C-407E-A947-70E740481C1C}">
                  <a14:useLocalDpi xmlns:a14="http://schemas.microsoft.com/office/drawing/2010/main"/>
                </a:ext>
              </a:extLst>
            </a:blip>
            <a:srcRect l="-1768"/>
            <a:stretch/>
          </p:blipFill>
          <p:spPr>
            <a:xfrm>
              <a:off x="10304753" y="4294525"/>
              <a:ext cx="882160" cy="331356"/>
            </a:xfrm>
            <a:prstGeom prst="rect">
              <a:avLst/>
            </a:prstGeom>
          </p:spPr>
        </p:pic>
        <p:pic>
          <p:nvPicPr>
            <p:cNvPr id="36" name="Graphic 35">
              <a:extLst>
                <a:ext uri="{FF2B5EF4-FFF2-40B4-BE49-F238E27FC236}">
                  <a16:creationId xmlns:a16="http://schemas.microsoft.com/office/drawing/2014/main" id="{5A18C68A-2C32-2044-9211-E3B119DB97C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50529" y="4277323"/>
              <a:ext cx="1235675" cy="365760"/>
            </a:xfrm>
            <a:prstGeom prst="rect">
              <a:avLst/>
            </a:prstGeom>
          </p:spPr>
        </p:pic>
        <p:pic>
          <p:nvPicPr>
            <p:cNvPr id="38" name="Picture 37" descr="Text&#10;&#10;Description automatically generated with low confidence">
              <a:extLst>
                <a:ext uri="{FF2B5EF4-FFF2-40B4-BE49-F238E27FC236}">
                  <a16:creationId xmlns:a16="http://schemas.microsoft.com/office/drawing/2014/main" id="{6128B77A-CB66-D148-937A-936C54F97A57}"/>
                </a:ext>
              </a:extLst>
            </p:cNvPr>
            <p:cNvPicPr>
              <a:picLocks noChangeAspect="1"/>
            </p:cNvPicPr>
            <p:nvPr/>
          </p:nvPicPr>
          <p:blipFill rotWithShape="1">
            <a:blip r:embed="rId9" cstate="screen">
              <a:extLst>
                <a:ext uri="{28A0092B-C50C-407E-A947-70E740481C1C}">
                  <a14:useLocalDpi xmlns:a14="http://schemas.microsoft.com/office/drawing/2010/main"/>
                </a:ext>
              </a:extLst>
            </a:blip>
            <a:srcRect/>
            <a:stretch/>
          </p:blipFill>
          <p:spPr>
            <a:xfrm>
              <a:off x="5478571" y="4213982"/>
              <a:ext cx="1529767" cy="492443"/>
            </a:xfrm>
            <a:prstGeom prst="rect">
              <a:avLst/>
            </a:prstGeom>
          </p:spPr>
        </p:pic>
        <p:cxnSp>
          <p:nvCxnSpPr>
            <p:cNvPr id="42" name="Straight Connector 41">
              <a:extLst>
                <a:ext uri="{FF2B5EF4-FFF2-40B4-BE49-F238E27FC236}">
                  <a16:creationId xmlns:a16="http://schemas.microsoft.com/office/drawing/2014/main" id="{B395C938-A79F-E240-B386-357B2AFACE49}"/>
                </a:ext>
              </a:extLst>
            </p:cNvPr>
            <p:cNvCxnSpPr>
              <a:cxnSpLocks/>
            </p:cNvCxnSpPr>
            <p:nvPr/>
          </p:nvCxnSpPr>
          <p:spPr>
            <a:xfrm>
              <a:off x="936289" y="3992137"/>
              <a:ext cx="10372390" cy="0"/>
            </a:xfrm>
            <a:prstGeom prst="line">
              <a:avLst/>
            </a:prstGeom>
            <a:ln w="9525">
              <a:solidFill>
                <a:schemeClr val="accent2"/>
              </a:solidFill>
              <a:prstDash val="dash"/>
              <a:tailEnd type="none"/>
            </a:ln>
            <a:effectLst/>
          </p:spPr>
          <p:style>
            <a:lnRef idx="2">
              <a:schemeClr val="accent1"/>
            </a:lnRef>
            <a:fillRef idx="0">
              <a:schemeClr val="accent1"/>
            </a:fillRef>
            <a:effectRef idx="1">
              <a:schemeClr val="accent1"/>
            </a:effectRef>
            <a:fontRef idx="minor">
              <a:schemeClr val="tx1"/>
            </a:fontRef>
          </p:style>
        </p:cxnSp>
        <p:sp>
          <p:nvSpPr>
            <p:cNvPr id="44" name="TextBox 43">
              <a:extLst>
                <a:ext uri="{FF2B5EF4-FFF2-40B4-BE49-F238E27FC236}">
                  <a16:creationId xmlns:a16="http://schemas.microsoft.com/office/drawing/2014/main" id="{FCE3E102-5C98-294E-B9F5-4D890DBBF5A5}"/>
                </a:ext>
              </a:extLst>
            </p:cNvPr>
            <p:cNvSpPr txBox="1">
              <a:spLocks noChangeArrowheads="1"/>
            </p:cNvSpPr>
            <p:nvPr/>
          </p:nvSpPr>
          <p:spPr bwMode="auto">
            <a:xfrm>
              <a:off x="9670971" y="4732172"/>
              <a:ext cx="2149724" cy="492443"/>
            </a:xfrm>
            <a:prstGeom prst="rect">
              <a:avLst/>
            </a:prstGeom>
            <a:noFill/>
            <a:ln w="9525">
              <a:noFill/>
              <a:miter lim="800000"/>
              <a:headEnd/>
              <a:tailEnd/>
            </a:ln>
          </p:spPr>
          <p:txBody>
            <a:bodyPr wrap="square">
              <a:spAutoFit/>
            </a:bodyPr>
            <a:lstStyle/>
            <a:p>
              <a:pPr algn="ctr"/>
              <a:r>
                <a:rPr lang="en-US" sz="1300" dirty="0">
                  <a:solidFill>
                    <a:schemeClr val="accent4">
                      <a:lumMod val="50000"/>
                    </a:schemeClr>
                  </a:solidFill>
                </a:rPr>
                <a:t>Applications Development</a:t>
              </a:r>
            </a:p>
            <a:p>
              <a:pPr algn="ctr"/>
              <a:r>
                <a:rPr lang="en-US" sz="1300" dirty="0">
                  <a:solidFill>
                    <a:schemeClr val="accent4">
                      <a:lumMod val="50000"/>
                    </a:schemeClr>
                  </a:solidFill>
                </a:rPr>
                <a:t>Manager</a:t>
              </a:r>
            </a:p>
          </p:txBody>
        </p:sp>
        <p:sp>
          <p:nvSpPr>
            <p:cNvPr id="45" name="TextBox 44">
              <a:extLst>
                <a:ext uri="{FF2B5EF4-FFF2-40B4-BE49-F238E27FC236}">
                  <a16:creationId xmlns:a16="http://schemas.microsoft.com/office/drawing/2014/main" id="{263A0159-AC0B-9F43-9DAA-C96D47889764}"/>
                </a:ext>
              </a:extLst>
            </p:cNvPr>
            <p:cNvSpPr txBox="1">
              <a:spLocks noChangeArrowheads="1"/>
            </p:cNvSpPr>
            <p:nvPr/>
          </p:nvSpPr>
          <p:spPr bwMode="auto">
            <a:xfrm>
              <a:off x="7559908" y="4732172"/>
              <a:ext cx="1930657" cy="492443"/>
            </a:xfrm>
            <a:prstGeom prst="rect">
              <a:avLst/>
            </a:prstGeom>
            <a:noFill/>
            <a:ln w="9525">
              <a:noFill/>
              <a:miter lim="800000"/>
              <a:headEnd/>
              <a:tailEnd/>
            </a:ln>
          </p:spPr>
          <p:txBody>
            <a:bodyPr wrap="square">
              <a:spAutoFit/>
            </a:bodyPr>
            <a:lstStyle/>
            <a:p>
              <a:pPr algn="ctr"/>
              <a:r>
                <a:rPr lang="en-US" sz="1300" dirty="0">
                  <a:solidFill>
                    <a:schemeClr val="accent4">
                      <a:lumMod val="50000"/>
                    </a:schemeClr>
                  </a:solidFill>
                </a:rPr>
                <a:t>Director of Development</a:t>
              </a:r>
            </a:p>
          </p:txBody>
        </p:sp>
        <p:pic>
          <p:nvPicPr>
            <p:cNvPr id="46" name="Picture 45">
              <a:extLst>
                <a:ext uri="{FF2B5EF4-FFF2-40B4-BE49-F238E27FC236}">
                  <a16:creationId xmlns:a16="http://schemas.microsoft.com/office/drawing/2014/main" id="{62EBB32C-29B4-494E-AD4F-632A81C72364}"/>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7603706" y="4368050"/>
              <a:ext cx="1843061" cy="184306"/>
            </a:xfrm>
            <a:prstGeom prst="rect">
              <a:avLst/>
            </a:prstGeom>
          </p:spPr>
        </p:pic>
        <p:cxnSp>
          <p:nvCxnSpPr>
            <p:cNvPr id="49" name="Straight Connector 48">
              <a:extLst>
                <a:ext uri="{FF2B5EF4-FFF2-40B4-BE49-F238E27FC236}">
                  <a16:creationId xmlns:a16="http://schemas.microsoft.com/office/drawing/2014/main" id="{44D28E79-253B-3C4B-8174-D67300FA4364}"/>
                </a:ext>
              </a:extLst>
            </p:cNvPr>
            <p:cNvCxnSpPr>
              <a:cxnSpLocks/>
            </p:cNvCxnSpPr>
            <p:nvPr/>
          </p:nvCxnSpPr>
          <p:spPr>
            <a:xfrm>
              <a:off x="2598795" y="4135563"/>
              <a:ext cx="0" cy="1141723"/>
            </a:xfrm>
            <a:prstGeom prst="line">
              <a:avLst/>
            </a:prstGeom>
            <a:ln w="6350">
              <a:solidFill>
                <a:schemeClr val="accent2"/>
              </a:solidFill>
              <a:prstDash val="lgDash"/>
              <a:tailEnd type="none"/>
            </a:ln>
            <a:effectLst/>
          </p:spPr>
          <p:style>
            <a:lnRef idx="2">
              <a:schemeClr val="accent1"/>
            </a:lnRef>
            <a:fillRef idx="0">
              <a:schemeClr val="accent1"/>
            </a:fillRef>
            <a:effectRef idx="1">
              <a:schemeClr val="accent1"/>
            </a:effectRef>
            <a:fontRef idx="minor">
              <a:schemeClr val="tx1"/>
            </a:fontRef>
          </p:style>
        </p:cxnSp>
        <p:cxnSp>
          <p:nvCxnSpPr>
            <p:cNvPr id="51" name="Straight Connector 50">
              <a:extLst>
                <a:ext uri="{FF2B5EF4-FFF2-40B4-BE49-F238E27FC236}">
                  <a16:creationId xmlns:a16="http://schemas.microsoft.com/office/drawing/2014/main" id="{EE7449C0-ACEB-1544-9E3F-05E36E6E2BD7}"/>
                </a:ext>
              </a:extLst>
            </p:cNvPr>
            <p:cNvCxnSpPr>
              <a:cxnSpLocks/>
            </p:cNvCxnSpPr>
            <p:nvPr/>
          </p:nvCxnSpPr>
          <p:spPr>
            <a:xfrm>
              <a:off x="5088815" y="4135563"/>
              <a:ext cx="0" cy="1141723"/>
            </a:xfrm>
            <a:prstGeom prst="line">
              <a:avLst/>
            </a:prstGeom>
            <a:ln w="6350">
              <a:solidFill>
                <a:schemeClr val="accent2"/>
              </a:solidFill>
              <a:prstDash val="lgDash"/>
              <a:tailEnd type="none"/>
            </a:ln>
            <a:effectLst/>
          </p:spPr>
          <p:style>
            <a:lnRef idx="2">
              <a:schemeClr val="accent1"/>
            </a:lnRef>
            <a:fillRef idx="0">
              <a:schemeClr val="accent1"/>
            </a:fillRef>
            <a:effectRef idx="1">
              <a:schemeClr val="accent1"/>
            </a:effectRef>
            <a:fontRef idx="minor">
              <a:schemeClr val="tx1"/>
            </a:fontRef>
          </p:style>
        </p:cxnSp>
        <p:cxnSp>
          <p:nvCxnSpPr>
            <p:cNvPr id="52" name="Straight Connector 51">
              <a:extLst>
                <a:ext uri="{FF2B5EF4-FFF2-40B4-BE49-F238E27FC236}">
                  <a16:creationId xmlns:a16="http://schemas.microsoft.com/office/drawing/2014/main" id="{D6D59A17-8435-3646-89E0-D3D25F7AEB8E}"/>
                </a:ext>
              </a:extLst>
            </p:cNvPr>
            <p:cNvCxnSpPr>
              <a:cxnSpLocks/>
            </p:cNvCxnSpPr>
            <p:nvPr/>
          </p:nvCxnSpPr>
          <p:spPr>
            <a:xfrm>
              <a:off x="7378280" y="4165546"/>
              <a:ext cx="0" cy="1141723"/>
            </a:xfrm>
            <a:prstGeom prst="line">
              <a:avLst/>
            </a:prstGeom>
            <a:ln w="6350">
              <a:solidFill>
                <a:schemeClr val="accent2"/>
              </a:solidFill>
              <a:prstDash val="lgDash"/>
              <a:tailEnd type="none"/>
            </a:ln>
            <a:effectLst/>
          </p:spPr>
          <p:style>
            <a:lnRef idx="2">
              <a:schemeClr val="accent1"/>
            </a:lnRef>
            <a:fillRef idx="0">
              <a:schemeClr val="accent1"/>
            </a:fillRef>
            <a:effectRef idx="1">
              <a:schemeClr val="accent1"/>
            </a:effectRef>
            <a:fontRef idx="minor">
              <a:schemeClr val="tx1"/>
            </a:fontRef>
          </p:style>
        </p:cxnSp>
        <p:cxnSp>
          <p:nvCxnSpPr>
            <p:cNvPr id="53" name="Straight Connector 52">
              <a:extLst>
                <a:ext uri="{FF2B5EF4-FFF2-40B4-BE49-F238E27FC236}">
                  <a16:creationId xmlns:a16="http://schemas.microsoft.com/office/drawing/2014/main" id="{F2723D79-4B6D-8341-BD1A-3E4C10D390C7}"/>
                </a:ext>
              </a:extLst>
            </p:cNvPr>
            <p:cNvCxnSpPr>
              <a:cxnSpLocks/>
            </p:cNvCxnSpPr>
            <p:nvPr/>
          </p:nvCxnSpPr>
          <p:spPr>
            <a:xfrm>
              <a:off x="9591039" y="4159511"/>
              <a:ext cx="0" cy="1141723"/>
            </a:xfrm>
            <a:prstGeom prst="line">
              <a:avLst/>
            </a:prstGeom>
            <a:ln w="6350">
              <a:solidFill>
                <a:schemeClr val="accent2"/>
              </a:solidFill>
              <a:prstDash val="lgDash"/>
              <a:tailEnd type="none"/>
            </a:ln>
            <a:effectLst/>
          </p:spPr>
          <p:style>
            <a:lnRef idx="2">
              <a:schemeClr val="accent1"/>
            </a:lnRef>
            <a:fillRef idx="0">
              <a:schemeClr val="accent1"/>
            </a:fillRef>
            <a:effectRef idx="1">
              <a:schemeClr val="accent1"/>
            </a:effectRef>
            <a:fontRef idx="minor">
              <a:schemeClr val="tx1"/>
            </a:fontRef>
          </p:style>
        </p:cxnSp>
        <p:cxnSp>
          <p:nvCxnSpPr>
            <p:cNvPr id="54" name="Straight Connector 53">
              <a:extLst>
                <a:ext uri="{FF2B5EF4-FFF2-40B4-BE49-F238E27FC236}">
                  <a16:creationId xmlns:a16="http://schemas.microsoft.com/office/drawing/2014/main" id="{D68FF27B-D2B2-FF46-8DD0-01A094B6839B}"/>
                </a:ext>
              </a:extLst>
            </p:cNvPr>
            <p:cNvCxnSpPr>
              <a:cxnSpLocks/>
            </p:cNvCxnSpPr>
            <p:nvPr/>
          </p:nvCxnSpPr>
          <p:spPr>
            <a:xfrm>
              <a:off x="936289" y="5455544"/>
              <a:ext cx="10372390" cy="0"/>
            </a:xfrm>
            <a:prstGeom prst="line">
              <a:avLst/>
            </a:prstGeom>
            <a:ln w="9525">
              <a:solidFill>
                <a:schemeClr val="accent2"/>
              </a:solidFill>
              <a:prstDash val="dash"/>
              <a:tailEnd type="none"/>
            </a:ln>
            <a:effectLst/>
          </p:spPr>
          <p:style>
            <a:lnRef idx="2">
              <a:schemeClr val="accent1"/>
            </a:lnRef>
            <a:fillRef idx="0">
              <a:schemeClr val="accent1"/>
            </a:fillRef>
            <a:effectRef idx="1">
              <a:schemeClr val="accent1"/>
            </a:effectRef>
            <a:fontRef idx="minor">
              <a:schemeClr val="tx1"/>
            </a:fontRef>
          </p:style>
        </p:cxnSp>
      </p:grpSp>
      <p:grpSp>
        <p:nvGrpSpPr>
          <p:cNvPr id="20" name="Group 19">
            <a:extLst>
              <a:ext uri="{FF2B5EF4-FFF2-40B4-BE49-F238E27FC236}">
                <a16:creationId xmlns:a16="http://schemas.microsoft.com/office/drawing/2014/main" id="{8FE26EFA-DC03-AB47-9607-B1F980D3FAFF}"/>
              </a:ext>
            </a:extLst>
          </p:cNvPr>
          <p:cNvGrpSpPr/>
          <p:nvPr/>
        </p:nvGrpSpPr>
        <p:grpSpPr>
          <a:xfrm>
            <a:off x="8078626" y="5425710"/>
            <a:ext cx="3263851" cy="1049918"/>
            <a:chOff x="8078626" y="5589756"/>
            <a:chExt cx="3263851" cy="1049918"/>
          </a:xfrm>
        </p:grpSpPr>
        <p:sp>
          <p:nvSpPr>
            <p:cNvPr id="47" name="Title 1">
              <a:extLst>
                <a:ext uri="{FF2B5EF4-FFF2-40B4-BE49-F238E27FC236}">
                  <a16:creationId xmlns:a16="http://schemas.microsoft.com/office/drawing/2014/main" id="{B5AF23E6-715B-B549-B70E-C1378CB783D0}"/>
                </a:ext>
              </a:extLst>
            </p:cNvPr>
            <p:cNvSpPr txBox="1">
              <a:spLocks/>
            </p:cNvSpPr>
            <p:nvPr/>
          </p:nvSpPr>
          <p:spPr>
            <a:xfrm>
              <a:off x="8402072" y="5589756"/>
              <a:ext cx="2940405" cy="1049918"/>
            </a:xfrm>
            <a:prstGeom prst="rect">
              <a:avLst/>
            </a:prstGeom>
          </p:spPr>
          <p:txBody>
            <a:bodyPr vert="horz" lIns="91440" tIns="45720" rIns="91440" bIns="45720" rtlCol="0" anchor="t">
              <a:noAutofit/>
            </a:bodyPr>
            <a:lstStyle>
              <a:lvl1pPr algn="l" defTabSz="457200" rtl="0" eaLnBrk="1" latinLnBrk="0" hangingPunct="1">
                <a:spcBef>
                  <a:spcPct val="0"/>
                </a:spcBef>
                <a:buNone/>
                <a:defRPr sz="4000" kern="1200" baseline="0">
                  <a:solidFill>
                    <a:srgbClr val="376092"/>
                  </a:solidFill>
                  <a:latin typeface="Gill Sans MT"/>
                  <a:ea typeface="+mj-ea"/>
                  <a:cs typeface="Gill Sans MT"/>
                </a:defRPr>
              </a:lvl1pPr>
            </a:lstStyle>
            <a:p>
              <a:pPr>
                <a:lnSpc>
                  <a:spcPct val="200000"/>
                </a:lnSpc>
              </a:pPr>
              <a:r>
                <a:rPr lang="en-US" sz="1000" spc="130" dirty="0">
                  <a:solidFill>
                    <a:schemeClr val="accent4">
                      <a:lumMod val="50000"/>
                    </a:schemeClr>
                  </a:solidFill>
                  <a:latin typeface="Brandon Grotesque Regular" panose="020B0503020203060202" pitchFamily="34" charset="77"/>
                </a:rPr>
                <a:t>WWW.LEADINGAGILE.COM</a:t>
              </a:r>
              <a:br>
                <a:rPr lang="en-US" sz="1000" spc="130" dirty="0">
                  <a:solidFill>
                    <a:schemeClr val="accent4">
                      <a:lumMod val="50000"/>
                    </a:schemeClr>
                  </a:solidFill>
                  <a:latin typeface="Brandon Grotesque Regular" panose="020B0503020203060202" pitchFamily="34" charset="77"/>
                </a:rPr>
              </a:br>
              <a:r>
                <a:rPr lang="en-US" sz="1000" spc="130" dirty="0">
                  <a:solidFill>
                    <a:schemeClr val="accent4">
                      <a:lumMod val="50000"/>
                    </a:schemeClr>
                  </a:solidFill>
                  <a:latin typeface="Brandon Grotesque Regular" panose="020B0503020203060202" pitchFamily="34" charset="77"/>
                </a:rPr>
                <a:t>FACEBOOK.COM/LEADINGAGILE</a:t>
              </a:r>
              <a:br>
                <a:rPr lang="en-US" sz="1000" spc="130" dirty="0">
                  <a:solidFill>
                    <a:schemeClr val="accent4">
                      <a:lumMod val="50000"/>
                    </a:schemeClr>
                  </a:solidFill>
                  <a:latin typeface="Brandon Grotesque Regular" panose="020B0503020203060202" pitchFamily="34" charset="77"/>
                </a:rPr>
              </a:br>
              <a:r>
                <a:rPr lang="en-US" sz="1000" spc="130" dirty="0">
                  <a:solidFill>
                    <a:schemeClr val="accent4">
                      <a:lumMod val="50000"/>
                    </a:schemeClr>
                  </a:solidFill>
                  <a:latin typeface="Brandon Grotesque Regular" panose="020B0503020203060202" pitchFamily="34" charset="77"/>
                </a:rPr>
                <a:t>LINKEDIN.COM/IN/RICKDAUSTIN</a:t>
              </a:r>
              <a:endParaRPr lang="en-US" sz="1200" spc="130" dirty="0">
                <a:solidFill>
                  <a:schemeClr val="accent4">
                    <a:lumMod val="50000"/>
                  </a:schemeClr>
                </a:solidFill>
                <a:latin typeface="Brandon Grotesque Regular" panose="020B0503020203060202" pitchFamily="34" charset="77"/>
              </a:endParaRPr>
            </a:p>
          </p:txBody>
        </p:sp>
        <p:grpSp>
          <p:nvGrpSpPr>
            <p:cNvPr id="15" name="Group 14">
              <a:extLst>
                <a:ext uri="{FF2B5EF4-FFF2-40B4-BE49-F238E27FC236}">
                  <a16:creationId xmlns:a16="http://schemas.microsoft.com/office/drawing/2014/main" id="{EDD9849F-ACBC-1B41-BB0C-1BD3BD5F7C83}"/>
                </a:ext>
              </a:extLst>
            </p:cNvPr>
            <p:cNvGrpSpPr>
              <a:grpSpLocks noChangeAspect="1"/>
            </p:cNvGrpSpPr>
            <p:nvPr/>
          </p:nvGrpSpPr>
          <p:grpSpPr>
            <a:xfrm>
              <a:off x="8092342" y="6293437"/>
              <a:ext cx="274320" cy="274320"/>
              <a:chOff x="6170097" y="5866969"/>
              <a:chExt cx="301752" cy="301752"/>
            </a:xfrm>
          </p:grpSpPr>
          <p:sp>
            <p:nvSpPr>
              <p:cNvPr id="14" name="Oval 13">
                <a:extLst>
                  <a:ext uri="{FF2B5EF4-FFF2-40B4-BE49-F238E27FC236}">
                    <a16:creationId xmlns:a16="http://schemas.microsoft.com/office/drawing/2014/main" id="{2AEB0F55-8990-8844-9136-E480BB277A37}"/>
                  </a:ext>
                </a:extLst>
              </p:cNvPr>
              <p:cNvSpPr>
                <a:spLocks noChangeAspect="1"/>
              </p:cNvSpPr>
              <p:nvPr/>
            </p:nvSpPr>
            <p:spPr>
              <a:xfrm>
                <a:off x="6170097" y="5866969"/>
                <a:ext cx="301752" cy="301752"/>
              </a:xfrm>
              <a:prstGeom prst="ellipse">
                <a:avLst/>
              </a:prstGeom>
              <a:solidFill>
                <a:schemeClr val="tx1"/>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pic>
            <p:nvPicPr>
              <p:cNvPr id="7" name="Graphic 6">
                <a:extLst>
                  <a:ext uri="{FF2B5EF4-FFF2-40B4-BE49-F238E27FC236}">
                    <a16:creationId xmlns:a16="http://schemas.microsoft.com/office/drawing/2014/main" id="{1C6C9575-8538-9248-8118-579E8C100316}"/>
                  </a:ext>
                </a:extLst>
              </p:cNvPr>
              <p:cNvPicPr>
                <a:picLocks noChangeAspect="1"/>
              </p:cNvPicPr>
              <p:nvPr/>
            </p:nvPicPr>
            <p:blipFill>
              <a:blip r:embed="rId11" cstate="screen">
                <a:extLst>
                  <a:ext uri="{28A0092B-C50C-407E-A947-70E740481C1C}">
                    <a14:useLocalDpi xmlns:a14="http://schemas.microsoft.com/office/drawing/2010/main"/>
                  </a:ext>
                  <a:ext uri="{96DAC541-7B7A-43D3-8B79-37D633B846F1}">
                    <asvg:svgBlip xmlns:asvg="http://schemas.microsoft.com/office/drawing/2016/SVG/main" r:embed="rId12"/>
                  </a:ext>
                </a:extLst>
              </a:blip>
              <a:stretch>
                <a:fillRect/>
              </a:stretch>
            </p:blipFill>
            <p:spPr>
              <a:xfrm>
                <a:off x="6229533" y="5926405"/>
                <a:ext cx="182880" cy="182880"/>
              </a:xfrm>
              <a:prstGeom prst="rect">
                <a:avLst/>
              </a:prstGeom>
            </p:spPr>
          </p:pic>
        </p:grpSp>
        <p:pic>
          <p:nvPicPr>
            <p:cNvPr id="13" name="Graphic 12">
              <a:extLst>
                <a:ext uri="{FF2B5EF4-FFF2-40B4-BE49-F238E27FC236}">
                  <a16:creationId xmlns:a16="http://schemas.microsoft.com/office/drawing/2014/main" id="{70DA42E6-8267-0747-8774-009C227501AF}"/>
                </a:ext>
              </a:extLst>
            </p:cNvPr>
            <p:cNvPicPr>
              <a:picLocks noChangeAspect="1"/>
            </p:cNvPicPr>
            <p:nvPr/>
          </p:nvPicPr>
          <p:blipFill>
            <a:blip r:embed="rId13" cstate="screen">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blipFill>
          <p:spPr>
            <a:xfrm>
              <a:off x="8078626" y="5654740"/>
              <a:ext cx="301752" cy="301752"/>
            </a:xfrm>
            <a:prstGeom prst="rect">
              <a:avLst/>
            </a:prstGeom>
          </p:spPr>
        </p:pic>
        <p:grpSp>
          <p:nvGrpSpPr>
            <p:cNvPr id="16" name="Group 15">
              <a:extLst>
                <a:ext uri="{FF2B5EF4-FFF2-40B4-BE49-F238E27FC236}">
                  <a16:creationId xmlns:a16="http://schemas.microsoft.com/office/drawing/2014/main" id="{911152DD-8DF5-D54B-B94B-8622B0471158}"/>
                </a:ext>
              </a:extLst>
            </p:cNvPr>
            <p:cNvGrpSpPr>
              <a:grpSpLocks noChangeAspect="1"/>
            </p:cNvGrpSpPr>
            <p:nvPr/>
          </p:nvGrpSpPr>
          <p:grpSpPr>
            <a:xfrm>
              <a:off x="8092342" y="5986157"/>
              <a:ext cx="274320" cy="274320"/>
              <a:chOff x="5289567" y="5698391"/>
              <a:chExt cx="301752" cy="301752"/>
            </a:xfrm>
          </p:grpSpPr>
          <p:sp>
            <p:nvSpPr>
              <p:cNvPr id="34" name="Oval 33">
                <a:extLst>
                  <a:ext uri="{FF2B5EF4-FFF2-40B4-BE49-F238E27FC236}">
                    <a16:creationId xmlns:a16="http://schemas.microsoft.com/office/drawing/2014/main" id="{D138EA8E-A277-114A-91DF-2584A71DF691}"/>
                  </a:ext>
                </a:extLst>
              </p:cNvPr>
              <p:cNvSpPr>
                <a:spLocks noChangeAspect="1"/>
              </p:cNvSpPr>
              <p:nvPr/>
            </p:nvSpPr>
            <p:spPr>
              <a:xfrm>
                <a:off x="5289567" y="5698391"/>
                <a:ext cx="301752" cy="301752"/>
              </a:xfrm>
              <a:prstGeom prst="ellipse">
                <a:avLst/>
              </a:prstGeom>
              <a:solidFill>
                <a:schemeClr val="tx1"/>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pic>
            <p:nvPicPr>
              <p:cNvPr id="9" name="Graphic 8">
                <a:extLst>
                  <a:ext uri="{FF2B5EF4-FFF2-40B4-BE49-F238E27FC236}">
                    <a16:creationId xmlns:a16="http://schemas.microsoft.com/office/drawing/2014/main" id="{82B683E5-AE08-4B4B-810D-E7CE856A6758}"/>
                  </a:ext>
                </a:extLst>
              </p:cNvPr>
              <p:cNvPicPr>
                <a:picLocks noChangeAspect="1"/>
              </p:cNvPicPr>
              <p:nvPr/>
            </p:nvPicPr>
            <p:blipFill>
              <a:blip r:embed="rId15" cstate="screen">
                <a:extLst>
                  <a:ext uri="{28A0092B-C50C-407E-A947-70E740481C1C}">
                    <a14:useLocalDpi xmlns:a14="http://schemas.microsoft.com/office/drawing/2010/main"/>
                  </a:ext>
                  <a:ext uri="{96DAC541-7B7A-43D3-8B79-37D633B846F1}">
                    <asvg:svgBlip xmlns:asvg="http://schemas.microsoft.com/office/drawing/2016/SVG/main" r:embed="rId16"/>
                  </a:ext>
                </a:extLst>
              </a:blip>
              <a:stretch>
                <a:fillRect/>
              </a:stretch>
            </p:blipFill>
            <p:spPr>
              <a:xfrm>
                <a:off x="5349003" y="5757827"/>
                <a:ext cx="182880" cy="182880"/>
              </a:xfrm>
              <a:prstGeom prst="rect">
                <a:avLst/>
              </a:prstGeom>
            </p:spPr>
          </p:pic>
        </p:grpSp>
      </p:grpSp>
      <p:sp>
        <p:nvSpPr>
          <p:cNvPr id="41" name="Rounded Rectangle 40">
            <a:extLst>
              <a:ext uri="{FF2B5EF4-FFF2-40B4-BE49-F238E27FC236}">
                <a16:creationId xmlns:a16="http://schemas.microsoft.com/office/drawing/2014/main" id="{59F4FCA9-983D-0C44-AEAE-81E1C2A9582B}"/>
              </a:ext>
            </a:extLst>
          </p:cNvPr>
          <p:cNvSpPr/>
          <p:nvPr/>
        </p:nvSpPr>
        <p:spPr>
          <a:xfrm>
            <a:off x="7895296" y="5414925"/>
            <a:ext cx="3506745" cy="1199858"/>
          </a:xfrm>
          <a:prstGeom prst="roundRect">
            <a:avLst/>
          </a:prstGeom>
          <a:noFill/>
          <a:ln w="9525">
            <a:solidFill>
              <a:schemeClr val="accent2"/>
            </a:solidFill>
            <a:prstDash val="lgDash"/>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sp>
        <p:nvSpPr>
          <p:cNvPr id="8" name="Slide Number Placeholder 7">
            <a:extLst>
              <a:ext uri="{FF2B5EF4-FFF2-40B4-BE49-F238E27FC236}">
                <a16:creationId xmlns:a16="http://schemas.microsoft.com/office/drawing/2014/main" id="{00BADE65-8D14-6740-A950-1C4E3FB178B4}"/>
              </a:ext>
            </a:extLst>
          </p:cNvPr>
          <p:cNvSpPr>
            <a:spLocks noGrp="1"/>
          </p:cNvSpPr>
          <p:nvPr>
            <p:ph type="sldNum" sz="quarter" idx="4"/>
          </p:nvPr>
        </p:nvSpPr>
        <p:spPr/>
        <p:txBody>
          <a:bodyPr/>
          <a:lstStyle/>
          <a:p>
            <a:fld id="{742ED878-647B-DB4D-84DF-0BCCAF9DD0BF}" type="slidenum">
              <a:rPr lang="en-US" smtClean="0"/>
              <a:pPr/>
              <a:t>51</a:t>
            </a:fld>
            <a:endParaRPr lang="en-US" dirty="0"/>
          </a:p>
        </p:txBody>
      </p:sp>
    </p:spTree>
    <p:extLst>
      <p:ext uri="{BB962C8B-B14F-4D97-AF65-F5344CB8AC3E}">
        <p14:creationId xmlns:p14="http://schemas.microsoft.com/office/powerpoint/2010/main" val="296155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2905B6CF-E756-9D49-AFD4-DB49566C3440}"/>
              </a:ext>
            </a:extLst>
          </p:cNvPr>
          <p:cNvSpPr>
            <a:spLocks noGrp="1"/>
          </p:cNvSpPr>
          <p:nvPr>
            <p:ph type="sldNum" sz="quarter" idx="11"/>
          </p:nvPr>
        </p:nvSpPr>
        <p:spPr/>
        <p:txBody>
          <a:bodyPr/>
          <a:lstStyle/>
          <a:p>
            <a:fld id="{742ED878-647B-DB4D-84DF-0BCCAF9DD0BF}" type="slidenum">
              <a:rPr lang="en-US" smtClean="0"/>
              <a:pPr/>
              <a:t>52</a:t>
            </a:fld>
            <a:endParaRPr lang="en-US" dirty="0"/>
          </a:p>
        </p:txBody>
      </p:sp>
      <p:sp>
        <p:nvSpPr>
          <p:cNvPr id="3" name="Title 2">
            <a:extLst>
              <a:ext uri="{FF2B5EF4-FFF2-40B4-BE49-F238E27FC236}">
                <a16:creationId xmlns:a16="http://schemas.microsoft.com/office/drawing/2014/main" id="{EA92A33F-00B4-C347-ABFD-9A8DE470483D}"/>
              </a:ext>
            </a:extLst>
          </p:cNvPr>
          <p:cNvSpPr>
            <a:spLocks noGrp="1"/>
          </p:cNvSpPr>
          <p:nvPr>
            <p:ph type="title"/>
          </p:nvPr>
        </p:nvSpPr>
        <p:spPr/>
        <p:txBody>
          <a:bodyPr/>
          <a:lstStyle/>
          <a:p>
            <a:r>
              <a:rPr lang="en-US" dirty="0"/>
              <a:t>Take My slides with you... </a:t>
            </a:r>
          </a:p>
        </p:txBody>
      </p:sp>
      <p:sp>
        <p:nvSpPr>
          <p:cNvPr id="2" name="Content Placeholder 1">
            <a:extLst>
              <a:ext uri="{FF2B5EF4-FFF2-40B4-BE49-F238E27FC236}">
                <a16:creationId xmlns:a16="http://schemas.microsoft.com/office/drawing/2014/main" id="{89072A4C-1084-F149-995A-382514D88EBF}"/>
              </a:ext>
            </a:extLst>
          </p:cNvPr>
          <p:cNvSpPr>
            <a:spLocks noGrp="1"/>
          </p:cNvSpPr>
          <p:nvPr>
            <p:ph sz="quarter" idx="12"/>
          </p:nvPr>
        </p:nvSpPr>
        <p:spPr/>
        <p:txBody>
          <a:bodyPr/>
          <a:lstStyle/>
          <a:p>
            <a:pPr algn="ctr"/>
            <a:r>
              <a:rPr lang="en-US" sz="3200" dirty="0"/>
              <a:t>Text for Deck:</a:t>
            </a:r>
          </a:p>
          <a:p>
            <a:pPr algn="ctr"/>
            <a:r>
              <a:rPr lang="en-US" sz="3200" b="1" dirty="0">
                <a:solidFill>
                  <a:schemeClr val="bg2"/>
                </a:solidFill>
              </a:rPr>
              <a:t>PORTFOLIO</a:t>
            </a:r>
            <a:r>
              <a:rPr lang="en-US" sz="3200" dirty="0">
                <a:solidFill>
                  <a:srgbClr val="4ABD92"/>
                </a:solidFill>
              </a:rPr>
              <a:t> </a:t>
            </a:r>
          </a:p>
          <a:p>
            <a:pPr algn="ctr"/>
            <a:r>
              <a:rPr lang="en-US" sz="3200" dirty="0"/>
              <a:t>1-844-414-9981</a:t>
            </a:r>
          </a:p>
          <a:p>
            <a:endParaRPr lang="en-US" dirty="0"/>
          </a:p>
          <a:p>
            <a:endParaRPr lang="en-US" dirty="0"/>
          </a:p>
        </p:txBody>
      </p:sp>
    </p:spTree>
    <p:extLst>
      <p:ext uri="{BB962C8B-B14F-4D97-AF65-F5344CB8AC3E}">
        <p14:creationId xmlns:p14="http://schemas.microsoft.com/office/powerpoint/2010/main" val="3196159180"/>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p:txBody>
          <a:bodyPr/>
          <a:lstStyle/>
          <a:p>
            <a:r>
              <a:rPr lang="en-US"/>
              <a:t>Appendix</a:t>
            </a:r>
          </a:p>
        </p:txBody>
      </p:sp>
    </p:spTree>
    <p:extLst>
      <p:ext uri="{BB962C8B-B14F-4D97-AF65-F5344CB8AC3E}">
        <p14:creationId xmlns:p14="http://schemas.microsoft.com/office/powerpoint/2010/main" val="24514593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p:cNvSpPr>
            <a:spLocks noGrp="1"/>
          </p:cNvSpPr>
          <p:nvPr>
            <p:ph type="title"/>
          </p:nvPr>
        </p:nvSpPr>
        <p:spPr>
          <a:xfrm>
            <a:off x="1700784" y="356616"/>
            <a:ext cx="9468234" cy="868680"/>
          </a:xfrm>
        </p:spPr>
        <p:txBody>
          <a:bodyPr/>
          <a:lstStyle/>
          <a:p>
            <a:r>
              <a:rPr lang="en-US" dirty="0"/>
              <a:t>Portfolio tier</a:t>
            </a:r>
          </a:p>
        </p:txBody>
      </p:sp>
      <p:sp>
        <p:nvSpPr>
          <p:cNvPr id="6" name="Text Placeholder 5"/>
          <p:cNvSpPr>
            <a:spLocks noGrp="1"/>
          </p:cNvSpPr>
          <p:nvPr>
            <p:ph type="body" sz="quarter" idx="10"/>
          </p:nvPr>
        </p:nvSpPr>
        <p:spPr>
          <a:xfrm>
            <a:off x="1700784" y="1245885"/>
            <a:ext cx="9468234" cy="273050"/>
          </a:xfrm>
        </p:spPr>
        <p:txBody>
          <a:bodyPr/>
          <a:lstStyle/>
          <a:p>
            <a:r>
              <a:rPr lang="en-US" dirty="0"/>
              <a:t>Portfolio Team —  Purpose, Activities, Exit Policies</a:t>
            </a:r>
          </a:p>
          <a:p>
            <a:endParaRPr lang="en-US" dirty="0"/>
          </a:p>
        </p:txBody>
      </p:sp>
      <p:sp>
        <p:nvSpPr>
          <p:cNvPr id="3" name="Slide Number Placeholder 2">
            <a:extLst>
              <a:ext uri="{FF2B5EF4-FFF2-40B4-BE49-F238E27FC236}">
                <a16:creationId xmlns:a16="http://schemas.microsoft.com/office/drawing/2014/main" id="{0319F41C-4153-1C4E-9938-FB3EB45D934F}"/>
              </a:ext>
            </a:extLst>
          </p:cNvPr>
          <p:cNvSpPr>
            <a:spLocks noGrp="1"/>
          </p:cNvSpPr>
          <p:nvPr>
            <p:ph type="sldNum" sz="quarter" idx="4"/>
          </p:nvPr>
        </p:nvSpPr>
        <p:spPr>
          <a:xfrm>
            <a:off x="94594" y="6345839"/>
            <a:ext cx="557048" cy="365125"/>
          </a:xfrm>
        </p:spPr>
        <p:txBody>
          <a:bodyPr/>
          <a:lstStyle/>
          <a:p>
            <a:fld id="{742ED878-647B-DB4D-84DF-0BCCAF9DD0BF}" type="slidenum">
              <a:rPr lang="en-US" smtClean="0"/>
              <a:pPr/>
              <a:t>54</a:t>
            </a:fld>
            <a:endParaRPr lang="en-US" dirty="0"/>
          </a:p>
        </p:txBody>
      </p:sp>
      <p:graphicFrame>
        <p:nvGraphicFramePr>
          <p:cNvPr id="4" name="Table 3"/>
          <p:cNvGraphicFramePr>
            <a:graphicFrameLocks noGrp="1"/>
          </p:cNvGraphicFramePr>
          <p:nvPr>
            <p:extLst>
              <p:ext uri="{D42A27DB-BD31-4B8C-83A1-F6EECF244321}">
                <p14:modId xmlns:p14="http://schemas.microsoft.com/office/powerpoint/2010/main" val="2163361520"/>
              </p:ext>
            </p:extLst>
          </p:nvPr>
        </p:nvGraphicFramePr>
        <p:xfrm>
          <a:off x="1710267" y="2378554"/>
          <a:ext cx="10042461" cy="4003800"/>
        </p:xfrm>
        <a:graphic>
          <a:graphicData uri="http://schemas.openxmlformats.org/drawingml/2006/table">
            <a:tbl>
              <a:tblPr firstRow="1" bandRow="1">
                <a:tableStyleId>{69012ECD-51FC-41F1-AA8D-1B2483CD663E}</a:tableStyleId>
              </a:tblPr>
              <a:tblGrid>
                <a:gridCol w="773652">
                  <a:extLst>
                    <a:ext uri="{9D8B030D-6E8A-4147-A177-3AD203B41FA5}">
                      <a16:colId xmlns:a16="http://schemas.microsoft.com/office/drawing/2014/main" val="20000"/>
                    </a:ext>
                  </a:extLst>
                </a:gridCol>
                <a:gridCol w="1305762">
                  <a:extLst>
                    <a:ext uri="{9D8B030D-6E8A-4147-A177-3AD203B41FA5}">
                      <a16:colId xmlns:a16="http://schemas.microsoft.com/office/drawing/2014/main" val="20001"/>
                    </a:ext>
                  </a:extLst>
                </a:gridCol>
                <a:gridCol w="1217403">
                  <a:extLst>
                    <a:ext uri="{9D8B030D-6E8A-4147-A177-3AD203B41FA5}">
                      <a16:colId xmlns:a16="http://schemas.microsoft.com/office/drawing/2014/main" val="20002"/>
                    </a:ext>
                  </a:extLst>
                </a:gridCol>
                <a:gridCol w="1529354">
                  <a:extLst>
                    <a:ext uri="{9D8B030D-6E8A-4147-A177-3AD203B41FA5}">
                      <a16:colId xmlns:a16="http://schemas.microsoft.com/office/drawing/2014/main" val="20003"/>
                    </a:ext>
                  </a:extLst>
                </a:gridCol>
                <a:gridCol w="1348469">
                  <a:extLst>
                    <a:ext uri="{9D8B030D-6E8A-4147-A177-3AD203B41FA5}">
                      <a16:colId xmlns:a16="http://schemas.microsoft.com/office/drawing/2014/main" val="20004"/>
                    </a:ext>
                  </a:extLst>
                </a:gridCol>
                <a:gridCol w="1275091">
                  <a:extLst>
                    <a:ext uri="{9D8B030D-6E8A-4147-A177-3AD203B41FA5}">
                      <a16:colId xmlns:a16="http://schemas.microsoft.com/office/drawing/2014/main" val="20005"/>
                    </a:ext>
                  </a:extLst>
                </a:gridCol>
                <a:gridCol w="1168314">
                  <a:extLst>
                    <a:ext uri="{9D8B030D-6E8A-4147-A177-3AD203B41FA5}">
                      <a16:colId xmlns:a16="http://schemas.microsoft.com/office/drawing/2014/main" val="20006"/>
                    </a:ext>
                  </a:extLst>
                </a:gridCol>
                <a:gridCol w="1424416">
                  <a:extLst>
                    <a:ext uri="{9D8B030D-6E8A-4147-A177-3AD203B41FA5}">
                      <a16:colId xmlns:a16="http://schemas.microsoft.com/office/drawing/2014/main" val="20007"/>
                    </a:ext>
                  </a:extLst>
                </a:gridCol>
              </a:tblGrid>
              <a:tr h="314565">
                <a:tc>
                  <a:txBody>
                    <a:bodyPr/>
                    <a:lstStyle/>
                    <a:p>
                      <a:endParaRPr lang="en-US" sz="1000" dirty="0"/>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gridSpan="2">
                  <a:txBody>
                    <a:bodyPr/>
                    <a:lstStyle/>
                    <a:p>
                      <a:pPr algn="ctr"/>
                      <a:r>
                        <a:rPr lang="en-US" sz="800" b="1" spc="83" dirty="0">
                          <a:latin typeface="+mj-lt"/>
                        </a:rPr>
                        <a:t>STRATEGIC</a:t>
                      </a:r>
                      <a:r>
                        <a:rPr lang="en-US" sz="800" b="1" spc="83" baseline="0" dirty="0">
                          <a:latin typeface="+mj-lt"/>
                        </a:rPr>
                        <a:t> ALIGNMENT</a:t>
                      </a:r>
                      <a:endParaRPr lang="en-US" sz="800" b="1" spc="83" dirty="0">
                        <a:latin typeface="+mj-lt"/>
                      </a:endParaRP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hMerge="1">
                  <a:txBody>
                    <a:bodyPr/>
                    <a:lstStyle/>
                    <a:p>
                      <a:pPr algn="ctr"/>
                      <a:endParaRPr lang="en-US" sz="800" b="1"/>
                    </a:p>
                  </a:txBody>
                  <a:tcPr anchor="ctr"/>
                </a:tc>
                <a:tc>
                  <a:txBody>
                    <a:bodyPr/>
                    <a:lstStyle/>
                    <a:p>
                      <a:pPr algn="ctr"/>
                      <a:r>
                        <a:rPr lang="en-US" sz="800" b="1" kern="1200" spc="83" baseline="0" dirty="0">
                          <a:solidFill>
                            <a:schemeClr val="bg1"/>
                          </a:solidFill>
                          <a:latin typeface="+mj-lt"/>
                          <a:ea typeface="+mn-ea"/>
                          <a:cs typeface="+mn-cs"/>
                        </a:rPr>
                        <a:t>SOLUTION VISION</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a:txBody>
                    <a:bodyPr/>
                    <a:lstStyle/>
                    <a:p>
                      <a:pPr marL="0" algn="ctr" defTabSz="457200" rtl="0" eaLnBrk="1" latinLnBrk="0" hangingPunct="1"/>
                      <a:r>
                        <a:rPr lang="en-US" sz="800" b="1" kern="1200" spc="83" baseline="0" dirty="0">
                          <a:solidFill>
                            <a:schemeClr val="bg1"/>
                          </a:solidFill>
                          <a:latin typeface="+mj-lt"/>
                          <a:ea typeface="+mn-ea"/>
                          <a:cs typeface="+mn-cs"/>
                        </a:rPr>
                        <a:t>DEMAND PLANNING</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a:txBody>
                    <a:bodyPr/>
                    <a:lstStyle/>
                    <a:p>
                      <a:pPr marL="0" algn="ctr" defTabSz="457200" rtl="0" eaLnBrk="1" latinLnBrk="0" hangingPunct="1"/>
                      <a:r>
                        <a:rPr lang="en-US" sz="800" b="1" kern="1200" spc="83" baseline="0" dirty="0">
                          <a:solidFill>
                            <a:schemeClr val="bg1"/>
                          </a:solidFill>
                          <a:latin typeface="+mj-lt"/>
                          <a:ea typeface="+mn-ea"/>
                          <a:cs typeface="+mn-cs"/>
                        </a:rPr>
                        <a:t>EXECUTION</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a:txBody>
                    <a:bodyPr/>
                    <a:lstStyle/>
                    <a:p>
                      <a:pPr marL="0" algn="ctr" defTabSz="457200" rtl="0" eaLnBrk="1" latinLnBrk="0" hangingPunct="1"/>
                      <a:r>
                        <a:rPr lang="en-US" sz="800" b="1" kern="1200" spc="83" baseline="0" dirty="0">
                          <a:solidFill>
                            <a:schemeClr val="bg1"/>
                          </a:solidFill>
                          <a:latin typeface="+mj-lt"/>
                          <a:ea typeface="+mn-ea"/>
                          <a:cs typeface="+mn-cs"/>
                        </a:rPr>
                        <a:t>VALIDATION</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a:txBody>
                    <a:bodyPr/>
                    <a:lstStyle/>
                    <a:p>
                      <a:pPr marL="0" algn="ctr" defTabSz="457200" rtl="0" eaLnBrk="1" latinLnBrk="0" hangingPunct="1"/>
                      <a:r>
                        <a:rPr lang="en-US" sz="800" b="1" kern="1200" spc="83" baseline="0" dirty="0">
                          <a:solidFill>
                            <a:schemeClr val="bg1"/>
                          </a:solidFill>
                          <a:latin typeface="+mj-lt"/>
                          <a:ea typeface="+mn-ea"/>
                          <a:cs typeface="+mn-cs"/>
                        </a:rPr>
                        <a:t>MEASURE EFFECTIVENESS</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extLst>
                  <a:ext uri="{0D108BD9-81ED-4DB2-BD59-A6C34878D82A}">
                    <a16:rowId xmlns:a16="http://schemas.microsoft.com/office/drawing/2014/main" val="10000"/>
                  </a:ext>
                </a:extLst>
              </a:tr>
              <a:tr h="560200">
                <a:tc>
                  <a:txBody>
                    <a:bodyPr/>
                    <a:lstStyle/>
                    <a:p>
                      <a:r>
                        <a:rPr lang="en-US" sz="900" b="1" i="0" dirty="0">
                          <a:latin typeface="+mn-lt"/>
                          <a:ea typeface="Aleo" charset="0"/>
                          <a:cs typeface="Aleo" charset="0"/>
                        </a:rPr>
                        <a:t>Purpose</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dirty="0"/>
                        <a:t>Define what is needed</a:t>
                      </a:r>
                    </a:p>
                    <a:p>
                      <a:pPr marL="115888" lvl="0" indent="-115888">
                        <a:buFont typeface="Arial" charset="0"/>
                        <a:buChar char="•"/>
                        <a:tabLst/>
                      </a:pPr>
                      <a:r>
                        <a:rPr lang="en-US" sz="700" dirty="0"/>
                        <a:t>Maximize Performance of Capabilities</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dirty="0"/>
                        <a:t>Prioritize for Value</a:t>
                      </a:r>
                    </a:p>
                    <a:p>
                      <a:pPr marL="115888" lvl="0" indent="-115888">
                        <a:buFont typeface="Arial" charset="0"/>
                        <a:buChar char="•"/>
                        <a:tabLst/>
                      </a:pPr>
                      <a:r>
                        <a:rPr lang="en-US" sz="700" dirty="0"/>
                        <a:t>Validate Business Intent</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b="0" dirty="0">
                          <a:latin typeface="+mn-lt"/>
                          <a:cs typeface="Calibri Light" panose="020F0302020204030204" pitchFamily="34" charset="0"/>
                        </a:rPr>
                        <a:t>Consider Options</a:t>
                      </a:r>
                      <a:endParaRPr lang="en-US" sz="700" b="0" i="0" dirty="0">
                        <a:latin typeface="+mn-lt"/>
                      </a:endParaRPr>
                    </a:p>
                    <a:p>
                      <a:pPr marL="115888" lvl="0" indent="-115888">
                        <a:buFont typeface="Arial" charset="0"/>
                        <a:buChar char="•"/>
                        <a:tabLst/>
                      </a:pPr>
                      <a:r>
                        <a:rPr lang="en-US" sz="700" b="0" dirty="0">
                          <a:latin typeface="+mn-lt"/>
                          <a:cs typeface="Calibri Light" panose="020F0302020204030204" pitchFamily="34" charset="0"/>
                        </a:rPr>
                        <a:t>Identify Risks</a:t>
                      </a:r>
                    </a:p>
                    <a:p>
                      <a:pPr marL="115888" lvl="0" indent="-115888">
                        <a:buFont typeface="Arial" charset="0"/>
                        <a:buChar char="•"/>
                        <a:tabLst/>
                      </a:pPr>
                      <a:r>
                        <a:rPr lang="en-US" sz="700" b="0" dirty="0">
                          <a:latin typeface="+mn-lt"/>
                          <a:cs typeface="Calibri Light" panose="020F0302020204030204" pitchFamily="34" charset="0"/>
                        </a:rPr>
                        <a:t>Validate Solution meets Business Intent</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Balance capacity &amp; demand</a:t>
                      </a:r>
                    </a:p>
                    <a:p>
                      <a:pPr marL="115888" indent="-115888">
                        <a:buFont typeface="Arial" charset="0"/>
                        <a:buChar char="•"/>
                        <a:tabLst/>
                      </a:pPr>
                      <a:r>
                        <a:rPr lang="en-US" sz="700" b="0" i="0" dirty="0">
                          <a:latin typeface="+mn-lt"/>
                          <a:ea typeface="Aleo" charset="0"/>
                          <a:cs typeface="Aleo" charset="0"/>
                        </a:rPr>
                        <a:t>Reduce</a:t>
                      </a:r>
                      <a:r>
                        <a:rPr lang="en-US" sz="700" b="0" i="0" baseline="0" dirty="0">
                          <a:latin typeface="+mn-lt"/>
                          <a:ea typeface="Aleo" charset="0"/>
                          <a:cs typeface="Aleo" charset="0"/>
                        </a:rPr>
                        <a:t> Time to Value</a:t>
                      </a:r>
                      <a:endParaRPr lang="en-US" sz="700" b="0" i="0" dirty="0">
                        <a:latin typeface="+mn-lt"/>
                        <a:ea typeface="Aleo" charset="0"/>
                        <a:cs typeface="Aleo" charset="0"/>
                      </a:endParaRP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Identify &amp; plan for dependencies</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baseline="0" dirty="0">
                          <a:latin typeface="+mn-lt"/>
                          <a:ea typeface="Aleo" charset="0"/>
                          <a:cs typeface="Aleo" charset="0"/>
                        </a:rPr>
                        <a:t>Avoid Rework</a:t>
                      </a:r>
                      <a:endParaRPr lang="en-US" sz="700" b="0" i="0" dirty="0">
                        <a:latin typeface="+mn-lt"/>
                        <a:ea typeface="Aleo" charset="0"/>
                        <a:cs typeface="Aleo" charset="0"/>
                      </a:endParaRP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spcBef>
                          <a:spcPts val="0"/>
                        </a:spcBef>
                        <a:spcAft>
                          <a:spcPts val="0"/>
                        </a:spcAft>
                        <a:buClrTx/>
                        <a:buSzTx/>
                        <a:buFont typeface="Arial" charset="0"/>
                        <a:buChar char="•"/>
                        <a:tabLst/>
                      </a:pPr>
                      <a:r>
                        <a:rPr lang="en-US" sz="700" b="0" i="0" dirty="0">
                          <a:solidFill>
                            <a:srgbClr val="000000"/>
                          </a:solidFill>
                          <a:effectLst/>
                          <a:latin typeface="+mn-lt"/>
                          <a:ea typeface="Aleo" charset="0"/>
                          <a:cs typeface="Aleo" charset="0"/>
                        </a:rPr>
                        <a:t>Manage Flow</a:t>
                      </a:r>
                    </a:p>
                    <a:p>
                      <a:pPr marL="115888" indent="-115888">
                        <a:spcBef>
                          <a:spcPts val="0"/>
                        </a:spcBef>
                        <a:spcAft>
                          <a:spcPts val="0"/>
                        </a:spcAft>
                        <a:buClrTx/>
                        <a:buSzTx/>
                        <a:buFont typeface="Arial" charset="0"/>
                        <a:buChar char="•"/>
                        <a:tabLst/>
                      </a:pPr>
                      <a:r>
                        <a:rPr lang="en-US" sz="700" b="0" i="0" dirty="0">
                          <a:solidFill>
                            <a:srgbClr val="000000"/>
                          </a:solidFill>
                          <a:effectLst/>
                          <a:latin typeface="+mn-lt"/>
                          <a:ea typeface="Aleo" charset="0"/>
                          <a:cs typeface="Aleo" charset="0"/>
                        </a:rPr>
                        <a:t>Guide</a:t>
                      </a:r>
                      <a:r>
                        <a:rPr lang="en-US" sz="700" b="0" i="0" baseline="0" dirty="0">
                          <a:solidFill>
                            <a:srgbClr val="000000"/>
                          </a:solidFill>
                          <a:effectLst/>
                          <a:latin typeface="+mn-lt"/>
                          <a:ea typeface="Aleo" charset="0"/>
                          <a:cs typeface="Aleo" charset="0"/>
                        </a:rPr>
                        <a:t> Delivery</a:t>
                      </a:r>
                    </a:p>
                    <a:p>
                      <a:pPr marL="115888" indent="-115888">
                        <a:spcBef>
                          <a:spcPts val="0"/>
                        </a:spcBef>
                        <a:spcAft>
                          <a:spcPts val="0"/>
                        </a:spcAft>
                        <a:buClrTx/>
                        <a:buSzTx/>
                        <a:buFont typeface="Arial" charset="0"/>
                        <a:buChar char="•"/>
                        <a:tabLst/>
                      </a:pPr>
                      <a:r>
                        <a:rPr lang="en-US" sz="700" b="0" i="0" baseline="0" dirty="0">
                          <a:solidFill>
                            <a:srgbClr val="000000"/>
                          </a:solidFill>
                          <a:effectLst/>
                          <a:latin typeface="+mn-lt"/>
                          <a:ea typeface="Aleo" charset="0"/>
                          <a:cs typeface="Aleo" charset="0"/>
                        </a:rPr>
                        <a:t>Minimize Risks</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Validate solution meets Success Criteria</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dirty="0"/>
                        <a:t>Measure Effectiveness</a:t>
                      </a:r>
                    </a:p>
                    <a:p>
                      <a:pPr marL="115888" lvl="0" indent="-115888">
                        <a:buFont typeface="Arial" charset="0"/>
                        <a:buChar char="•"/>
                        <a:tabLst/>
                      </a:pPr>
                      <a:r>
                        <a:rPr lang="en-US" sz="700" dirty="0"/>
                        <a:t>Validate</a:t>
                      </a:r>
                      <a:r>
                        <a:rPr lang="en-US" sz="700" baseline="0" dirty="0"/>
                        <a:t> Capability</a:t>
                      </a:r>
                    </a:p>
                    <a:p>
                      <a:pPr marL="115888" lvl="0" indent="-115888">
                        <a:buFont typeface="Arial" charset="0"/>
                        <a:buChar char="•"/>
                        <a:tabLst/>
                      </a:pPr>
                      <a:r>
                        <a:rPr lang="en-US" sz="700" baseline="0" dirty="0"/>
                        <a:t>Validate Success Criteria</a:t>
                      </a:r>
                      <a:endParaRPr lang="en-US" sz="700" dirty="0"/>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1"/>
                  </a:ext>
                </a:extLst>
              </a:tr>
              <a:tr h="1060645">
                <a:tc>
                  <a:txBody>
                    <a:bodyPr/>
                    <a:lstStyle/>
                    <a:p>
                      <a:r>
                        <a:rPr lang="en-US" sz="900" b="1" i="0" dirty="0">
                          <a:latin typeface="+mn-lt"/>
                          <a:ea typeface="Aleo" charset="0"/>
                          <a:cs typeface="Aleo" charset="0"/>
                        </a:rPr>
                        <a:t>Activities</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dirty="0"/>
                        <a:t>Intake Initiatives</a:t>
                      </a:r>
                      <a:r>
                        <a:rPr lang="en-US" sz="700" baseline="0" dirty="0"/>
                        <a:t> / </a:t>
                      </a:r>
                      <a:r>
                        <a:rPr lang="en-US" sz="700" dirty="0"/>
                        <a:t>Epics</a:t>
                      </a:r>
                    </a:p>
                    <a:p>
                      <a:pPr marL="115888" lvl="0" indent="-115888">
                        <a:buFont typeface="Arial" charset="0"/>
                        <a:buChar char="•"/>
                        <a:tabLst/>
                      </a:pPr>
                      <a:r>
                        <a:rPr lang="en-US" sz="700" dirty="0"/>
                        <a:t>Validate alignment to Strategic Objectives</a:t>
                      </a:r>
                      <a:r>
                        <a:rPr lang="en-US" sz="700" baseline="0" dirty="0"/>
                        <a:t> (Business and Product)</a:t>
                      </a:r>
                      <a:endParaRPr lang="en-US" sz="700" dirty="0"/>
                    </a:p>
                    <a:p>
                      <a:pPr marL="115888" lvl="0" indent="-115888">
                        <a:buFont typeface="Arial" charset="0"/>
                        <a:buChar char="•"/>
                        <a:tabLst/>
                      </a:pPr>
                      <a:r>
                        <a:rPr lang="en-US" sz="700" dirty="0"/>
                        <a:t>Ensure alignment to Business Capabilities</a:t>
                      </a:r>
                    </a:p>
                    <a:p>
                      <a:pPr marL="115888" lvl="0" indent="-115888">
                        <a:buFont typeface="Arial" charset="0"/>
                        <a:buChar char="•"/>
                        <a:tabLst/>
                      </a:pPr>
                      <a:r>
                        <a:rPr lang="en-US" sz="700" dirty="0"/>
                        <a:t>Define Success Criteria</a:t>
                      </a:r>
                    </a:p>
                    <a:p>
                      <a:pPr marL="115888" lvl="0" indent="-115888">
                        <a:buFont typeface="Arial" charset="0"/>
                        <a:buChar char="•"/>
                        <a:tabLst/>
                      </a:pPr>
                      <a:r>
                        <a:rPr lang="en-US" sz="700" dirty="0"/>
                        <a:t>Defer Epics that are clearly not aligned to strategy</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a:t>OOM relative estimates for value and effort using Rapid Estimation techniques</a:t>
                      </a:r>
                    </a:p>
                    <a:p>
                      <a:pPr marL="115888" lvl="0" indent="-115888">
                        <a:buFont typeface="Arial" charset="0"/>
                        <a:buChar char="•"/>
                        <a:tabLst/>
                      </a:pPr>
                      <a:r>
                        <a:rPr lang="en-US" sz="700"/>
                        <a:t>Validate Epic (Brief) Vision &amp; Constraints</a:t>
                      </a:r>
                    </a:p>
                    <a:p>
                      <a:pPr marL="115888" lvl="0" indent="-115888">
                        <a:buFont typeface="Arial" charset="0"/>
                        <a:buChar char="•"/>
                        <a:tabLst/>
                      </a:pPr>
                      <a:r>
                        <a:rPr lang="en-US" sz="700"/>
                        <a:t>Epic Prioritization</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b="0" i="0" dirty="0">
                          <a:latin typeface="+mn-lt"/>
                        </a:rPr>
                        <a:t>Product Discovery</a:t>
                      </a:r>
                    </a:p>
                    <a:p>
                      <a:pPr marL="115888" lvl="0" indent="-115888">
                        <a:buFont typeface="Arial" charset="0"/>
                        <a:buChar char="•"/>
                        <a:tabLst/>
                      </a:pPr>
                      <a:r>
                        <a:rPr lang="en-US" sz="700" b="0" i="0" dirty="0">
                          <a:latin typeface="+mn-lt"/>
                        </a:rPr>
                        <a:t>Features Identified (Named)</a:t>
                      </a:r>
                    </a:p>
                    <a:p>
                      <a:pPr marL="115888" lvl="0" indent="-115888">
                        <a:buFont typeface="Arial" charset="0"/>
                        <a:buChar char="•"/>
                        <a:tabLst/>
                      </a:pPr>
                      <a:r>
                        <a:rPr lang="en-US" sz="700" b="0" i="0" dirty="0">
                          <a:latin typeface="+mn-lt"/>
                        </a:rPr>
                        <a:t>Epic MVP</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dirty="0"/>
                        <a:t>Right Size Epics</a:t>
                      </a:r>
                      <a:r>
                        <a:rPr lang="en-US" sz="700" baseline="0" dirty="0"/>
                        <a:t> (Slice)</a:t>
                      </a:r>
                      <a:endParaRPr lang="en-US" sz="700" b="0" i="0" dirty="0">
                        <a:latin typeface="+mn-lt"/>
                      </a:endParaRPr>
                    </a:p>
                    <a:p>
                      <a:pPr marL="115888" lvl="0" indent="-115888">
                        <a:buFont typeface="Arial" charset="0"/>
                        <a:buChar char="•"/>
                        <a:tabLst/>
                      </a:pPr>
                      <a:r>
                        <a:rPr lang="en-US" sz="700" b="0" i="0" dirty="0">
                          <a:latin typeface="+mn-lt"/>
                        </a:rPr>
                        <a:t>Identify work to address Constraints, Risks &amp; Dependencies</a:t>
                      </a:r>
                    </a:p>
                    <a:p>
                      <a:pPr marL="115888" lvl="0" indent="-115888">
                        <a:buFont typeface="Arial" charset="0"/>
                        <a:buChar char="•"/>
                        <a:tabLst/>
                      </a:pPr>
                      <a:r>
                        <a:rPr lang="en-US" sz="700" b="0" i="0" dirty="0">
                          <a:latin typeface="+mn-lt"/>
                        </a:rPr>
                        <a:t>Conduct Technical Impact Assessment</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Determine Capacity</a:t>
                      </a:r>
                    </a:p>
                    <a:p>
                      <a:pPr marL="115888" indent="-115888">
                        <a:buFont typeface="Arial" charset="0"/>
                        <a:buChar char="•"/>
                        <a:tabLst/>
                      </a:pPr>
                      <a:r>
                        <a:rPr lang="en-US" sz="700" b="0" i="0" dirty="0">
                          <a:latin typeface="+mn-lt"/>
                          <a:ea typeface="Aleo" charset="0"/>
                          <a:cs typeface="Aleo" charset="0"/>
                        </a:rPr>
                        <a:t>Plan for Risks &amp; Dependencies</a:t>
                      </a:r>
                    </a:p>
                    <a:p>
                      <a:pPr marL="115888" indent="-115888">
                        <a:buFont typeface="Arial" charset="0"/>
                        <a:buChar char="•"/>
                        <a:tabLst/>
                      </a:pPr>
                      <a:r>
                        <a:rPr lang="en-US" sz="700" b="0" i="0" dirty="0">
                          <a:latin typeface="+mn-lt"/>
                          <a:ea typeface="Aleo" charset="0"/>
                          <a:cs typeface="Aleo" charset="0"/>
                        </a:rPr>
                        <a:t>Sequence Work based on Priority</a:t>
                      </a:r>
                      <a:r>
                        <a:rPr lang="en-US" sz="700" b="0" i="0" baseline="0" dirty="0">
                          <a:latin typeface="+mn-lt"/>
                          <a:ea typeface="Aleo" charset="0"/>
                          <a:cs typeface="Aleo" charset="0"/>
                        </a:rPr>
                        <a:t> and Constraints</a:t>
                      </a:r>
                    </a:p>
                    <a:p>
                      <a:pPr marL="115888" indent="-115888">
                        <a:buFont typeface="Arial" charset="0"/>
                        <a:buChar char="•"/>
                        <a:tabLst/>
                      </a:pPr>
                      <a:endParaRPr lang="en-US" sz="700" b="0" i="0" dirty="0">
                        <a:latin typeface="+mn-lt"/>
                        <a:ea typeface="Aleo" charset="0"/>
                        <a:cs typeface="Aleo" charset="0"/>
                      </a:endParaRP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Review Epic Health &amp; Portfolio Dashboard</a:t>
                      </a:r>
                    </a:p>
                    <a:p>
                      <a:pPr marL="115888" indent="-115888">
                        <a:buFont typeface="Arial" charset="0"/>
                        <a:buChar char="•"/>
                        <a:tabLst/>
                      </a:pPr>
                      <a:r>
                        <a:rPr lang="en-US" sz="700" b="0" i="0" dirty="0">
                          <a:latin typeface="+mn-lt"/>
                          <a:ea typeface="Aleo" charset="0"/>
                          <a:cs typeface="Aleo" charset="0"/>
                        </a:rPr>
                        <a:t>Monitor &amp; communicate Release Health to Stakeholders</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Manage flow</a:t>
                      </a:r>
                      <a:r>
                        <a:rPr lang="en-US" sz="700" b="0" i="0" baseline="0" dirty="0">
                          <a:latin typeface="+mn-lt"/>
                          <a:ea typeface="Aleo" charset="0"/>
                          <a:cs typeface="Aleo" charset="0"/>
                        </a:rPr>
                        <a:t> to optimize time to value</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Continue, Change or Stop Decisions</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a:t>Feature Demos</a:t>
                      </a:r>
                    </a:p>
                    <a:p>
                      <a:pPr marL="115888" lvl="0" indent="-115888">
                        <a:buFont typeface="Arial" charset="0"/>
                        <a:buChar char="•"/>
                        <a:tabLst/>
                      </a:pPr>
                      <a:r>
                        <a:rPr lang="en-US" sz="700"/>
                        <a:t>User Acceptance Testing</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a:latin typeface="+mn-lt"/>
                          <a:ea typeface="Aleo" charset="0"/>
                          <a:cs typeface="Aleo" charset="0"/>
                        </a:rPr>
                        <a:t>Epic Validation Exit Policies met</a:t>
                      </a:r>
                      <a:endParaRPr lang="en-US" sz="700"/>
                    </a:p>
                    <a:p>
                      <a:pPr marL="115888" lvl="0" indent="-115888">
                        <a:buFont typeface="Arial" charset="0"/>
                        <a:buChar char="•"/>
                        <a:tabLst/>
                      </a:pPr>
                      <a:r>
                        <a:rPr lang="en-US" sz="700"/>
                        <a:t>Epic Implementation </a:t>
                      </a:r>
                    </a:p>
                    <a:p>
                      <a:pPr marL="115888" lvl="0" indent="-115888">
                        <a:buFont typeface="Arial" charset="0"/>
                        <a:buChar char="•"/>
                        <a:tabLst/>
                      </a:pPr>
                      <a:r>
                        <a:rPr lang="en-US" sz="700" b="0" i="0">
                          <a:latin typeface="+mn-lt"/>
                          <a:ea typeface="Aleo" charset="0"/>
                          <a:cs typeface="Aleo" charset="0"/>
                        </a:rPr>
                        <a:t>Continue, Change or Stop Decisions</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dirty="0"/>
                        <a:t>Epic Retrospectives</a:t>
                      </a:r>
                    </a:p>
                    <a:p>
                      <a:pPr marL="115888" lvl="0" indent="-115888">
                        <a:buFont typeface="Arial" charset="0"/>
                        <a:buChar char="•"/>
                        <a:tabLst/>
                      </a:pPr>
                      <a:r>
                        <a:rPr lang="en-US" sz="700" dirty="0"/>
                        <a:t>Measure Outcomes</a:t>
                      </a:r>
                    </a:p>
                    <a:p>
                      <a:pPr marL="115888" lvl="0" indent="-115888">
                        <a:buFont typeface="Arial" charset="0"/>
                        <a:buChar char="•"/>
                        <a:tabLst/>
                      </a:pPr>
                      <a:r>
                        <a:rPr lang="en-US" sz="700" dirty="0"/>
                        <a:t>Validate estimated and actual Benefits realized as a result of the Epics / Initiatives</a:t>
                      </a:r>
                    </a:p>
                    <a:p>
                      <a:pPr marL="115888" lvl="0" indent="-115888">
                        <a:buFont typeface="Arial" charset="0"/>
                        <a:buChar char="•"/>
                        <a:tabLst/>
                      </a:pPr>
                      <a:r>
                        <a:rPr lang="en-US" sz="700" dirty="0"/>
                        <a:t>Update the Capability Model</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2"/>
                  </a:ext>
                </a:extLst>
              </a:tr>
              <a:tr h="1160734">
                <a:tc>
                  <a:txBody>
                    <a:bodyPr/>
                    <a:lstStyle/>
                    <a:p>
                      <a:r>
                        <a:rPr lang="en-US" sz="900" b="1" i="0" dirty="0">
                          <a:latin typeface="+mn-lt"/>
                          <a:ea typeface="Aleo" charset="0"/>
                          <a:cs typeface="Aleo" charset="0"/>
                        </a:rPr>
                        <a:t>Exit Policies</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dirty="0"/>
                        <a:t>Epic Definition (Brief) Description,  Problem Clarity</a:t>
                      </a:r>
                      <a:r>
                        <a:rPr lang="en-US" sz="700" baseline="0" dirty="0"/>
                        <a:t> complete</a:t>
                      </a:r>
                    </a:p>
                    <a:p>
                      <a:pPr marL="115888" lvl="0" indent="-115888">
                        <a:buFont typeface="Arial" charset="0"/>
                        <a:buChar char="•"/>
                        <a:tabLst/>
                      </a:pPr>
                      <a:r>
                        <a:rPr lang="en-US" sz="700" dirty="0"/>
                        <a:t>Strategically aligned Epics Created in Portfolio Backlog</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a:t>Epic Definition  (Brief) Solution:</a:t>
                      </a:r>
                      <a:r>
                        <a:rPr lang="en-US" sz="700" baseline="0"/>
                        <a:t> </a:t>
                      </a:r>
                      <a:r>
                        <a:rPr lang="en-US" sz="700"/>
                        <a:t>Approach , Constraints complete</a:t>
                      </a:r>
                    </a:p>
                    <a:p>
                      <a:pPr marL="115888" lvl="0" indent="-115888">
                        <a:buFont typeface="Arial" charset="0"/>
                        <a:buChar char="•"/>
                        <a:tabLst/>
                      </a:pPr>
                      <a:r>
                        <a:rPr lang="en-US" sz="700"/>
                        <a:t>Prioritized Epic Backlog for the Portfolio</a:t>
                      </a:r>
                    </a:p>
                    <a:p>
                      <a:pPr marL="115888" lvl="0" indent="-115888">
                        <a:buFont typeface="Arial" charset="0"/>
                        <a:buChar char="•"/>
                        <a:tabLst/>
                      </a:pPr>
                      <a:r>
                        <a:rPr lang="en-US" sz="700"/>
                        <a:t>Initial Priority Score (WSJF)</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Epic Definition (Brief) Solution</a:t>
                      </a:r>
                      <a:r>
                        <a:rPr lang="en-US" sz="700" b="0" i="0" baseline="0" dirty="0">
                          <a:latin typeface="+mn-lt"/>
                          <a:ea typeface="Aleo" charset="0"/>
                          <a:cs typeface="Aleo" charset="0"/>
                        </a:rPr>
                        <a:t> </a:t>
                      </a:r>
                      <a:r>
                        <a:rPr lang="en-US" sz="700" b="0" i="0" dirty="0">
                          <a:latin typeface="+mn-lt"/>
                          <a:ea typeface="Aleo" charset="0"/>
                          <a:cs typeface="Aleo" charset="0"/>
                        </a:rPr>
                        <a:t>Approach,</a:t>
                      </a:r>
                      <a:r>
                        <a:rPr lang="en-US" sz="700" b="0" i="0" baseline="0" dirty="0">
                          <a:latin typeface="+mn-lt"/>
                          <a:ea typeface="Aleo" charset="0"/>
                          <a:cs typeface="Aleo" charset="0"/>
                        </a:rPr>
                        <a:t> Constraints (Risks, Dependencies), Features (Named)</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Updated</a:t>
                      </a:r>
                      <a:r>
                        <a:rPr lang="en-US" sz="700" b="0" i="0" baseline="0" dirty="0">
                          <a:latin typeface="+mn-lt"/>
                          <a:ea typeface="Aleo" charset="0"/>
                          <a:cs typeface="Aleo" charset="0"/>
                        </a:rPr>
                        <a:t> Effort / </a:t>
                      </a:r>
                      <a:r>
                        <a:rPr lang="en-US" sz="700" b="0" i="0" dirty="0">
                          <a:latin typeface="+mn-lt"/>
                          <a:ea typeface="Aleo" charset="0"/>
                          <a:cs typeface="Aleo" charset="0"/>
                        </a:rPr>
                        <a:t>Cost Estimate</a:t>
                      </a:r>
                    </a:p>
                    <a:p>
                      <a:pPr marL="115888" indent="-115888">
                        <a:buFont typeface="Arial" charset="0"/>
                        <a:buChar char="•"/>
                        <a:tabLst/>
                      </a:pPr>
                      <a:r>
                        <a:rPr lang="en-US" sz="700" b="0" i="0" dirty="0">
                          <a:latin typeface="+mn-lt"/>
                          <a:ea typeface="Aleo" charset="0"/>
                          <a:cs typeface="Aleo" charset="0"/>
                        </a:rPr>
                        <a:t>Lightweight</a:t>
                      </a:r>
                      <a:r>
                        <a:rPr lang="en-US" sz="700" b="0" i="0" baseline="0" dirty="0">
                          <a:latin typeface="+mn-lt"/>
                          <a:ea typeface="Aleo" charset="0"/>
                          <a:cs typeface="Aleo" charset="0"/>
                        </a:rPr>
                        <a:t> Business Case</a:t>
                      </a:r>
                    </a:p>
                    <a:p>
                      <a:pPr marL="115888" indent="-115888">
                        <a:buFont typeface="Arial" charset="0"/>
                        <a:buChar char="•"/>
                        <a:tabLst/>
                      </a:pPr>
                      <a:r>
                        <a:rPr lang="en-US" sz="700" b="0" i="0" baseline="0" dirty="0">
                          <a:latin typeface="+mn-lt"/>
                          <a:ea typeface="Aleo" charset="0"/>
                          <a:cs typeface="Aleo" charset="0"/>
                        </a:rPr>
                        <a:t>Updated Priority Score (WSJF)</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Technology Impact Assessment </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Epic</a:t>
                      </a:r>
                      <a:r>
                        <a:rPr lang="en-US" sz="700" b="0" i="0" baseline="0" dirty="0">
                          <a:latin typeface="+mn-lt"/>
                          <a:ea typeface="Aleo" charset="0"/>
                          <a:cs typeface="Aleo" charset="0"/>
                        </a:rPr>
                        <a:t> </a:t>
                      </a:r>
                      <a:r>
                        <a:rPr lang="en-US" sz="700" b="0" i="0" dirty="0">
                          <a:latin typeface="+mn-lt"/>
                          <a:ea typeface="Aleo" charset="0"/>
                          <a:cs typeface="Aleo" charset="0"/>
                        </a:rPr>
                        <a:t> Definition of Ready Validated</a:t>
                      </a:r>
                    </a:p>
                    <a:p>
                      <a:pPr marL="115888" indent="-115888">
                        <a:buFont typeface="Arial" charset="0"/>
                        <a:buChar char="•"/>
                        <a:tabLst/>
                      </a:pPr>
                      <a:r>
                        <a:rPr lang="en-US" sz="700" b="0" i="0" dirty="0">
                          <a:latin typeface="+mn-lt"/>
                          <a:ea typeface="Aleo" charset="0"/>
                          <a:cs typeface="Aleo" charset="0"/>
                        </a:rPr>
                        <a:t>Portfolio </a:t>
                      </a:r>
                      <a:r>
                        <a:rPr lang="en-US" sz="700" b="0" i="0" baseline="0" dirty="0">
                          <a:latin typeface="+mn-lt"/>
                          <a:ea typeface="Aleo" charset="0"/>
                          <a:cs typeface="Aleo" charset="0"/>
                        </a:rPr>
                        <a:t>Roadmap Updated</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Epics Scheduled to Completion</a:t>
                      </a:r>
                    </a:p>
                    <a:p>
                      <a:pPr marL="115888" indent="-115888">
                        <a:buFont typeface="Arial" charset="0"/>
                        <a:buChar char="•"/>
                        <a:tabLst/>
                      </a:pPr>
                      <a:r>
                        <a:rPr lang="en-US" sz="700" b="0" i="0">
                          <a:latin typeface="+mn-lt"/>
                          <a:ea typeface="Aleo" charset="0"/>
                          <a:cs typeface="Aleo" charset="0"/>
                        </a:rPr>
                        <a:t>Backlog for Defined Planning Horizon</a:t>
                      </a:r>
                    </a:p>
                    <a:p>
                      <a:pPr marL="115888" indent="-115888">
                        <a:buFont typeface="Arial" charset="0"/>
                        <a:buChar char="•"/>
                        <a:tabLst/>
                      </a:pPr>
                      <a:r>
                        <a:rPr lang="en-US" sz="700" b="0" i="0">
                          <a:latin typeface="+mn-lt"/>
                          <a:ea typeface="Aleo" charset="0"/>
                          <a:cs typeface="Aleo" charset="0"/>
                        </a:rPr>
                        <a:t>Sequenced Portfolio Roadmap </a:t>
                      </a:r>
                    </a:p>
                    <a:p>
                      <a:pPr marL="115888" indent="-115888">
                        <a:buFont typeface="Arial" charset="0"/>
                        <a:buChar char="•"/>
                        <a:tabLst/>
                      </a:pPr>
                      <a:r>
                        <a:rPr lang="en-US" sz="700" b="0" i="0" baseline="0">
                          <a:latin typeface="+mn-lt"/>
                          <a:ea typeface="Aleo" charset="0"/>
                          <a:cs typeface="Aleo" charset="0"/>
                        </a:rPr>
                        <a:t>Product Backlog Updated</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Updated Risk</a:t>
                      </a:r>
                      <a:r>
                        <a:rPr lang="en-US" sz="700" b="0" i="0" baseline="0">
                          <a:latin typeface="+mn-lt"/>
                          <a:ea typeface="Aleo" charset="0"/>
                          <a:cs typeface="Aleo" charset="0"/>
                        </a:rPr>
                        <a:t> Assessment</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a:latin typeface="+mn-lt"/>
                          <a:ea typeface="Aleo" charset="0"/>
                          <a:cs typeface="Aleo" charset="0"/>
                        </a:rPr>
                        <a:t>Release</a:t>
                      </a:r>
                      <a:r>
                        <a:rPr lang="en-US" sz="700" b="0" i="0" baseline="0">
                          <a:latin typeface="+mn-lt"/>
                          <a:ea typeface="Aleo" charset="0"/>
                          <a:cs typeface="Aleo" charset="0"/>
                        </a:rPr>
                        <a:t> Plan Accepted</a:t>
                      </a:r>
                      <a:endParaRPr lang="en-US" sz="700" b="0" i="0">
                        <a:latin typeface="+mn-lt"/>
                        <a:ea typeface="Aleo" charset="0"/>
                        <a:cs typeface="Aleo" charset="0"/>
                      </a:endParaRP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dirty="0"/>
                        <a:t>Portfolio Dashboard</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dirty="0"/>
                        <a:t>Epic Dashboard</a:t>
                      </a:r>
                    </a:p>
                    <a:p>
                      <a:pPr marL="115888" lvl="0" indent="-115888">
                        <a:buFont typeface="Arial" charset="0"/>
                        <a:buChar char="•"/>
                        <a:tabLst/>
                      </a:pPr>
                      <a:r>
                        <a:rPr lang="en-US" sz="700" dirty="0"/>
                        <a:t>Product Dashboard</a:t>
                      </a:r>
                    </a:p>
                    <a:p>
                      <a:pPr marL="115888" lvl="0" indent="-115888">
                        <a:buFont typeface="Arial" charset="0"/>
                        <a:buChar char="•"/>
                        <a:tabLst/>
                      </a:pPr>
                      <a:r>
                        <a:rPr lang="en-US" sz="700" dirty="0"/>
                        <a:t>Risk Dashboard</a:t>
                      </a:r>
                    </a:p>
                    <a:p>
                      <a:pPr marL="115888" lvl="0" indent="-115888">
                        <a:buFont typeface="Arial" charset="0"/>
                        <a:buChar char="•"/>
                        <a:tabLst/>
                      </a:pPr>
                      <a:r>
                        <a:rPr lang="en-US" sz="700" dirty="0"/>
                        <a:t>WIP Limits Monitored</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dirty="0"/>
                        <a:t>Team Metrics and Assessment Dashboards</a:t>
                      </a:r>
                      <a:endParaRPr lang="en-US" sz="700" baseline="0" dirty="0"/>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marR="0" indent="-115888" algn="l" defTabSz="9144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Epic</a:t>
                      </a:r>
                      <a:r>
                        <a:rPr lang="en-US" sz="700" b="0" i="0" baseline="0" dirty="0">
                          <a:latin typeface="+mn-lt"/>
                          <a:ea typeface="Aleo" charset="0"/>
                          <a:cs typeface="Aleo" charset="0"/>
                        </a:rPr>
                        <a:t> </a:t>
                      </a:r>
                      <a:r>
                        <a:rPr lang="en-US" sz="700" b="0" i="0" dirty="0">
                          <a:latin typeface="+mn-lt"/>
                          <a:ea typeface="Aleo" charset="0"/>
                          <a:cs typeface="Aleo" charset="0"/>
                        </a:rPr>
                        <a:t> Definition of Done Validated</a:t>
                      </a:r>
                    </a:p>
                    <a:p>
                      <a:pPr marL="115888" marR="0" indent="-115888" algn="l" defTabSz="9144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Epics Delivered and Stakeholder has Accepted</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dirty="0"/>
                        <a:t>Benefits Realization Review</a:t>
                      </a:r>
                    </a:p>
                    <a:p>
                      <a:pPr marL="115888" lvl="0" indent="-115888">
                        <a:buFont typeface="Arial" charset="0"/>
                        <a:buChar char="•"/>
                        <a:tabLst/>
                      </a:pPr>
                      <a:r>
                        <a:rPr lang="en-US" sz="700" dirty="0"/>
                        <a:t>Feedback to Improve other Epic estimates of Value, Effort and Priority</a:t>
                      </a:r>
                    </a:p>
                    <a:p>
                      <a:pPr marL="115888" lvl="0" indent="-115888">
                        <a:buFont typeface="Arial" charset="0"/>
                        <a:buChar char="•"/>
                        <a:tabLst/>
                      </a:pPr>
                      <a:r>
                        <a:rPr lang="en-US" sz="700" dirty="0"/>
                        <a:t>Capability Performance Analysis Update</a:t>
                      </a:r>
                    </a:p>
                    <a:p>
                      <a:pPr marL="115888" indent="-115888">
                        <a:buFont typeface="Arial" charset="0"/>
                        <a:buChar char="•"/>
                        <a:tabLst/>
                      </a:pPr>
                      <a:r>
                        <a:rPr lang="en-US" sz="700" b="0" i="0" dirty="0">
                          <a:latin typeface="+mn-lt"/>
                          <a:ea typeface="Aleo" charset="0"/>
                          <a:cs typeface="Aleo" charset="0"/>
                        </a:rPr>
                        <a:t>Retrospective Analysis</a:t>
                      </a:r>
                    </a:p>
                    <a:p>
                      <a:pPr marL="115888" indent="-115888">
                        <a:buFont typeface="Arial" charset="0"/>
                        <a:buChar char="•"/>
                        <a:tabLst/>
                      </a:pPr>
                      <a:r>
                        <a:rPr lang="en-US" sz="700" b="0" i="0" baseline="0" dirty="0">
                          <a:latin typeface="+mn-lt"/>
                          <a:ea typeface="Aleo" charset="0"/>
                          <a:cs typeface="Aleo" charset="0"/>
                        </a:rPr>
                        <a:t>KPIs updated to include Epic Success Criteria</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Epic is Completed</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3"/>
                  </a:ext>
                </a:extLst>
              </a:tr>
              <a:tr h="660289">
                <a:tc>
                  <a:txBody>
                    <a:bodyPr/>
                    <a:lstStyle/>
                    <a:p>
                      <a:r>
                        <a:rPr lang="en-US" sz="900" b="1" i="0" dirty="0">
                          <a:latin typeface="+mn-lt"/>
                          <a:ea typeface="Aleo" charset="0"/>
                          <a:cs typeface="Aleo" charset="0"/>
                        </a:rPr>
                        <a:t>RACI (Team)</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R – Portfolio  Team,</a:t>
                      </a:r>
                      <a:r>
                        <a:rPr lang="en-US" sz="700" b="0" i="0" baseline="0" dirty="0">
                          <a:latin typeface="+mn-lt"/>
                          <a:ea typeface="Aleo" charset="0"/>
                          <a:cs typeface="Aleo" charset="0"/>
                        </a:rPr>
                        <a:t> </a:t>
                      </a:r>
                      <a:r>
                        <a:rPr lang="en-US" sz="700" b="0" i="0" dirty="0">
                          <a:latin typeface="+mn-lt"/>
                          <a:ea typeface="Aleo" charset="0"/>
                          <a:cs typeface="Aleo" charset="0"/>
                        </a:rPr>
                        <a:t>Product Management</a:t>
                      </a:r>
                    </a:p>
                    <a:p>
                      <a:pPr marL="115888" indent="-115888">
                        <a:buFont typeface="Arial" charset="0"/>
                        <a:buChar char="•"/>
                        <a:tabLst/>
                      </a:pPr>
                      <a:r>
                        <a:rPr lang="en-US" sz="700" b="0" i="0" dirty="0">
                          <a:latin typeface="+mn-lt"/>
                          <a:ea typeface="Aleo" charset="0"/>
                          <a:cs typeface="Aleo" charset="0"/>
                        </a:rPr>
                        <a:t>A - Portfolio Team</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C</a:t>
                      </a:r>
                      <a:r>
                        <a:rPr lang="en-US" sz="700" b="0" i="0" baseline="0" dirty="0">
                          <a:latin typeface="+mn-lt"/>
                          <a:ea typeface="Aleo" charset="0"/>
                          <a:cs typeface="Aleo" charset="0"/>
                        </a:rPr>
                        <a:t> - </a:t>
                      </a:r>
                      <a:r>
                        <a:rPr lang="en-US" sz="700" b="0" i="0" dirty="0">
                          <a:latin typeface="+mn-lt"/>
                          <a:ea typeface="Aleo" charset="0"/>
                          <a:cs typeface="Aleo" charset="0"/>
                        </a:rPr>
                        <a:t>Product Team</a:t>
                      </a:r>
                    </a:p>
                    <a:p>
                      <a:pPr marL="115888" indent="-115888">
                        <a:buFont typeface="Arial" charset="0"/>
                        <a:buChar char="•"/>
                        <a:tabLst/>
                      </a:pPr>
                      <a:r>
                        <a:rPr lang="en-US" sz="700" b="0" i="0" dirty="0">
                          <a:latin typeface="+mn-lt"/>
                          <a:ea typeface="Aleo" charset="0"/>
                          <a:cs typeface="Aleo" charset="0"/>
                        </a:rPr>
                        <a:t>I</a:t>
                      </a:r>
                      <a:r>
                        <a:rPr lang="en-US" sz="700" b="0" i="0" baseline="0" dirty="0">
                          <a:latin typeface="+mn-lt"/>
                          <a:ea typeface="Aleo" charset="0"/>
                          <a:cs typeface="Aleo" charset="0"/>
                        </a:rPr>
                        <a:t> – </a:t>
                      </a:r>
                      <a:r>
                        <a:rPr lang="en-US" sz="700" b="0" i="0" dirty="0">
                          <a:latin typeface="+mn-lt"/>
                          <a:ea typeface="Aleo" charset="0"/>
                          <a:cs typeface="Aleo" charset="0"/>
                        </a:rPr>
                        <a:t>Delivery Team</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R - Portfolio Team,</a:t>
                      </a:r>
                      <a:r>
                        <a:rPr lang="en-US" sz="700" b="0" i="0" baseline="0">
                          <a:latin typeface="+mn-lt"/>
                          <a:ea typeface="Aleo" charset="0"/>
                          <a:cs typeface="Aleo" charset="0"/>
                        </a:rPr>
                        <a:t> </a:t>
                      </a:r>
                      <a:r>
                        <a:rPr lang="en-US" sz="700" b="0" i="0">
                          <a:latin typeface="+mn-lt"/>
                          <a:ea typeface="Aleo" charset="0"/>
                          <a:cs typeface="Aleo" charset="0"/>
                        </a:rPr>
                        <a:t>Product</a:t>
                      </a:r>
                      <a:r>
                        <a:rPr lang="en-US" sz="700" b="0" i="0" baseline="0">
                          <a:latin typeface="+mn-lt"/>
                          <a:ea typeface="Aleo" charset="0"/>
                          <a:cs typeface="Aleo" charset="0"/>
                        </a:rPr>
                        <a:t> </a:t>
                      </a:r>
                      <a:r>
                        <a:rPr lang="en-US" sz="700" b="0" i="0">
                          <a:latin typeface="+mn-lt"/>
                          <a:ea typeface="Aleo" charset="0"/>
                          <a:cs typeface="Aleo" charset="0"/>
                        </a:rPr>
                        <a:t>Management</a:t>
                      </a:r>
                    </a:p>
                    <a:p>
                      <a:pPr marL="115888" indent="-115888">
                        <a:buFont typeface="Arial" charset="0"/>
                        <a:buChar char="•"/>
                        <a:tabLst/>
                      </a:pPr>
                      <a:r>
                        <a:rPr lang="en-US" sz="700" b="0" i="0">
                          <a:latin typeface="+mn-lt"/>
                          <a:ea typeface="Aleo" charset="0"/>
                          <a:cs typeface="Aleo" charset="0"/>
                        </a:rPr>
                        <a:t>A - Portfolio Team</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a:latin typeface="+mn-lt"/>
                          <a:ea typeface="Aleo" charset="0"/>
                          <a:cs typeface="Aleo" charset="0"/>
                        </a:rPr>
                        <a:t>C</a:t>
                      </a:r>
                      <a:r>
                        <a:rPr lang="en-US" sz="700" b="0" i="0" baseline="0">
                          <a:latin typeface="+mn-lt"/>
                          <a:ea typeface="Aleo" charset="0"/>
                          <a:cs typeface="Aleo" charset="0"/>
                        </a:rPr>
                        <a:t> - </a:t>
                      </a:r>
                      <a:r>
                        <a:rPr lang="en-US" sz="700" b="0" i="0">
                          <a:latin typeface="+mn-lt"/>
                          <a:ea typeface="Aleo" charset="0"/>
                          <a:cs typeface="Aleo" charset="0"/>
                        </a:rPr>
                        <a:t>Product Team</a:t>
                      </a:r>
                    </a:p>
                    <a:p>
                      <a:pPr marL="115888" indent="-115888">
                        <a:buFont typeface="Arial" charset="0"/>
                        <a:buChar char="•"/>
                        <a:tabLst/>
                      </a:pPr>
                      <a:r>
                        <a:rPr lang="en-US" sz="700" b="0" i="0">
                          <a:latin typeface="+mn-lt"/>
                          <a:ea typeface="Aleo" charset="0"/>
                          <a:cs typeface="Aleo" charset="0"/>
                        </a:rPr>
                        <a:t>I</a:t>
                      </a:r>
                      <a:r>
                        <a:rPr lang="en-US" sz="700" b="0" i="0" baseline="0">
                          <a:latin typeface="+mn-lt"/>
                          <a:ea typeface="Aleo" charset="0"/>
                          <a:cs typeface="Aleo" charset="0"/>
                        </a:rPr>
                        <a:t> – </a:t>
                      </a:r>
                      <a:r>
                        <a:rPr lang="en-US" sz="700" b="0" i="0">
                          <a:latin typeface="+mn-lt"/>
                          <a:ea typeface="Aleo" charset="0"/>
                          <a:cs typeface="Aleo" charset="0"/>
                        </a:rPr>
                        <a:t>Delivery Team</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R – Portfolio  Team,</a:t>
                      </a:r>
                      <a:r>
                        <a:rPr lang="en-US" sz="700" b="0" i="0" baseline="0">
                          <a:latin typeface="+mn-lt"/>
                          <a:ea typeface="Aleo" charset="0"/>
                          <a:cs typeface="Aleo" charset="0"/>
                        </a:rPr>
                        <a:t> </a:t>
                      </a:r>
                      <a:r>
                        <a:rPr lang="en-US" sz="700" b="0" i="0">
                          <a:latin typeface="+mn-lt"/>
                          <a:ea typeface="Aleo" charset="0"/>
                          <a:cs typeface="Aleo" charset="0"/>
                        </a:rPr>
                        <a:t>Product Team</a:t>
                      </a:r>
                    </a:p>
                    <a:p>
                      <a:pPr marL="115888" indent="-115888">
                        <a:buFont typeface="Arial" charset="0"/>
                        <a:buChar char="•"/>
                        <a:tabLst/>
                      </a:pPr>
                      <a:r>
                        <a:rPr lang="en-US" sz="700" b="0" i="0">
                          <a:latin typeface="+mn-lt"/>
                          <a:ea typeface="Aleo" charset="0"/>
                          <a:cs typeface="Aleo" charset="0"/>
                        </a:rPr>
                        <a:t>A - Portfolio Team</a:t>
                      </a:r>
                    </a:p>
                    <a:p>
                      <a:pPr marL="115888" indent="-115888">
                        <a:buFont typeface="Arial" charset="0"/>
                        <a:buChar char="•"/>
                        <a:tabLst/>
                      </a:pPr>
                      <a:r>
                        <a:rPr lang="en-US" sz="700" b="0" i="0">
                          <a:latin typeface="+mn-lt"/>
                          <a:ea typeface="Aleo" charset="0"/>
                          <a:cs typeface="Aleo" charset="0"/>
                        </a:rPr>
                        <a:t>C –</a:t>
                      </a:r>
                      <a:r>
                        <a:rPr lang="en-US" sz="700" b="0" i="0" baseline="0">
                          <a:latin typeface="+mn-lt"/>
                          <a:ea typeface="Aleo" charset="0"/>
                          <a:cs typeface="Aleo" charset="0"/>
                        </a:rPr>
                        <a:t> </a:t>
                      </a:r>
                      <a:r>
                        <a:rPr lang="en-US" sz="700" b="0" i="0">
                          <a:latin typeface="+mn-lt"/>
                          <a:ea typeface="Aleo" charset="0"/>
                          <a:cs typeface="Aleo" charset="0"/>
                        </a:rPr>
                        <a:t>Product Management</a:t>
                      </a:r>
                    </a:p>
                    <a:p>
                      <a:pPr marL="115888" indent="-115888">
                        <a:buFont typeface="Arial" charset="0"/>
                        <a:buChar char="•"/>
                        <a:tabLst/>
                      </a:pPr>
                      <a:r>
                        <a:rPr lang="en-US" sz="700" b="0" i="0">
                          <a:latin typeface="+mn-lt"/>
                          <a:ea typeface="Aleo" charset="0"/>
                          <a:cs typeface="Aleo" charset="0"/>
                        </a:rPr>
                        <a:t>I</a:t>
                      </a:r>
                      <a:r>
                        <a:rPr lang="en-US" sz="700" b="0" i="0" baseline="0">
                          <a:latin typeface="+mn-lt"/>
                          <a:ea typeface="Aleo" charset="0"/>
                          <a:cs typeface="Aleo" charset="0"/>
                        </a:rPr>
                        <a:t> – </a:t>
                      </a:r>
                      <a:r>
                        <a:rPr lang="en-US" sz="700" b="0" i="0">
                          <a:latin typeface="+mn-lt"/>
                          <a:ea typeface="Aleo" charset="0"/>
                          <a:cs typeface="Aleo" charset="0"/>
                        </a:rPr>
                        <a:t>Delivery Team</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R – Portfolio  Team,</a:t>
                      </a:r>
                      <a:r>
                        <a:rPr lang="en-US" sz="700" b="0" i="0" baseline="0">
                          <a:latin typeface="+mn-lt"/>
                          <a:ea typeface="Aleo" charset="0"/>
                          <a:cs typeface="Aleo" charset="0"/>
                        </a:rPr>
                        <a:t> </a:t>
                      </a:r>
                      <a:r>
                        <a:rPr lang="en-US" sz="700" b="0" i="0">
                          <a:latin typeface="+mn-lt"/>
                          <a:ea typeface="Aleo" charset="0"/>
                          <a:cs typeface="Aleo" charset="0"/>
                        </a:rPr>
                        <a:t>Product Team</a:t>
                      </a:r>
                    </a:p>
                    <a:p>
                      <a:pPr marL="115888" indent="-115888">
                        <a:buFont typeface="Arial" charset="0"/>
                        <a:buChar char="•"/>
                        <a:tabLst/>
                      </a:pPr>
                      <a:r>
                        <a:rPr lang="en-US" sz="700" b="0" i="0">
                          <a:latin typeface="+mn-lt"/>
                          <a:ea typeface="Aleo" charset="0"/>
                          <a:cs typeface="Aleo" charset="0"/>
                        </a:rPr>
                        <a:t>A - Portfolio Team</a:t>
                      </a:r>
                    </a:p>
                    <a:p>
                      <a:pPr marL="115888" indent="-115888">
                        <a:buFont typeface="Arial" charset="0"/>
                        <a:buChar char="•"/>
                        <a:tabLst/>
                      </a:pPr>
                      <a:r>
                        <a:rPr lang="en-US" sz="700" b="0" i="0">
                          <a:latin typeface="+mn-lt"/>
                          <a:ea typeface="Aleo" charset="0"/>
                          <a:cs typeface="Aleo" charset="0"/>
                        </a:rPr>
                        <a:t>C –</a:t>
                      </a:r>
                      <a:r>
                        <a:rPr lang="en-US" sz="700" b="0" i="0" baseline="0">
                          <a:latin typeface="+mn-lt"/>
                          <a:ea typeface="Aleo" charset="0"/>
                          <a:cs typeface="Aleo" charset="0"/>
                        </a:rPr>
                        <a:t> </a:t>
                      </a:r>
                      <a:r>
                        <a:rPr lang="en-US" sz="700" b="0" i="0">
                          <a:latin typeface="+mn-lt"/>
                          <a:ea typeface="Aleo" charset="0"/>
                          <a:cs typeface="Aleo" charset="0"/>
                        </a:rPr>
                        <a:t>Product Management</a:t>
                      </a:r>
                    </a:p>
                    <a:p>
                      <a:pPr marL="115888" indent="-115888">
                        <a:buFont typeface="Arial" charset="0"/>
                        <a:buChar char="•"/>
                        <a:tabLst/>
                      </a:pPr>
                      <a:r>
                        <a:rPr lang="en-US" sz="700" b="0" i="0">
                          <a:latin typeface="+mn-lt"/>
                          <a:ea typeface="Aleo" charset="0"/>
                          <a:cs typeface="Aleo" charset="0"/>
                        </a:rPr>
                        <a:t>I</a:t>
                      </a:r>
                      <a:r>
                        <a:rPr lang="en-US" sz="700" b="0" i="0" baseline="0">
                          <a:latin typeface="+mn-lt"/>
                          <a:ea typeface="Aleo" charset="0"/>
                          <a:cs typeface="Aleo" charset="0"/>
                        </a:rPr>
                        <a:t> – </a:t>
                      </a:r>
                      <a:r>
                        <a:rPr lang="en-US" sz="700" b="0" i="0">
                          <a:latin typeface="+mn-lt"/>
                          <a:ea typeface="Aleo" charset="0"/>
                          <a:cs typeface="Aleo" charset="0"/>
                        </a:rPr>
                        <a:t>Delivery Team</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R – Portfolio Team,</a:t>
                      </a:r>
                      <a:r>
                        <a:rPr lang="en-US" sz="700" b="0" i="0" baseline="0">
                          <a:latin typeface="+mn-lt"/>
                          <a:ea typeface="Aleo" charset="0"/>
                          <a:cs typeface="Aleo" charset="0"/>
                        </a:rPr>
                        <a:t> </a:t>
                      </a:r>
                      <a:r>
                        <a:rPr lang="en-US" sz="700" b="0" i="0">
                          <a:latin typeface="+mn-lt"/>
                          <a:ea typeface="Aleo" charset="0"/>
                          <a:cs typeface="Aleo" charset="0"/>
                        </a:rPr>
                        <a:t>Product Team</a:t>
                      </a:r>
                    </a:p>
                    <a:p>
                      <a:pPr marL="115888" indent="-115888">
                        <a:buFont typeface="Arial" charset="0"/>
                        <a:buChar char="•"/>
                        <a:tabLst/>
                      </a:pPr>
                      <a:r>
                        <a:rPr lang="en-US" sz="700" b="0" i="0">
                          <a:latin typeface="+mn-lt"/>
                          <a:ea typeface="Aleo" charset="0"/>
                          <a:cs typeface="Aleo" charset="0"/>
                        </a:rPr>
                        <a:t>A - Portfolio Team</a:t>
                      </a:r>
                    </a:p>
                    <a:p>
                      <a:pPr marL="115888" indent="-115888">
                        <a:buFont typeface="Arial" charset="0"/>
                        <a:buChar char="•"/>
                        <a:tabLst/>
                      </a:pPr>
                      <a:r>
                        <a:rPr lang="en-US" sz="700" b="0" i="0">
                          <a:latin typeface="+mn-lt"/>
                          <a:ea typeface="Aleo" charset="0"/>
                          <a:cs typeface="Aleo" charset="0"/>
                        </a:rPr>
                        <a:t>C –</a:t>
                      </a:r>
                      <a:r>
                        <a:rPr lang="en-US" sz="700" b="0" i="0" baseline="0">
                          <a:latin typeface="+mn-lt"/>
                          <a:ea typeface="Aleo" charset="0"/>
                          <a:cs typeface="Aleo" charset="0"/>
                        </a:rPr>
                        <a:t> </a:t>
                      </a:r>
                      <a:r>
                        <a:rPr lang="en-US" sz="700" b="0" i="0">
                          <a:latin typeface="+mn-lt"/>
                          <a:ea typeface="Aleo" charset="0"/>
                          <a:cs typeface="Aleo" charset="0"/>
                        </a:rPr>
                        <a:t>Product Management</a:t>
                      </a:r>
                    </a:p>
                    <a:p>
                      <a:pPr marL="115888" indent="-115888">
                        <a:buFont typeface="Arial" charset="0"/>
                        <a:buChar char="•"/>
                        <a:tabLst/>
                      </a:pPr>
                      <a:r>
                        <a:rPr lang="en-US" sz="700" b="0" i="0">
                          <a:latin typeface="+mn-lt"/>
                          <a:ea typeface="Aleo" charset="0"/>
                          <a:cs typeface="Aleo" charset="0"/>
                        </a:rPr>
                        <a:t>I</a:t>
                      </a:r>
                      <a:r>
                        <a:rPr lang="en-US" sz="700" b="0" i="0" baseline="0">
                          <a:latin typeface="+mn-lt"/>
                          <a:ea typeface="Aleo" charset="0"/>
                          <a:cs typeface="Aleo" charset="0"/>
                        </a:rPr>
                        <a:t> – </a:t>
                      </a:r>
                      <a:r>
                        <a:rPr lang="en-US" sz="700" b="0" i="0">
                          <a:latin typeface="+mn-lt"/>
                          <a:ea typeface="Aleo" charset="0"/>
                          <a:cs typeface="Aleo" charset="0"/>
                        </a:rPr>
                        <a:t>Delivery Team</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R – Portfolio Team,</a:t>
                      </a:r>
                      <a:r>
                        <a:rPr lang="en-US" sz="700" b="0" i="0" baseline="0">
                          <a:latin typeface="+mn-lt"/>
                          <a:ea typeface="Aleo" charset="0"/>
                          <a:cs typeface="Aleo" charset="0"/>
                        </a:rPr>
                        <a:t> Product Team</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A - Portfolio Team</a:t>
                      </a:r>
                    </a:p>
                    <a:p>
                      <a:pPr marL="115888" indent="-115888">
                        <a:buFont typeface="Arial" charset="0"/>
                        <a:buChar char="•"/>
                        <a:tabLst/>
                      </a:pPr>
                      <a:r>
                        <a:rPr lang="en-US" sz="700" b="0" i="0">
                          <a:latin typeface="+mn-lt"/>
                          <a:ea typeface="Aleo" charset="0"/>
                          <a:cs typeface="Aleo" charset="0"/>
                        </a:rPr>
                        <a:t>C –</a:t>
                      </a:r>
                      <a:r>
                        <a:rPr lang="en-US" sz="700" b="0" i="0" baseline="0">
                          <a:latin typeface="+mn-lt"/>
                          <a:ea typeface="Aleo" charset="0"/>
                          <a:cs typeface="Aleo" charset="0"/>
                        </a:rPr>
                        <a:t> </a:t>
                      </a:r>
                      <a:r>
                        <a:rPr lang="en-US" sz="700" b="0" i="0">
                          <a:latin typeface="+mn-lt"/>
                          <a:ea typeface="Aleo" charset="0"/>
                          <a:cs typeface="Aleo" charset="0"/>
                        </a:rPr>
                        <a:t>Product Management</a:t>
                      </a:r>
                    </a:p>
                    <a:p>
                      <a:pPr marL="115888" indent="-115888">
                        <a:buFont typeface="Arial" charset="0"/>
                        <a:buChar char="•"/>
                        <a:tabLst/>
                      </a:pPr>
                      <a:r>
                        <a:rPr lang="en-US" sz="700" b="0" i="0">
                          <a:latin typeface="+mn-lt"/>
                          <a:ea typeface="Aleo" charset="0"/>
                          <a:cs typeface="Aleo" charset="0"/>
                        </a:rPr>
                        <a:t>I</a:t>
                      </a:r>
                      <a:r>
                        <a:rPr lang="en-US" sz="700" b="0" i="0" baseline="0">
                          <a:latin typeface="+mn-lt"/>
                          <a:ea typeface="Aleo" charset="0"/>
                          <a:cs typeface="Aleo" charset="0"/>
                        </a:rPr>
                        <a:t> – </a:t>
                      </a:r>
                      <a:r>
                        <a:rPr lang="en-US" sz="700" b="0" i="0">
                          <a:latin typeface="+mn-lt"/>
                          <a:ea typeface="Aleo" charset="0"/>
                          <a:cs typeface="Aleo" charset="0"/>
                        </a:rPr>
                        <a:t>Delivery Team</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R – Portfolio  Team,</a:t>
                      </a:r>
                      <a:r>
                        <a:rPr lang="en-US" sz="700" b="0" i="0" baseline="0" dirty="0">
                          <a:latin typeface="+mn-lt"/>
                          <a:ea typeface="Aleo" charset="0"/>
                          <a:cs typeface="Aleo" charset="0"/>
                        </a:rPr>
                        <a:t> </a:t>
                      </a:r>
                      <a:r>
                        <a:rPr lang="en-US" sz="700" b="0" i="0" dirty="0">
                          <a:latin typeface="+mn-lt"/>
                          <a:ea typeface="Aleo" charset="0"/>
                          <a:cs typeface="Aleo" charset="0"/>
                        </a:rPr>
                        <a:t>Product Team</a:t>
                      </a:r>
                    </a:p>
                    <a:p>
                      <a:pPr marL="115888" indent="-115888">
                        <a:buFont typeface="Arial" charset="0"/>
                        <a:buChar char="•"/>
                        <a:tabLst/>
                      </a:pPr>
                      <a:r>
                        <a:rPr lang="en-US" sz="700" b="0" i="0" dirty="0">
                          <a:latin typeface="+mn-lt"/>
                          <a:ea typeface="Aleo" charset="0"/>
                          <a:cs typeface="Aleo" charset="0"/>
                        </a:rPr>
                        <a:t>A - Portfolio Team</a:t>
                      </a:r>
                    </a:p>
                    <a:p>
                      <a:pPr marL="115888" indent="-115888">
                        <a:buFont typeface="Arial" charset="0"/>
                        <a:buChar char="•"/>
                        <a:tabLst/>
                      </a:pPr>
                      <a:r>
                        <a:rPr lang="en-US" sz="700" b="0" i="0" dirty="0">
                          <a:latin typeface="+mn-lt"/>
                          <a:ea typeface="Aleo" charset="0"/>
                          <a:cs typeface="Aleo" charset="0"/>
                        </a:rPr>
                        <a:t>C –</a:t>
                      </a:r>
                      <a:r>
                        <a:rPr lang="en-US" sz="700" b="0" i="0" baseline="0" dirty="0">
                          <a:latin typeface="+mn-lt"/>
                          <a:ea typeface="Aleo" charset="0"/>
                          <a:cs typeface="Aleo" charset="0"/>
                        </a:rPr>
                        <a:t> </a:t>
                      </a:r>
                      <a:r>
                        <a:rPr lang="en-US" sz="700" b="0" i="0" dirty="0">
                          <a:latin typeface="+mn-lt"/>
                          <a:ea typeface="Aleo" charset="0"/>
                          <a:cs typeface="Aleo" charset="0"/>
                        </a:rPr>
                        <a:t>Product Management</a:t>
                      </a:r>
                    </a:p>
                    <a:p>
                      <a:pPr marL="115888" indent="-115888">
                        <a:buFont typeface="Arial" charset="0"/>
                        <a:buChar char="•"/>
                        <a:tabLst/>
                      </a:pPr>
                      <a:r>
                        <a:rPr lang="en-US" sz="700" b="0" i="0" dirty="0">
                          <a:latin typeface="+mn-lt"/>
                          <a:ea typeface="Aleo" charset="0"/>
                          <a:cs typeface="Aleo" charset="0"/>
                        </a:rPr>
                        <a:t>I</a:t>
                      </a:r>
                      <a:r>
                        <a:rPr lang="en-US" sz="700" b="0" i="0" baseline="0" dirty="0">
                          <a:latin typeface="+mn-lt"/>
                          <a:ea typeface="Aleo" charset="0"/>
                          <a:cs typeface="Aleo" charset="0"/>
                        </a:rPr>
                        <a:t> – </a:t>
                      </a:r>
                      <a:r>
                        <a:rPr lang="en-US" sz="700" b="0" i="0" dirty="0">
                          <a:latin typeface="+mn-lt"/>
                          <a:ea typeface="Aleo" charset="0"/>
                          <a:cs typeface="Aleo" charset="0"/>
                        </a:rPr>
                        <a:t>Delivery Team</a:t>
                      </a:r>
                    </a:p>
                  </a:txBody>
                  <a:tcPr marL="63689" marR="63689" marT="31845" marB="31845">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4"/>
                  </a:ext>
                </a:extLst>
              </a:tr>
            </a:tbl>
          </a:graphicData>
        </a:graphic>
      </p:graphicFrame>
      <p:sp>
        <p:nvSpPr>
          <p:cNvPr id="25" name="Graphic 212">
            <a:extLst>
              <a:ext uri="{FF2B5EF4-FFF2-40B4-BE49-F238E27FC236}">
                <a16:creationId xmlns:a16="http://schemas.microsoft.com/office/drawing/2014/main" id="{01BC7A1A-F0BE-2E4E-9660-14B8566D6ACC}"/>
              </a:ext>
            </a:extLst>
          </p:cNvPr>
          <p:cNvSpPr/>
          <p:nvPr/>
        </p:nvSpPr>
        <p:spPr>
          <a:xfrm>
            <a:off x="5212617" y="1879175"/>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4"/>
          </a:solidFill>
          <a:ln w="4829" cap="flat">
            <a:noFill/>
            <a:prstDash val="solid"/>
            <a:miter/>
          </a:ln>
        </p:spPr>
        <p:txBody>
          <a:bodyPr rtlCol="0" anchor="ctr"/>
          <a:lstStyle/>
          <a:p>
            <a:pPr lvl="0" algn="ctr"/>
            <a:r>
              <a:rPr lang="en-US" sz="800" b="1" cap="all" spc="70" dirty="0">
                <a:solidFill>
                  <a:srgbClr val="FFFFFF"/>
                </a:solidFill>
                <a:latin typeface="Calibri Bold"/>
              </a:rPr>
              <a:t>Solution Definition</a:t>
            </a:r>
            <a:endParaRPr lang="en-US" dirty="0"/>
          </a:p>
        </p:txBody>
      </p:sp>
      <p:sp>
        <p:nvSpPr>
          <p:cNvPr id="26" name="Graphic 210">
            <a:extLst>
              <a:ext uri="{FF2B5EF4-FFF2-40B4-BE49-F238E27FC236}">
                <a16:creationId xmlns:a16="http://schemas.microsoft.com/office/drawing/2014/main" id="{977C7F2C-2C7C-4C45-89DB-CAC4EA37B8D2}"/>
              </a:ext>
            </a:extLst>
          </p:cNvPr>
          <p:cNvSpPr/>
          <p:nvPr/>
        </p:nvSpPr>
        <p:spPr>
          <a:xfrm>
            <a:off x="2514057" y="1879175"/>
            <a:ext cx="1162650" cy="411480"/>
          </a:xfrm>
          <a:custGeom>
            <a:avLst/>
            <a:gdLst>
              <a:gd name="connsiteX0" fmla="*/ 1157955 w 1162650"/>
              <a:gd name="connsiteY0" fmla="*/ 195739 h 416774"/>
              <a:gd name="connsiteX1" fmla="*/ 1000501 w 1162650"/>
              <a:gd name="connsiteY1" fmla="*/ 13424 h 416774"/>
              <a:gd name="connsiteX2" fmla="*/ 971424 w 1162650"/>
              <a:gd name="connsiteY2" fmla="*/ 0 h 416774"/>
              <a:gd name="connsiteX3" fmla="*/ 38770 w 1162650"/>
              <a:gd name="connsiteY3" fmla="*/ 0 h 416774"/>
              <a:gd name="connsiteX4" fmla="*/ 0 w 1162650"/>
              <a:gd name="connsiteY4" fmla="*/ 38770 h 416774"/>
              <a:gd name="connsiteX5" fmla="*/ 0 w 1162650"/>
              <a:gd name="connsiteY5" fmla="*/ 378005 h 416774"/>
              <a:gd name="connsiteX6" fmla="*/ 38770 w 1162650"/>
              <a:gd name="connsiteY6" fmla="*/ 416775 h 416774"/>
              <a:gd name="connsiteX7" fmla="*/ 971036 w 1162650"/>
              <a:gd name="connsiteY7" fmla="*/ 416775 h 416774"/>
              <a:gd name="connsiteX8" fmla="*/ 1000113 w 1162650"/>
              <a:gd name="connsiteY8" fmla="*/ 403350 h 416774"/>
              <a:gd name="connsiteX9" fmla="*/ 1157955 w 1162650"/>
              <a:gd name="connsiteY9" fmla="*/ 221036 h 416774"/>
              <a:gd name="connsiteX10" fmla="*/ 1157955 w 1162650"/>
              <a:gd name="connsiteY10" fmla="*/ 195739 h 41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62650" h="416774">
                <a:moveTo>
                  <a:pt x="1157955" y="195739"/>
                </a:moveTo>
                <a:lnTo>
                  <a:pt x="1000501" y="13424"/>
                </a:lnTo>
                <a:cubicBezTo>
                  <a:pt x="993198" y="4967"/>
                  <a:pt x="982599" y="78"/>
                  <a:pt x="971424" y="0"/>
                </a:cubicBezTo>
                <a:lnTo>
                  <a:pt x="38770" y="0"/>
                </a:lnTo>
                <a:cubicBezTo>
                  <a:pt x="17358" y="0"/>
                  <a:pt x="0" y="17359"/>
                  <a:pt x="0" y="38770"/>
                </a:cubicBezTo>
                <a:lnTo>
                  <a:pt x="0" y="378005"/>
                </a:lnTo>
                <a:cubicBezTo>
                  <a:pt x="0" y="399415"/>
                  <a:pt x="17358" y="416775"/>
                  <a:pt x="38770" y="416775"/>
                </a:cubicBezTo>
                <a:lnTo>
                  <a:pt x="971036" y="416775"/>
                </a:lnTo>
                <a:cubicBezTo>
                  <a:pt x="982212" y="416697"/>
                  <a:pt x="992810" y="411807"/>
                  <a:pt x="1000113" y="403350"/>
                </a:cubicBezTo>
                <a:lnTo>
                  <a:pt x="1157955" y="221036"/>
                </a:lnTo>
                <a:cubicBezTo>
                  <a:pt x="1164216" y="213767"/>
                  <a:pt x="1164216" y="203008"/>
                  <a:pt x="1157955" y="195739"/>
                </a:cubicBezTo>
                <a:close/>
              </a:path>
            </a:pathLst>
          </a:custGeom>
          <a:solidFill>
            <a:schemeClr val="accent2"/>
          </a:solidFill>
          <a:ln w="4829" cap="flat">
            <a:noFill/>
            <a:prstDash val="solid"/>
            <a:miter/>
          </a:ln>
        </p:spPr>
        <p:txBody>
          <a:bodyPr rtlCol="0" anchor="ctr"/>
          <a:lstStyle/>
          <a:p>
            <a:pPr algn="ctr"/>
            <a:r>
              <a:rPr lang="en-US" sz="800" b="1" cap="all" spc="70" dirty="0">
                <a:solidFill>
                  <a:schemeClr val="lt1"/>
                </a:solidFill>
                <a:latin typeface="+mj-lt"/>
              </a:rPr>
              <a:t>Portfolio Alignment</a:t>
            </a:r>
          </a:p>
        </p:txBody>
      </p:sp>
      <p:sp>
        <p:nvSpPr>
          <p:cNvPr id="27" name="Graphic 212">
            <a:extLst>
              <a:ext uri="{FF2B5EF4-FFF2-40B4-BE49-F238E27FC236}">
                <a16:creationId xmlns:a16="http://schemas.microsoft.com/office/drawing/2014/main" id="{AF581EA0-CE4E-3646-A138-86AF34459469}"/>
              </a:ext>
            </a:extLst>
          </p:cNvPr>
          <p:cNvSpPr/>
          <p:nvPr/>
        </p:nvSpPr>
        <p:spPr>
          <a:xfrm>
            <a:off x="6561926" y="1879175"/>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4">
              <a:lumMod val="50000"/>
            </a:schemeClr>
          </a:solidFill>
          <a:ln w="4829" cap="flat">
            <a:noFill/>
            <a:prstDash val="solid"/>
            <a:miter/>
          </a:ln>
        </p:spPr>
        <p:txBody>
          <a:bodyPr rtlCol="0" anchor="ctr"/>
          <a:lstStyle/>
          <a:p>
            <a:pPr lvl="0" algn="ctr"/>
            <a:r>
              <a:rPr lang="en-US" sz="800" b="1" cap="all" spc="70" dirty="0">
                <a:solidFill>
                  <a:srgbClr val="FFFFFF"/>
                </a:solidFill>
                <a:latin typeface="Calibri Bold"/>
              </a:rPr>
              <a:t>Release Targeting</a:t>
            </a:r>
          </a:p>
        </p:txBody>
      </p:sp>
      <p:sp>
        <p:nvSpPr>
          <p:cNvPr id="28" name="Graphic 212">
            <a:extLst>
              <a:ext uri="{FF2B5EF4-FFF2-40B4-BE49-F238E27FC236}">
                <a16:creationId xmlns:a16="http://schemas.microsoft.com/office/drawing/2014/main" id="{371BE35B-70A4-354D-9D98-1F511FDBE100}"/>
              </a:ext>
            </a:extLst>
          </p:cNvPr>
          <p:cNvSpPr/>
          <p:nvPr/>
        </p:nvSpPr>
        <p:spPr>
          <a:xfrm>
            <a:off x="7911235" y="1879175"/>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1"/>
          </a:solidFill>
          <a:ln w="4829" cap="flat">
            <a:noFill/>
            <a:prstDash val="solid"/>
            <a:miter/>
          </a:ln>
        </p:spPr>
        <p:txBody>
          <a:bodyPr rtlCol="0" anchor="ctr"/>
          <a:lstStyle/>
          <a:p>
            <a:pPr lvl="0" algn="ctr"/>
            <a:r>
              <a:rPr lang="en-US" sz="800" b="1" cap="all" spc="70" dirty="0">
                <a:solidFill>
                  <a:srgbClr val="FFFFFF"/>
                </a:solidFill>
                <a:latin typeface="Calibri Bold"/>
              </a:rPr>
              <a:t>In PROGRESS</a:t>
            </a:r>
          </a:p>
        </p:txBody>
      </p:sp>
      <p:sp>
        <p:nvSpPr>
          <p:cNvPr id="29" name="Graphic 212">
            <a:extLst>
              <a:ext uri="{FF2B5EF4-FFF2-40B4-BE49-F238E27FC236}">
                <a16:creationId xmlns:a16="http://schemas.microsoft.com/office/drawing/2014/main" id="{0612B258-1111-6648-9DE1-878F8F8BE9E8}"/>
              </a:ext>
            </a:extLst>
          </p:cNvPr>
          <p:cNvSpPr/>
          <p:nvPr/>
        </p:nvSpPr>
        <p:spPr>
          <a:xfrm>
            <a:off x="3863308" y="1879175"/>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2"/>
          </a:solidFill>
          <a:ln w="4829" cap="flat">
            <a:noFill/>
            <a:prstDash val="solid"/>
            <a:miter/>
          </a:ln>
        </p:spPr>
        <p:txBody>
          <a:bodyPr rtlCol="0" anchor="ctr"/>
          <a:lstStyle/>
          <a:p>
            <a:pPr lvl="0" algn="ctr"/>
            <a:r>
              <a:rPr lang="en-US" sz="800" b="1" cap="all" spc="70" dirty="0">
                <a:solidFill>
                  <a:srgbClr val="FFFFFF"/>
                </a:solidFill>
                <a:latin typeface="Calibri Bold"/>
              </a:rPr>
              <a:t>Portfolio Prioritization</a:t>
            </a:r>
          </a:p>
        </p:txBody>
      </p:sp>
      <p:sp>
        <p:nvSpPr>
          <p:cNvPr id="30" name="Graphic 212">
            <a:extLst>
              <a:ext uri="{FF2B5EF4-FFF2-40B4-BE49-F238E27FC236}">
                <a16:creationId xmlns:a16="http://schemas.microsoft.com/office/drawing/2014/main" id="{463C5F9E-B0DF-494A-B722-C0A58088EF9C}"/>
              </a:ext>
            </a:extLst>
          </p:cNvPr>
          <p:cNvSpPr/>
          <p:nvPr/>
        </p:nvSpPr>
        <p:spPr>
          <a:xfrm>
            <a:off x="9260544" y="1879175"/>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1"/>
          </a:solidFill>
          <a:ln w="4829" cap="flat">
            <a:noFill/>
            <a:prstDash val="solid"/>
            <a:miter/>
          </a:ln>
        </p:spPr>
        <p:txBody>
          <a:bodyPr rtlCol="0" anchor="ctr"/>
          <a:lstStyle/>
          <a:p>
            <a:pPr lvl="0" algn="ctr"/>
            <a:r>
              <a:rPr lang="en-US" sz="800" b="1" cap="all" spc="70" dirty="0">
                <a:solidFill>
                  <a:srgbClr val="FFFFFF"/>
                </a:solidFill>
                <a:latin typeface="Calibri Bold"/>
              </a:rPr>
              <a:t>EPIC </a:t>
            </a:r>
            <a:br>
              <a:rPr lang="en-US" sz="800" b="1" cap="all" spc="70" dirty="0">
                <a:solidFill>
                  <a:srgbClr val="FFFFFF"/>
                </a:solidFill>
                <a:latin typeface="Calibri Bold"/>
              </a:rPr>
            </a:br>
            <a:r>
              <a:rPr lang="en-US" sz="800" b="1" cap="all" spc="70" dirty="0">
                <a:solidFill>
                  <a:srgbClr val="FFFFFF"/>
                </a:solidFill>
                <a:latin typeface="Calibri Bold"/>
              </a:rPr>
              <a:t>Validation</a:t>
            </a:r>
          </a:p>
        </p:txBody>
      </p:sp>
      <p:sp>
        <p:nvSpPr>
          <p:cNvPr id="31" name="Graphic 208">
            <a:extLst>
              <a:ext uri="{FF2B5EF4-FFF2-40B4-BE49-F238E27FC236}">
                <a16:creationId xmlns:a16="http://schemas.microsoft.com/office/drawing/2014/main" id="{351EBA0D-A386-364C-A486-8AA0C04F7198}"/>
              </a:ext>
            </a:extLst>
          </p:cNvPr>
          <p:cNvSpPr>
            <a:spLocks noChangeAspect="1"/>
          </p:cNvSpPr>
          <p:nvPr/>
        </p:nvSpPr>
        <p:spPr>
          <a:xfrm>
            <a:off x="10609853" y="1879175"/>
            <a:ext cx="1118330" cy="411480"/>
          </a:xfrm>
          <a:custGeom>
            <a:avLst/>
            <a:gdLst>
              <a:gd name="connsiteX0" fmla="*/ 1104413 w 1143182"/>
              <a:gd name="connsiteY0" fmla="*/ 0 h 416775"/>
              <a:gd name="connsiteX1" fmla="*/ 19491 w 1143182"/>
              <a:gd name="connsiteY1" fmla="*/ 0 h 416775"/>
              <a:gd name="connsiteX2" fmla="*/ 1 w 1143182"/>
              <a:gd name="connsiteY2" fmla="*/ 19279 h 416775"/>
              <a:gd name="connsiteX3" fmla="*/ 4613 w 1143182"/>
              <a:gd name="connsiteY3" fmla="*/ 31937 h 416775"/>
              <a:gd name="connsiteX4" fmla="*/ 144184 w 1143182"/>
              <a:gd name="connsiteY4" fmla="*/ 195836 h 416775"/>
              <a:gd name="connsiteX5" fmla="*/ 144184 w 1143182"/>
              <a:gd name="connsiteY5" fmla="*/ 220939 h 416775"/>
              <a:gd name="connsiteX6" fmla="*/ 4613 w 1143182"/>
              <a:gd name="connsiteY6" fmla="*/ 384838 h 416775"/>
              <a:gd name="connsiteX7" fmla="*/ 6834 w 1143182"/>
              <a:gd name="connsiteY7" fmla="*/ 412161 h 416775"/>
              <a:gd name="connsiteX8" fmla="*/ 19491 w 1143182"/>
              <a:gd name="connsiteY8" fmla="*/ 416775 h 416775"/>
              <a:gd name="connsiteX9" fmla="*/ 1104413 w 1143182"/>
              <a:gd name="connsiteY9" fmla="*/ 416775 h 416775"/>
              <a:gd name="connsiteX10" fmla="*/ 1143183 w 1143182"/>
              <a:gd name="connsiteY10" fmla="*/ 378005 h 416775"/>
              <a:gd name="connsiteX11" fmla="*/ 1143183 w 1143182"/>
              <a:gd name="connsiteY11" fmla="*/ 38770 h 416775"/>
              <a:gd name="connsiteX12" fmla="*/ 1104413 w 1143182"/>
              <a:gd name="connsiteY12" fmla="*/ 0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143182" h="416775">
                <a:moveTo>
                  <a:pt x="1104413" y="0"/>
                </a:moveTo>
                <a:lnTo>
                  <a:pt x="19491" y="0"/>
                </a:lnTo>
                <a:cubicBezTo>
                  <a:pt x="8785" y="-58"/>
                  <a:pt x="59" y="8573"/>
                  <a:pt x="1" y="19279"/>
                </a:cubicBezTo>
                <a:cubicBezTo>
                  <a:pt x="-24" y="23916"/>
                  <a:pt x="1612" y="28404"/>
                  <a:pt x="4613" y="31937"/>
                </a:cubicBezTo>
                <a:lnTo>
                  <a:pt x="144184" y="195836"/>
                </a:lnTo>
                <a:cubicBezTo>
                  <a:pt x="150334" y="203076"/>
                  <a:pt x="150334" y="213699"/>
                  <a:pt x="144184" y="220939"/>
                </a:cubicBezTo>
                <a:lnTo>
                  <a:pt x="4613" y="384838"/>
                </a:lnTo>
                <a:cubicBezTo>
                  <a:pt x="-2320" y="392994"/>
                  <a:pt x="-1325" y="405231"/>
                  <a:pt x="6834" y="412161"/>
                </a:cubicBezTo>
                <a:cubicBezTo>
                  <a:pt x="10365" y="415166"/>
                  <a:pt x="14856" y="416799"/>
                  <a:pt x="19491" y="416775"/>
                </a:cubicBezTo>
                <a:lnTo>
                  <a:pt x="1104413" y="416775"/>
                </a:lnTo>
                <a:cubicBezTo>
                  <a:pt x="1125824" y="416775"/>
                  <a:pt x="1143183" y="399416"/>
                  <a:pt x="1143183" y="378005"/>
                </a:cubicBezTo>
                <a:lnTo>
                  <a:pt x="1143183" y="38770"/>
                </a:lnTo>
                <a:cubicBezTo>
                  <a:pt x="1143183" y="17359"/>
                  <a:pt x="1125824" y="0"/>
                  <a:pt x="1104413" y="0"/>
                </a:cubicBezTo>
                <a:close/>
              </a:path>
            </a:pathLst>
          </a:custGeom>
          <a:solidFill>
            <a:schemeClr val="accent6"/>
          </a:solidFill>
          <a:ln w="4829" cap="flat">
            <a:noFill/>
            <a:prstDash val="solid"/>
            <a:miter/>
          </a:ln>
        </p:spPr>
        <p:txBody>
          <a:bodyPr rtlCol="0" anchor="ctr"/>
          <a:lstStyle/>
          <a:p>
            <a:pPr algn="ctr"/>
            <a:r>
              <a:rPr lang="en-US" sz="800" b="1" cap="all" spc="70" dirty="0">
                <a:solidFill>
                  <a:srgbClr val="FFFFFF"/>
                </a:solidFill>
                <a:latin typeface="Calibri Bold"/>
              </a:rPr>
              <a:t>Completed</a:t>
            </a:r>
            <a:endParaRPr lang="en-US" dirty="0"/>
          </a:p>
        </p:txBody>
      </p:sp>
    </p:spTree>
    <p:extLst>
      <p:ext uri="{BB962C8B-B14F-4D97-AF65-F5344CB8AC3E}">
        <p14:creationId xmlns:p14="http://schemas.microsoft.com/office/powerpoint/2010/main" val="11423701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1700784" y="356616"/>
            <a:ext cx="9468234" cy="868680"/>
          </a:xfrm>
        </p:spPr>
        <p:txBody>
          <a:bodyPr/>
          <a:lstStyle/>
          <a:p>
            <a:r>
              <a:rPr lang="en-US" dirty="0" err="1"/>
              <a:t>PRoduct</a:t>
            </a:r>
            <a:r>
              <a:rPr lang="en-US" dirty="0"/>
              <a:t> tier</a:t>
            </a:r>
          </a:p>
        </p:txBody>
      </p:sp>
      <p:sp>
        <p:nvSpPr>
          <p:cNvPr id="7" name="Text Placeholder 6"/>
          <p:cNvSpPr>
            <a:spLocks noGrp="1"/>
          </p:cNvSpPr>
          <p:nvPr>
            <p:ph type="body" sz="quarter" idx="10"/>
          </p:nvPr>
        </p:nvSpPr>
        <p:spPr>
          <a:xfrm>
            <a:off x="1700784" y="1245885"/>
            <a:ext cx="9468234" cy="273050"/>
          </a:xfrm>
        </p:spPr>
        <p:txBody>
          <a:bodyPr vert="horz" lIns="91440" tIns="45720" rIns="91440" bIns="45720" rtlCol="0" anchor="t">
            <a:noAutofit/>
          </a:bodyPr>
          <a:lstStyle/>
          <a:p>
            <a:r>
              <a:rPr lang="en-US" dirty="0"/>
              <a:t> Product Team – Purpose, Activities, Exit Policies</a:t>
            </a:r>
          </a:p>
        </p:txBody>
      </p:sp>
      <p:sp>
        <p:nvSpPr>
          <p:cNvPr id="2" name="Slide Number Placeholder 1">
            <a:extLst>
              <a:ext uri="{FF2B5EF4-FFF2-40B4-BE49-F238E27FC236}">
                <a16:creationId xmlns:a16="http://schemas.microsoft.com/office/drawing/2014/main" id="{3332AE85-97F1-DC48-AE52-A3E2432C6150}"/>
              </a:ext>
            </a:extLst>
          </p:cNvPr>
          <p:cNvSpPr>
            <a:spLocks noGrp="1"/>
          </p:cNvSpPr>
          <p:nvPr>
            <p:ph type="sldNum" sz="quarter" idx="4"/>
          </p:nvPr>
        </p:nvSpPr>
        <p:spPr>
          <a:xfrm>
            <a:off x="94594" y="6345839"/>
            <a:ext cx="557048" cy="365125"/>
          </a:xfrm>
        </p:spPr>
        <p:txBody>
          <a:bodyPr/>
          <a:lstStyle/>
          <a:p>
            <a:fld id="{742ED878-647B-DB4D-84DF-0BCCAF9DD0BF}" type="slidenum">
              <a:rPr lang="en-US" smtClean="0"/>
              <a:pPr/>
              <a:t>55</a:t>
            </a:fld>
            <a:endParaRPr lang="en-US" dirty="0"/>
          </a:p>
        </p:txBody>
      </p:sp>
      <p:graphicFrame>
        <p:nvGraphicFramePr>
          <p:cNvPr id="3" name="Table 2"/>
          <p:cNvGraphicFramePr>
            <a:graphicFrameLocks noGrp="1"/>
          </p:cNvGraphicFramePr>
          <p:nvPr>
            <p:extLst>
              <p:ext uri="{D42A27DB-BD31-4B8C-83A1-F6EECF244321}">
                <p14:modId xmlns:p14="http://schemas.microsoft.com/office/powerpoint/2010/main" val="1359197660"/>
              </p:ext>
            </p:extLst>
          </p:nvPr>
        </p:nvGraphicFramePr>
        <p:xfrm>
          <a:off x="1707904" y="2381250"/>
          <a:ext cx="10020546" cy="3696939"/>
        </p:xfrm>
        <a:graphic>
          <a:graphicData uri="http://schemas.openxmlformats.org/drawingml/2006/table">
            <a:tbl>
              <a:tblPr firstRow="1" bandRow="1">
                <a:tableStyleId>{69012ECD-51FC-41F1-AA8D-1B2483CD663E}</a:tableStyleId>
              </a:tblPr>
              <a:tblGrid>
                <a:gridCol w="685757">
                  <a:extLst>
                    <a:ext uri="{9D8B030D-6E8A-4147-A177-3AD203B41FA5}">
                      <a16:colId xmlns:a16="http://schemas.microsoft.com/office/drawing/2014/main" val="20000"/>
                    </a:ext>
                  </a:extLst>
                </a:gridCol>
                <a:gridCol w="1224796">
                  <a:extLst>
                    <a:ext uri="{9D8B030D-6E8A-4147-A177-3AD203B41FA5}">
                      <a16:colId xmlns:a16="http://schemas.microsoft.com/office/drawing/2014/main" val="20001"/>
                    </a:ext>
                  </a:extLst>
                </a:gridCol>
                <a:gridCol w="1272780">
                  <a:extLst>
                    <a:ext uri="{9D8B030D-6E8A-4147-A177-3AD203B41FA5}">
                      <a16:colId xmlns:a16="http://schemas.microsoft.com/office/drawing/2014/main" val="20002"/>
                    </a:ext>
                  </a:extLst>
                </a:gridCol>
                <a:gridCol w="1194213">
                  <a:extLst>
                    <a:ext uri="{9D8B030D-6E8A-4147-A177-3AD203B41FA5}">
                      <a16:colId xmlns:a16="http://schemas.microsoft.com/office/drawing/2014/main" val="20003"/>
                    </a:ext>
                  </a:extLst>
                </a:gridCol>
                <a:gridCol w="1312648">
                  <a:extLst>
                    <a:ext uri="{9D8B030D-6E8A-4147-A177-3AD203B41FA5}">
                      <a16:colId xmlns:a16="http://schemas.microsoft.com/office/drawing/2014/main" val="20004"/>
                    </a:ext>
                  </a:extLst>
                </a:gridCol>
                <a:gridCol w="1428316">
                  <a:extLst>
                    <a:ext uri="{9D8B030D-6E8A-4147-A177-3AD203B41FA5}">
                      <a16:colId xmlns:a16="http://schemas.microsoft.com/office/drawing/2014/main" val="20005"/>
                    </a:ext>
                  </a:extLst>
                </a:gridCol>
                <a:gridCol w="1542413">
                  <a:extLst>
                    <a:ext uri="{9D8B030D-6E8A-4147-A177-3AD203B41FA5}">
                      <a16:colId xmlns:a16="http://schemas.microsoft.com/office/drawing/2014/main" val="20006"/>
                    </a:ext>
                  </a:extLst>
                </a:gridCol>
                <a:gridCol w="1359623">
                  <a:extLst>
                    <a:ext uri="{9D8B030D-6E8A-4147-A177-3AD203B41FA5}">
                      <a16:colId xmlns:a16="http://schemas.microsoft.com/office/drawing/2014/main" val="20007"/>
                    </a:ext>
                  </a:extLst>
                </a:gridCol>
              </a:tblGrid>
              <a:tr h="317161">
                <a:tc>
                  <a:txBody>
                    <a:bodyPr/>
                    <a:lstStyle/>
                    <a:p>
                      <a:endParaRPr lang="en-US" sz="800" dirty="0">
                        <a:latin typeface="+mj-lt"/>
                      </a:endParaRPr>
                    </a:p>
                  </a:txBody>
                  <a:tcP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a:txBody>
                    <a:bodyPr/>
                    <a:lstStyle/>
                    <a:p>
                      <a:pPr algn="ctr"/>
                      <a:r>
                        <a:rPr lang="en-US" sz="800" b="1" kern="1200" spc="83" dirty="0">
                          <a:solidFill>
                            <a:schemeClr val="bg1"/>
                          </a:solidFill>
                          <a:latin typeface="+mj-lt"/>
                          <a:ea typeface="+mn-ea"/>
                          <a:cs typeface="+mn-cs"/>
                        </a:rPr>
                        <a:t>STRATEGIC ALIGNMENT</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a:txBody>
                    <a:bodyPr/>
                    <a:lstStyle/>
                    <a:p>
                      <a:pPr algn="ctr"/>
                      <a:r>
                        <a:rPr lang="en-US" sz="800" b="1" kern="1200" spc="83" dirty="0">
                          <a:solidFill>
                            <a:schemeClr val="bg1"/>
                          </a:solidFill>
                          <a:latin typeface="+mj-lt"/>
                          <a:ea typeface="+mn-ea"/>
                          <a:cs typeface="+mn-cs"/>
                        </a:rPr>
                        <a:t>SOLUTION VISION</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gridSpan="2">
                  <a:txBody>
                    <a:bodyPr/>
                    <a:lstStyle/>
                    <a:p>
                      <a:pPr algn="ctr"/>
                      <a:r>
                        <a:rPr lang="en-US" sz="800" b="1" kern="1200" spc="83" dirty="0">
                          <a:solidFill>
                            <a:schemeClr val="bg1"/>
                          </a:solidFill>
                          <a:latin typeface="+mj-lt"/>
                          <a:ea typeface="+mn-ea"/>
                          <a:cs typeface="+mn-cs"/>
                        </a:rPr>
                        <a:t>DEMAND PLANNING</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hMerge="1">
                  <a:txBody>
                    <a:bodyPr/>
                    <a:lstStyle/>
                    <a:p>
                      <a:pPr algn="ctr"/>
                      <a:endParaRPr lang="en-US" sz="800"/>
                    </a:p>
                  </a:txBody>
                  <a:tcPr anchor="ctr"/>
                </a:tc>
                <a:tc>
                  <a:txBody>
                    <a:bodyPr/>
                    <a:lstStyle/>
                    <a:p>
                      <a:pPr algn="ctr"/>
                      <a:r>
                        <a:rPr lang="en-US" sz="800" b="1" kern="1200" spc="83" dirty="0">
                          <a:solidFill>
                            <a:schemeClr val="bg1"/>
                          </a:solidFill>
                          <a:latin typeface="+mj-lt"/>
                          <a:ea typeface="+mn-ea"/>
                          <a:cs typeface="+mn-cs"/>
                        </a:rPr>
                        <a:t>EXECUTION</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a:txBody>
                    <a:bodyPr/>
                    <a:lstStyle/>
                    <a:p>
                      <a:pPr algn="ctr"/>
                      <a:r>
                        <a:rPr lang="en-US" sz="800" b="1" kern="1200" spc="83" dirty="0">
                          <a:solidFill>
                            <a:schemeClr val="bg1"/>
                          </a:solidFill>
                          <a:latin typeface="+mj-lt"/>
                          <a:ea typeface="+mn-ea"/>
                          <a:cs typeface="+mn-cs"/>
                        </a:rPr>
                        <a:t>VALIDATION</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a:txBody>
                    <a:bodyPr/>
                    <a:lstStyle/>
                    <a:p>
                      <a:pPr algn="ctr"/>
                      <a:r>
                        <a:rPr lang="en-US" sz="800" b="1" kern="1200" spc="83" dirty="0">
                          <a:solidFill>
                            <a:schemeClr val="bg1"/>
                          </a:solidFill>
                          <a:latin typeface="+mj-lt"/>
                          <a:ea typeface="+mn-ea"/>
                          <a:cs typeface="+mn-cs"/>
                        </a:rPr>
                        <a:t>MEASURE EFFECTIVENESS</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extLst>
                  <a:ext uri="{0D108BD9-81ED-4DB2-BD59-A6C34878D82A}">
                    <a16:rowId xmlns:a16="http://schemas.microsoft.com/office/drawing/2014/main" val="10000"/>
                  </a:ext>
                </a:extLst>
              </a:tr>
              <a:tr h="467963">
                <a:tc>
                  <a:txBody>
                    <a:bodyPr/>
                    <a:lstStyle/>
                    <a:p>
                      <a:r>
                        <a:rPr lang="en-US" sz="900" b="1" i="0" dirty="0">
                          <a:latin typeface="+mn-lt"/>
                          <a:ea typeface="Aleo" charset="0"/>
                          <a:cs typeface="Aleo" charset="0"/>
                        </a:rPr>
                        <a:t>Purpose</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Intake process for Epics to be considered</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High level solution design</a:t>
                      </a:r>
                    </a:p>
                    <a:p>
                      <a:pPr marL="115888" indent="-115888">
                        <a:buFont typeface="Arial" charset="0"/>
                        <a:buChar char="•"/>
                        <a:tabLst/>
                      </a:pPr>
                      <a:r>
                        <a:rPr lang="en-US" sz="700" b="0" i="0" dirty="0">
                          <a:latin typeface="+mn-lt"/>
                          <a:ea typeface="Aleo" charset="0"/>
                          <a:cs typeface="Aleo" charset="0"/>
                        </a:rPr>
                        <a:t>Validate solution</a:t>
                      </a:r>
                      <a:r>
                        <a:rPr lang="en-US" sz="700" b="0" i="0" baseline="0" dirty="0">
                          <a:latin typeface="+mn-lt"/>
                          <a:ea typeface="Aleo" charset="0"/>
                          <a:cs typeface="Aleo" charset="0"/>
                        </a:rPr>
                        <a:t> viability</a:t>
                      </a:r>
                      <a:endParaRPr lang="en-US" sz="700" b="0" i="0" dirty="0">
                        <a:latin typeface="+mn-lt"/>
                        <a:ea typeface="Aleo" charset="0"/>
                        <a:cs typeface="Aleo" charset="0"/>
                      </a:endParaRP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Elaborate stories from features</a:t>
                      </a:r>
                    </a:p>
                    <a:p>
                      <a:pPr marL="115888" indent="-115888">
                        <a:buFont typeface="Arial" charset="0"/>
                        <a:buChar char="•"/>
                        <a:tabLst/>
                      </a:pPr>
                      <a:r>
                        <a:rPr lang="en-US" sz="700" b="0" i="0" dirty="0">
                          <a:latin typeface="+mn-lt"/>
                          <a:ea typeface="Aleo" charset="0"/>
                          <a:cs typeface="Aleo" charset="0"/>
                        </a:rPr>
                        <a:t>Identify risks &amp; dependencies</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spcBef>
                          <a:spcPts val="0"/>
                        </a:spcBef>
                        <a:spcAft>
                          <a:spcPts val="0"/>
                        </a:spcAft>
                        <a:buClrTx/>
                        <a:buSzTx/>
                        <a:buFont typeface="Arial" charset="0"/>
                        <a:buChar char="•"/>
                        <a:tabLst/>
                      </a:pPr>
                      <a:r>
                        <a:rPr lang="en-US" sz="700" b="0" i="0" dirty="0">
                          <a:solidFill>
                            <a:srgbClr val="000000"/>
                          </a:solidFill>
                          <a:effectLst/>
                          <a:latin typeface="+mn-lt"/>
                          <a:ea typeface="Aleo" charset="0"/>
                          <a:cs typeface="Aleo" charset="0"/>
                        </a:rPr>
                        <a:t>Features are ready for development</a:t>
                      </a:r>
                    </a:p>
                    <a:p>
                      <a:pPr marL="115888" indent="-115888">
                        <a:spcBef>
                          <a:spcPts val="0"/>
                        </a:spcBef>
                        <a:spcAft>
                          <a:spcPts val="0"/>
                        </a:spcAft>
                        <a:buClrTx/>
                        <a:buSzTx/>
                        <a:buFont typeface="Arial" charset="0"/>
                        <a:buChar char="•"/>
                        <a:tabLst/>
                      </a:pPr>
                      <a:r>
                        <a:rPr lang="en-US" sz="700" b="0" i="0" dirty="0">
                          <a:solidFill>
                            <a:srgbClr val="000000"/>
                          </a:solidFill>
                          <a:effectLst/>
                          <a:latin typeface="+mn-lt"/>
                          <a:ea typeface="Aleo" charset="0"/>
                          <a:cs typeface="Aleo" charset="0"/>
                        </a:rPr>
                        <a:t>Credible</a:t>
                      </a:r>
                      <a:r>
                        <a:rPr lang="en-US" sz="700" b="0" i="0" baseline="0" dirty="0">
                          <a:solidFill>
                            <a:srgbClr val="000000"/>
                          </a:solidFill>
                          <a:effectLst/>
                          <a:latin typeface="+mn-lt"/>
                          <a:ea typeface="Aleo" charset="0"/>
                          <a:cs typeface="Aleo" charset="0"/>
                        </a:rPr>
                        <a:t> plan exists</a:t>
                      </a:r>
                    </a:p>
                    <a:p>
                      <a:pPr marL="115888" indent="-115888">
                        <a:spcBef>
                          <a:spcPts val="0"/>
                        </a:spcBef>
                        <a:spcAft>
                          <a:spcPts val="0"/>
                        </a:spcAft>
                        <a:buClrTx/>
                        <a:buSzTx/>
                        <a:buFont typeface="Arial" charset="0"/>
                        <a:buChar char="•"/>
                        <a:tabLst/>
                      </a:pPr>
                      <a:r>
                        <a:rPr lang="en-US" sz="700" b="0" i="0" baseline="0" dirty="0">
                          <a:solidFill>
                            <a:srgbClr val="000000"/>
                          </a:solidFill>
                          <a:effectLst/>
                          <a:latin typeface="+mn-lt"/>
                          <a:ea typeface="Aleo" charset="0"/>
                          <a:cs typeface="Aleo" charset="0"/>
                        </a:rPr>
                        <a:t>MMF identified</a:t>
                      </a:r>
                      <a:endParaRPr lang="en-US" sz="700" b="0" i="0" dirty="0">
                        <a:effectLst/>
                        <a:latin typeface="+mn-lt"/>
                        <a:ea typeface="Aleo" charset="0"/>
                        <a:cs typeface="Aleo" charset="0"/>
                      </a:endParaRP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spcBef>
                          <a:spcPts val="0"/>
                        </a:spcBef>
                        <a:spcAft>
                          <a:spcPts val="0"/>
                        </a:spcAft>
                        <a:buClrTx/>
                        <a:buSzTx/>
                        <a:buFont typeface="Arial" charset="0"/>
                        <a:buChar char="•"/>
                        <a:tabLst/>
                      </a:pPr>
                      <a:r>
                        <a:rPr lang="en-US" sz="700" b="0" i="0" dirty="0">
                          <a:solidFill>
                            <a:srgbClr val="000000"/>
                          </a:solidFill>
                          <a:effectLst/>
                          <a:latin typeface="+mn-lt"/>
                          <a:ea typeface="Aleo" charset="0"/>
                          <a:cs typeface="Aleo" charset="0"/>
                        </a:rPr>
                        <a:t>Assess and guide the progress of value delivery</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solidFill>
                            <a:srgbClr val="000000"/>
                          </a:solidFill>
                          <a:effectLst/>
                          <a:latin typeface="+mn-lt"/>
                          <a:ea typeface="Aleo" charset="0"/>
                          <a:cs typeface="Aleo" charset="0"/>
                        </a:rPr>
                        <a:t>Review Team Performance</a:t>
                      </a:r>
                      <a:endParaRPr lang="en-US" sz="700" b="0" i="0" dirty="0">
                        <a:effectLst/>
                        <a:latin typeface="+mn-lt"/>
                        <a:ea typeface="Aleo" charset="0"/>
                        <a:cs typeface="Aleo" charset="0"/>
                      </a:endParaRP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All features and stories are done for the Epic</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Feature</a:t>
                      </a:r>
                      <a:r>
                        <a:rPr lang="en-US" sz="700" b="0" i="0" baseline="0" dirty="0">
                          <a:latin typeface="+mn-lt"/>
                          <a:ea typeface="Aleo" charset="0"/>
                          <a:cs typeface="Aleo" charset="0"/>
                        </a:rPr>
                        <a:t> Complete</a:t>
                      </a:r>
                      <a:endParaRPr lang="en-US" sz="700" b="0" i="0" dirty="0">
                        <a:latin typeface="+mn-lt"/>
                        <a:ea typeface="Aleo" charset="0"/>
                        <a:cs typeface="Aleo" charset="0"/>
                      </a:endParaRP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1"/>
                  </a:ext>
                </a:extLst>
              </a:tr>
              <a:tr h="971253">
                <a:tc>
                  <a:txBody>
                    <a:bodyPr/>
                    <a:lstStyle/>
                    <a:p>
                      <a:r>
                        <a:rPr lang="en-US" sz="900" b="1" i="0" dirty="0">
                          <a:latin typeface="+mn-lt"/>
                          <a:ea typeface="Aleo" charset="0"/>
                          <a:cs typeface="Aleo" charset="0"/>
                        </a:rPr>
                        <a:t>Activities</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Intake Epics</a:t>
                      </a:r>
                    </a:p>
                    <a:p>
                      <a:pPr marL="115888" indent="-115888">
                        <a:buFont typeface="Arial" charset="0"/>
                        <a:buChar char="•"/>
                        <a:tabLst/>
                      </a:pPr>
                      <a:r>
                        <a:rPr lang="en-US" sz="700" b="0" i="0" dirty="0">
                          <a:latin typeface="+mn-lt"/>
                          <a:ea typeface="Aleo" charset="0"/>
                          <a:cs typeface="Aleo" charset="0"/>
                        </a:rPr>
                        <a:t>Validate Epic</a:t>
                      </a:r>
                      <a:r>
                        <a:rPr lang="en-US" sz="700" b="0" i="0" baseline="0" dirty="0">
                          <a:latin typeface="+mn-lt"/>
                          <a:ea typeface="Aleo" charset="0"/>
                          <a:cs typeface="Aleo" charset="0"/>
                        </a:rPr>
                        <a:t> Definition (Brief) meets Definition of Ready </a:t>
                      </a:r>
                      <a:endParaRPr lang="en-US" sz="700" b="0" i="0" dirty="0">
                        <a:latin typeface="+mn-lt"/>
                        <a:ea typeface="Aleo" charset="0"/>
                        <a:cs typeface="Aleo" charset="0"/>
                      </a:endParaRP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Technology Impact Assessment</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Identify solution options</a:t>
                      </a:r>
                    </a:p>
                    <a:p>
                      <a:pPr marL="115888" indent="-115888">
                        <a:buFont typeface="Arial" charset="0"/>
                        <a:buChar char="•"/>
                        <a:tabLst/>
                      </a:pPr>
                      <a:r>
                        <a:rPr lang="en-US" sz="700" b="0" i="0" dirty="0">
                          <a:latin typeface="+mn-lt"/>
                          <a:ea typeface="Aleo" charset="0"/>
                          <a:cs typeface="Aleo" charset="0"/>
                        </a:rPr>
                        <a:t>Identify work to address risks and dependencies</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dirty="0"/>
                        <a:t>Right Size Features (Slice)</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Story mapping</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a:t>Right Size Features </a:t>
                      </a:r>
                      <a:r>
                        <a:rPr lang="en-US" sz="700" baseline="0"/>
                        <a:t>(Slice)</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Estimate Features  </a:t>
                      </a:r>
                    </a:p>
                    <a:p>
                      <a:pPr marL="115888" indent="-115888">
                        <a:buFont typeface="Arial" charset="0"/>
                        <a:buChar char="•"/>
                        <a:tabLst/>
                      </a:pPr>
                      <a:r>
                        <a:rPr lang="en-US" sz="700" b="0" i="0">
                          <a:latin typeface="+mn-lt"/>
                          <a:ea typeface="Aleo" charset="0"/>
                          <a:cs typeface="Aleo" charset="0"/>
                        </a:rPr>
                        <a:t>Plan Risks &amp; Dependencies</a:t>
                      </a:r>
                    </a:p>
                    <a:p>
                      <a:pPr marL="115888" indent="-115888">
                        <a:buFont typeface="Arial" charset="0"/>
                        <a:buChar char="•"/>
                        <a:tabLst/>
                      </a:pPr>
                      <a:r>
                        <a:rPr lang="en-US" sz="700" b="0" i="0">
                          <a:latin typeface="+mn-lt"/>
                          <a:ea typeface="Aleo" charset="0"/>
                          <a:cs typeface="Aleo" charset="0"/>
                        </a:rPr>
                        <a:t>Define Test Plans</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baseline="0">
                          <a:latin typeface="+mn-lt"/>
                          <a:ea typeface="Aleo" charset="0"/>
                          <a:cs typeface="Aleo" charset="0"/>
                        </a:rPr>
                        <a:t>Validate MMF for Epic</a:t>
                      </a:r>
                    </a:p>
                    <a:p>
                      <a:pPr marL="115888" indent="-115888">
                        <a:buFont typeface="Arial" charset="0"/>
                        <a:buChar char="•"/>
                        <a:tabLst/>
                      </a:pPr>
                      <a:r>
                        <a:rPr lang="en-US" sz="700" b="0" i="0" baseline="0">
                          <a:latin typeface="+mn-lt"/>
                          <a:ea typeface="Aleo" charset="0"/>
                          <a:cs typeface="Aleo" charset="0"/>
                        </a:rPr>
                        <a:t>Make release commitment</a:t>
                      </a:r>
                    </a:p>
                    <a:p>
                      <a:pPr marL="115888" indent="-115888">
                        <a:buFont typeface="Arial" charset="0"/>
                        <a:buChar char="•"/>
                        <a:tabLst/>
                      </a:pPr>
                      <a:r>
                        <a:rPr lang="en-US" sz="700" b="0" i="0" baseline="0">
                          <a:latin typeface="+mn-lt"/>
                          <a:ea typeface="Aleo" charset="0"/>
                          <a:cs typeface="Aleo" charset="0"/>
                        </a:rPr>
                        <a:t>Refine Feature Estimates</a:t>
                      </a:r>
                    </a:p>
                    <a:p>
                      <a:pPr marL="115888" indent="-115888">
                        <a:buFont typeface="Arial" charset="0"/>
                        <a:buChar char="•"/>
                        <a:tabLst/>
                      </a:pPr>
                      <a:r>
                        <a:rPr lang="en-US" sz="700" b="0" i="0" baseline="0">
                          <a:latin typeface="+mn-lt"/>
                          <a:ea typeface="Aleo" charset="0"/>
                          <a:cs typeface="Aleo" charset="0"/>
                        </a:rPr>
                        <a:t>Refine Story Estimates</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a:latin typeface="+mn-lt"/>
                          <a:ea typeface="Aleo" charset="0"/>
                          <a:cs typeface="Aleo" charset="0"/>
                        </a:rPr>
                        <a:t>Feature Backlog Planning</a:t>
                      </a:r>
                      <a:endParaRPr lang="en-US" sz="700" b="0" i="0" baseline="0">
                        <a:latin typeface="+mn-lt"/>
                        <a:ea typeface="Aleo" charset="0"/>
                        <a:cs typeface="Aleo" charset="0"/>
                      </a:endParaRPr>
                    </a:p>
                    <a:p>
                      <a:pPr marL="115888" indent="-115888">
                        <a:buFont typeface="Arial" charset="0"/>
                        <a:buChar char="•"/>
                        <a:tabLst/>
                      </a:pPr>
                      <a:endParaRPr lang="en-US" sz="700" b="0" i="0" baseline="0">
                        <a:latin typeface="+mn-lt"/>
                        <a:ea typeface="Aleo" charset="0"/>
                        <a:cs typeface="Aleo" charset="0"/>
                      </a:endParaRP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Review Epic Health &amp; Portfolio Dashboard</a:t>
                      </a:r>
                    </a:p>
                    <a:p>
                      <a:pPr marL="115888" indent="-115888">
                        <a:buFont typeface="Arial" charset="0"/>
                        <a:buChar char="•"/>
                        <a:tabLst/>
                      </a:pPr>
                      <a:r>
                        <a:rPr lang="en-US" sz="700" b="0" i="0">
                          <a:latin typeface="+mn-lt"/>
                          <a:ea typeface="Aleo" charset="0"/>
                          <a:cs typeface="Aleo" charset="0"/>
                        </a:rPr>
                        <a:t>Monitor &amp; communicate Release Health to Stakeholders</a:t>
                      </a:r>
                    </a:p>
                    <a:p>
                      <a:pPr marL="115888" indent="-115888">
                        <a:buFont typeface="Arial" charset="0"/>
                        <a:buChar char="•"/>
                        <a:tabLst/>
                      </a:pPr>
                      <a:r>
                        <a:rPr lang="en-US" sz="700" b="0" i="0">
                          <a:latin typeface="+mn-lt"/>
                          <a:ea typeface="Aleo" charset="0"/>
                          <a:cs typeface="Aleo" charset="0"/>
                        </a:rPr>
                        <a:t>Continue, Change or Stop Decisions</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Deployment to Testing </a:t>
                      </a:r>
                      <a:r>
                        <a:rPr lang="en-US" sz="700" b="0" i="0" baseline="0">
                          <a:latin typeface="+mn-lt"/>
                          <a:ea typeface="Aleo" charset="0"/>
                          <a:cs typeface="Aleo" charset="0"/>
                        </a:rPr>
                        <a:t>environments</a:t>
                      </a:r>
                    </a:p>
                    <a:p>
                      <a:pPr marL="115888" indent="-115888">
                        <a:buFont typeface="Arial" charset="0"/>
                        <a:buChar char="•"/>
                        <a:tabLst/>
                      </a:pPr>
                      <a:r>
                        <a:rPr lang="en-US" sz="700" b="0" i="0" baseline="0">
                          <a:latin typeface="+mn-lt"/>
                          <a:ea typeface="Aleo" charset="0"/>
                          <a:cs typeface="Aleo" charset="0"/>
                        </a:rPr>
                        <a:t>Acceptance Criteria Testing</a:t>
                      </a:r>
                    </a:p>
                    <a:p>
                      <a:pPr marL="115888" indent="-115888">
                        <a:buFont typeface="Arial" charset="0"/>
                        <a:buChar char="•"/>
                        <a:tabLst/>
                      </a:pPr>
                      <a:r>
                        <a:rPr lang="en-US" sz="700" b="0" i="0" baseline="0">
                          <a:latin typeface="+mn-lt"/>
                          <a:ea typeface="Aleo" charset="0"/>
                          <a:cs typeface="Aleo" charset="0"/>
                        </a:rPr>
                        <a:t>Capability Validation</a:t>
                      </a:r>
                    </a:p>
                    <a:p>
                      <a:pPr marL="115888" indent="-115888">
                        <a:buFont typeface="Arial" charset="0"/>
                        <a:buChar char="•"/>
                        <a:tabLst/>
                      </a:pPr>
                      <a:r>
                        <a:rPr lang="en-US" sz="700" b="0" i="0">
                          <a:latin typeface="+mn-lt"/>
                          <a:ea typeface="Aleo" charset="0"/>
                          <a:cs typeface="Aleo" charset="0"/>
                        </a:rPr>
                        <a:t>Defect remediation</a:t>
                      </a:r>
                    </a:p>
                    <a:p>
                      <a:pPr marL="115888" indent="-115888">
                        <a:buFont typeface="Arial" charset="0"/>
                        <a:buChar char="•"/>
                        <a:tabLst/>
                      </a:pPr>
                      <a:r>
                        <a:rPr lang="en-US" sz="700" b="0" i="0">
                          <a:latin typeface="+mn-lt"/>
                          <a:ea typeface="Aleo" charset="0"/>
                          <a:cs typeface="Aleo" charset="0"/>
                        </a:rPr>
                        <a:t>NFR Validation</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a:latin typeface="+mn-lt"/>
                          <a:ea typeface="Aleo" charset="0"/>
                          <a:cs typeface="Aleo" charset="0"/>
                        </a:rPr>
                        <a:t>Continue, Change or Stop Decisions</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Operational handoff</a:t>
                      </a:r>
                    </a:p>
                    <a:p>
                      <a:pPr marL="115888" indent="-115888">
                        <a:buFont typeface="Arial" charset="0"/>
                        <a:buChar char="•"/>
                        <a:tabLst/>
                      </a:pPr>
                      <a:r>
                        <a:rPr lang="en-US" sz="700" b="0" i="0" dirty="0">
                          <a:latin typeface="+mn-lt"/>
                          <a:ea typeface="Aleo" charset="0"/>
                          <a:cs typeface="Aleo" charset="0"/>
                        </a:rPr>
                        <a:t>Warranty</a:t>
                      </a:r>
                      <a:r>
                        <a:rPr lang="en-US" sz="700" b="0" i="0" baseline="0" dirty="0">
                          <a:latin typeface="+mn-lt"/>
                          <a:ea typeface="Aleo" charset="0"/>
                          <a:cs typeface="Aleo" charset="0"/>
                        </a:rPr>
                        <a:t> support</a:t>
                      </a:r>
                    </a:p>
                    <a:p>
                      <a:pPr marL="115888" indent="-115888">
                        <a:buFont typeface="Arial" charset="0"/>
                        <a:buChar char="•"/>
                        <a:tabLst/>
                      </a:pPr>
                      <a:r>
                        <a:rPr lang="en-US" sz="700" b="0" i="0" baseline="0" dirty="0">
                          <a:latin typeface="+mn-lt"/>
                          <a:ea typeface="Aleo" charset="0"/>
                          <a:cs typeface="Aleo" charset="0"/>
                        </a:rPr>
                        <a:t>Measure Outcomes</a:t>
                      </a:r>
                      <a:endParaRPr lang="en-US" sz="700" b="0" i="0" dirty="0">
                        <a:latin typeface="+mn-lt"/>
                        <a:ea typeface="Aleo" charset="0"/>
                        <a:cs typeface="Aleo" charset="0"/>
                      </a:endParaRP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2"/>
                  </a:ext>
                </a:extLst>
              </a:tr>
              <a:tr h="1306778">
                <a:tc>
                  <a:txBody>
                    <a:bodyPr/>
                    <a:lstStyle/>
                    <a:p>
                      <a:r>
                        <a:rPr lang="en-US" sz="900" b="1" i="0" dirty="0">
                          <a:latin typeface="+mn-lt"/>
                          <a:ea typeface="Aleo" charset="0"/>
                          <a:cs typeface="Aleo" charset="0"/>
                        </a:rPr>
                        <a:t>Exit Policies</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Epic</a:t>
                      </a:r>
                      <a:r>
                        <a:rPr lang="en-US" sz="700" b="0" i="0" baseline="0">
                          <a:latin typeface="+mn-lt"/>
                          <a:ea typeface="Aleo" charset="0"/>
                          <a:cs typeface="Aleo" charset="0"/>
                        </a:rPr>
                        <a:t> Definition (Brief) meets Definition of Ready</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Product Backlog Updated</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Feature Definition</a:t>
                      </a:r>
                    </a:p>
                    <a:p>
                      <a:pPr marL="115888" indent="-115888">
                        <a:buFont typeface="Arial" charset="0"/>
                        <a:buChar char="•"/>
                        <a:tabLst/>
                      </a:pPr>
                      <a:r>
                        <a:rPr lang="en-US" sz="700" b="0" i="0">
                          <a:latin typeface="+mn-lt"/>
                          <a:ea typeface="Aleo" charset="0"/>
                          <a:cs typeface="Aleo" charset="0"/>
                        </a:rPr>
                        <a:t>Named Stories</a:t>
                      </a:r>
                    </a:p>
                    <a:p>
                      <a:pPr marL="115888" indent="-115888">
                        <a:buFont typeface="Arial" charset="0"/>
                        <a:buChar char="•"/>
                        <a:tabLst/>
                      </a:pPr>
                      <a:r>
                        <a:rPr lang="en-US" sz="700" b="0" i="0">
                          <a:latin typeface="+mn-lt"/>
                          <a:ea typeface="Aleo" charset="0"/>
                          <a:cs typeface="Aleo" charset="0"/>
                        </a:rPr>
                        <a:t>Architecture</a:t>
                      </a:r>
                      <a:r>
                        <a:rPr lang="en-US" sz="700" b="0" i="0" baseline="0">
                          <a:latin typeface="+mn-lt"/>
                          <a:ea typeface="Aleo" charset="0"/>
                          <a:cs typeface="Aleo" charset="0"/>
                        </a:rPr>
                        <a:t> </a:t>
                      </a:r>
                      <a:r>
                        <a:rPr lang="en-US" sz="700" b="0" i="0">
                          <a:latin typeface="+mn-lt"/>
                          <a:ea typeface="Aleo" charset="0"/>
                          <a:cs typeface="Aleo" charset="0"/>
                        </a:rPr>
                        <a:t>Impact Assessment </a:t>
                      </a:r>
                    </a:p>
                    <a:p>
                      <a:pPr marL="115888" indent="-115888">
                        <a:buFont typeface="Arial" charset="0"/>
                        <a:buChar char="•"/>
                        <a:tabLst/>
                      </a:pPr>
                      <a:r>
                        <a:rPr lang="en-US" sz="700" b="0" i="0">
                          <a:latin typeface="+mn-lt"/>
                          <a:ea typeface="Aleo" charset="0"/>
                          <a:cs typeface="Aleo" charset="0"/>
                        </a:rPr>
                        <a:t>Risk and Dependency Assessment</a:t>
                      </a:r>
                    </a:p>
                    <a:p>
                      <a:pPr marL="115888" indent="-115888">
                        <a:buFont typeface="Arial" charset="0"/>
                        <a:buChar char="•"/>
                        <a:tabLst/>
                      </a:pPr>
                      <a:r>
                        <a:rPr lang="en-US" sz="700" b="0" i="0">
                          <a:latin typeface="+mn-lt"/>
                          <a:ea typeface="Aleo" charset="0"/>
                          <a:cs typeface="Aleo" charset="0"/>
                        </a:rPr>
                        <a:t>Test Strategy Defined</a:t>
                      </a:r>
                    </a:p>
                    <a:p>
                      <a:pPr marL="115888" indent="-115888">
                        <a:buFont typeface="Arial" charset="0"/>
                        <a:buChar char="•"/>
                        <a:tabLst/>
                      </a:pPr>
                      <a:r>
                        <a:rPr lang="en-US" sz="700" b="0" i="0">
                          <a:latin typeface="+mn-lt"/>
                          <a:ea typeface="Aleo" charset="0"/>
                          <a:cs typeface="Aleo" charset="0"/>
                        </a:rPr>
                        <a:t>UX Design</a:t>
                      </a:r>
                    </a:p>
                    <a:p>
                      <a:pPr marL="115888" indent="-115888">
                        <a:buFont typeface="Arial" charset="0"/>
                        <a:buChar char="•"/>
                        <a:tabLst/>
                      </a:pPr>
                      <a:r>
                        <a:rPr lang="en-US" sz="700" b="0" i="0">
                          <a:latin typeface="+mn-lt"/>
                          <a:ea typeface="Aleo" charset="0"/>
                          <a:cs typeface="Aleo" charset="0"/>
                        </a:rPr>
                        <a:t>High</a:t>
                      </a:r>
                      <a:r>
                        <a:rPr lang="en-US" sz="700" b="0" i="0" baseline="0">
                          <a:latin typeface="+mn-lt"/>
                          <a:ea typeface="Aleo" charset="0"/>
                          <a:cs typeface="Aleo" charset="0"/>
                        </a:rPr>
                        <a:t> Level Design</a:t>
                      </a:r>
                    </a:p>
                    <a:p>
                      <a:pPr marL="115888" indent="-115888">
                        <a:buFont typeface="Arial" charset="0"/>
                        <a:buChar char="•"/>
                        <a:tabLst/>
                      </a:pPr>
                      <a:r>
                        <a:rPr lang="en-US" sz="700" b="0" i="0" baseline="0">
                          <a:latin typeface="+mn-lt"/>
                          <a:ea typeface="Aleo" charset="0"/>
                          <a:cs typeface="Aleo" charset="0"/>
                        </a:rPr>
                        <a:t>Feature Cost Estimate</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a:latin typeface="+mn-lt"/>
                          <a:ea typeface="Aleo" charset="0"/>
                          <a:cs typeface="Aleo" charset="0"/>
                        </a:rPr>
                        <a:t>Product</a:t>
                      </a:r>
                      <a:r>
                        <a:rPr lang="en-US" sz="700" b="0" i="0" baseline="0">
                          <a:latin typeface="+mn-lt"/>
                          <a:ea typeface="Aleo" charset="0"/>
                          <a:cs typeface="Aleo" charset="0"/>
                        </a:rPr>
                        <a:t> Backlog Updated </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Sequence Work based on Priority</a:t>
                      </a:r>
                      <a:r>
                        <a:rPr lang="en-US" sz="700" b="0" i="0" baseline="0" dirty="0">
                          <a:latin typeface="+mn-lt"/>
                          <a:ea typeface="Aleo" charset="0"/>
                          <a:cs typeface="Aleo" charset="0"/>
                        </a:rPr>
                        <a:t> and Constraints</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Release Plan</a:t>
                      </a:r>
                    </a:p>
                    <a:p>
                      <a:pPr marL="115888" indent="-115888">
                        <a:buFont typeface="Arial" charset="0"/>
                        <a:buChar char="•"/>
                        <a:tabLst/>
                      </a:pPr>
                      <a:r>
                        <a:rPr lang="en-US" sz="700" b="0" i="0" dirty="0">
                          <a:latin typeface="+mn-lt"/>
                          <a:ea typeface="Aleo" charset="0"/>
                          <a:cs typeface="Aleo" charset="0"/>
                        </a:rPr>
                        <a:t>Updated risk  and dependency</a:t>
                      </a:r>
                      <a:r>
                        <a:rPr lang="en-US" sz="700" b="0" i="0" baseline="0" dirty="0">
                          <a:latin typeface="+mn-lt"/>
                          <a:ea typeface="Aleo" charset="0"/>
                          <a:cs typeface="Aleo" charset="0"/>
                        </a:rPr>
                        <a:t> lists</a:t>
                      </a:r>
                    </a:p>
                    <a:p>
                      <a:pPr marL="115888" indent="-115888">
                        <a:buFont typeface="Arial" charset="0"/>
                        <a:buChar char="•"/>
                        <a:tabLst/>
                      </a:pPr>
                      <a:r>
                        <a:rPr lang="en-US" sz="700" b="0" i="0" baseline="0" dirty="0">
                          <a:latin typeface="+mn-lt"/>
                          <a:ea typeface="Aleo" charset="0"/>
                          <a:cs typeface="Aleo" charset="0"/>
                        </a:rPr>
                        <a:t>Stories Named</a:t>
                      </a:r>
                    </a:p>
                    <a:p>
                      <a:pPr marL="115888" indent="-115888">
                        <a:buFont typeface="Arial" charset="0"/>
                        <a:buChar char="•"/>
                        <a:tabLst/>
                      </a:pPr>
                      <a:r>
                        <a:rPr lang="en-US" sz="700" b="0" i="0" baseline="0" dirty="0">
                          <a:latin typeface="+mn-lt"/>
                          <a:ea typeface="Aleo" charset="0"/>
                          <a:cs typeface="Aleo" charset="0"/>
                        </a:rPr>
                        <a:t>Spikes identified</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baseline="0" dirty="0">
                          <a:latin typeface="+mn-lt"/>
                          <a:ea typeface="Aleo" charset="0"/>
                          <a:cs typeface="Aleo" charset="0"/>
                        </a:rPr>
                        <a:t>Validation and Integration Plan </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a:latin typeface="+mn-lt"/>
                          <a:ea typeface="Aleo" charset="0"/>
                          <a:cs typeface="Aleo" charset="0"/>
                        </a:rPr>
                        <a:t>Features</a:t>
                      </a:r>
                      <a:r>
                        <a:rPr lang="en-US" sz="700" b="0" i="0" baseline="0">
                          <a:latin typeface="+mn-lt"/>
                          <a:ea typeface="Aleo" charset="0"/>
                          <a:cs typeface="Aleo" charset="0"/>
                        </a:rPr>
                        <a:t> Scheduled to Completion</a:t>
                      </a:r>
                      <a:endParaRPr lang="en-US" sz="700" b="0" i="0">
                        <a:latin typeface="+mn-lt"/>
                        <a:ea typeface="Aleo" charset="0"/>
                        <a:cs typeface="Aleo" charset="0"/>
                      </a:endParaRP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a:latin typeface="+mn-lt"/>
                          <a:ea typeface="Aleo" charset="0"/>
                          <a:cs typeface="Aleo" charset="0"/>
                        </a:rPr>
                        <a:t>Backlog for Defined Planning Horizon</a:t>
                      </a:r>
                    </a:p>
                    <a:p>
                      <a:pPr marL="115888" indent="-115888">
                        <a:buFont typeface="Arial" charset="0"/>
                        <a:buChar char="•"/>
                        <a:tabLst/>
                      </a:pPr>
                      <a:r>
                        <a:rPr lang="en-US" sz="700" b="0" i="0">
                          <a:latin typeface="+mn-lt"/>
                          <a:ea typeface="Aleo" charset="0"/>
                          <a:cs typeface="Aleo" charset="0"/>
                        </a:rPr>
                        <a:t>Product</a:t>
                      </a:r>
                      <a:r>
                        <a:rPr lang="en-US" sz="700" b="0" i="0" baseline="0">
                          <a:latin typeface="+mn-lt"/>
                          <a:ea typeface="Aleo" charset="0"/>
                          <a:cs typeface="Aleo" charset="0"/>
                        </a:rPr>
                        <a:t> Backlog Updated</a:t>
                      </a:r>
                    </a:p>
                    <a:p>
                      <a:pPr marL="115888" marR="0" indent="-115888" algn="l" defTabSz="914400" rtl="0" eaLnBrk="1" fontAlgn="auto" latinLnBrk="0" hangingPunct="1">
                        <a:lnSpc>
                          <a:spcPct val="100000"/>
                        </a:lnSpc>
                        <a:spcBef>
                          <a:spcPts val="0"/>
                        </a:spcBef>
                        <a:spcAft>
                          <a:spcPts val="0"/>
                        </a:spcAft>
                        <a:buClrTx/>
                        <a:buSzTx/>
                        <a:buFont typeface="Arial" charset="0"/>
                        <a:buChar char="•"/>
                        <a:tabLst/>
                        <a:defRPr/>
                      </a:pPr>
                      <a:r>
                        <a:rPr lang="en-US" sz="700" b="0" i="0">
                          <a:latin typeface="+mn-lt"/>
                          <a:ea typeface="Aleo" charset="0"/>
                          <a:cs typeface="Aleo" charset="0"/>
                        </a:rPr>
                        <a:t>Feature Definition of Ready Validated</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lvl="0" indent="-115888">
                        <a:buFont typeface="Arial" charset="0"/>
                        <a:buChar char="•"/>
                        <a:tabLst/>
                      </a:pPr>
                      <a:r>
                        <a:rPr lang="en-US" sz="700" dirty="0"/>
                        <a:t>Portfolio Dashboard</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dirty="0"/>
                        <a:t>Epic Dashboard</a:t>
                      </a:r>
                    </a:p>
                    <a:p>
                      <a:pPr marL="115888" lvl="0" indent="-115888">
                        <a:buFont typeface="Arial" charset="0"/>
                        <a:buChar char="•"/>
                        <a:tabLst/>
                      </a:pPr>
                      <a:r>
                        <a:rPr lang="en-US" sz="700" dirty="0"/>
                        <a:t>Product Dashboard</a:t>
                      </a:r>
                    </a:p>
                    <a:p>
                      <a:pPr marL="115888" lvl="0" indent="-115888">
                        <a:buFont typeface="Arial" charset="0"/>
                        <a:buChar char="•"/>
                        <a:tabLst/>
                      </a:pPr>
                      <a:r>
                        <a:rPr lang="en-US" sz="700" dirty="0"/>
                        <a:t>Release</a:t>
                      </a:r>
                      <a:r>
                        <a:rPr lang="en-US" sz="700" baseline="0" dirty="0"/>
                        <a:t> Burnup</a:t>
                      </a:r>
                      <a:endParaRPr lang="en-US" sz="700" dirty="0"/>
                    </a:p>
                    <a:p>
                      <a:pPr marL="115888" lvl="0" indent="-115888">
                        <a:buFont typeface="Arial" charset="0"/>
                        <a:buChar char="•"/>
                        <a:tabLst/>
                      </a:pPr>
                      <a:r>
                        <a:rPr lang="en-US" sz="700" dirty="0"/>
                        <a:t>Risk Dashboard</a:t>
                      </a:r>
                    </a:p>
                    <a:p>
                      <a:pPr marL="115888" lvl="0" indent="-115888">
                        <a:buFont typeface="Arial" charset="0"/>
                        <a:buChar char="•"/>
                        <a:tabLst/>
                      </a:pPr>
                      <a:r>
                        <a:rPr lang="en-US" sz="700" dirty="0"/>
                        <a:t>WIP Limits Monitored</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dirty="0"/>
                        <a:t>Team Metrics and Assessment Dashboards</a:t>
                      </a:r>
                      <a:endParaRPr lang="en-US" sz="700" baseline="0" dirty="0"/>
                    </a:p>
                    <a:p>
                      <a:pPr marL="115888" lvl="0" indent="-115888">
                        <a:buFont typeface="Arial" charset="0"/>
                        <a:buChar char="•"/>
                        <a:tabLst/>
                      </a:pPr>
                      <a:r>
                        <a:rPr lang="en-US" sz="700" dirty="0"/>
                        <a:t>Sprint Burndown</a:t>
                      </a:r>
                    </a:p>
                    <a:p>
                      <a:pPr marL="115888" lvl="0" indent="-115888">
                        <a:buFont typeface="Arial" charset="0"/>
                        <a:buChar char="•"/>
                        <a:tabLst/>
                      </a:pPr>
                      <a:endParaRPr lang="en-US" sz="700" dirty="0"/>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Feature</a:t>
                      </a:r>
                      <a:r>
                        <a:rPr lang="en-US" sz="700" b="0" i="0" baseline="0" dirty="0">
                          <a:latin typeface="+mn-lt"/>
                          <a:ea typeface="Aleo" charset="0"/>
                          <a:cs typeface="Aleo" charset="0"/>
                        </a:rPr>
                        <a:t> Acceptance Criteria Validated</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dirty="0">
                          <a:latin typeface="+mn-lt"/>
                          <a:ea typeface="Aleo" charset="0"/>
                          <a:cs typeface="Aleo" charset="0"/>
                        </a:rPr>
                        <a:t>Feature Validation Exit Policies met</a:t>
                      </a:r>
                      <a:endParaRPr lang="en-US" sz="700" b="0" i="0" baseline="0" dirty="0">
                        <a:latin typeface="+mn-lt"/>
                        <a:ea typeface="Aleo" charset="0"/>
                        <a:cs typeface="Aleo" charset="0"/>
                      </a:endParaRPr>
                    </a:p>
                    <a:p>
                      <a:pPr marL="115888" indent="-115888">
                        <a:buFont typeface="Arial" charset="0"/>
                        <a:buChar char="•"/>
                        <a:tabLst/>
                      </a:pPr>
                      <a:r>
                        <a:rPr lang="en-US" sz="700" b="0" i="0" baseline="0" dirty="0">
                          <a:latin typeface="+mn-lt"/>
                          <a:ea typeface="Aleo" charset="0"/>
                          <a:cs typeface="Aleo" charset="0"/>
                        </a:rPr>
                        <a:t>Updated documentation</a:t>
                      </a:r>
                    </a:p>
                    <a:p>
                      <a:pPr marL="115888" indent="-115888">
                        <a:buFont typeface="Arial" charset="0"/>
                        <a:buChar char="•"/>
                        <a:tabLst/>
                      </a:pPr>
                      <a:r>
                        <a:rPr lang="en-US" sz="700" b="0" i="0" baseline="0" dirty="0">
                          <a:latin typeface="+mn-lt"/>
                          <a:ea typeface="Aleo" charset="0"/>
                          <a:cs typeface="Aleo" charset="0"/>
                        </a:rPr>
                        <a:t>Testing Approved</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Support Manual Updated</a:t>
                      </a:r>
                    </a:p>
                    <a:p>
                      <a:pPr marL="115888" indent="-115888">
                        <a:buFont typeface="Arial" charset="0"/>
                        <a:buChar char="•"/>
                        <a:tabLst/>
                      </a:pPr>
                      <a:r>
                        <a:rPr lang="en-US" sz="700" b="0" i="0" dirty="0">
                          <a:latin typeface="+mn-lt"/>
                          <a:ea typeface="Aleo" charset="0"/>
                          <a:cs typeface="Aleo" charset="0"/>
                        </a:rPr>
                        <a:t>Service/Operational</a:t>
                      </a:r>
                      <a:r>
                        <a:rPr lang="en-US" sz="700" b="0" i="0" baseline="0" dirty="0">
                          <a:latin typeface="+mn-lt"/>
                          <a:ea typeface="Aleo" charset="0"/>
                          <a:cs typeface="Aleo" charset="0"/>
                        </a:rPr>
                        <a:t> Level Agreement Updated</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Features</a:t>
                      </a:r>
                      <a:r>
                        <a:rPr lang="en-US" sz="700" b="0" i="0" baseline="0" dirty="0">
                          <a:latin typeface="+mn-lt"/>
                          <a:ea typeface="Aleo" charset="0"/>
                          <a:cs typeface="Aleo" charset="0"/>
                        </a:rPr>
                        <a:t> deployed to production</a:t>
                      </a:r>
                    </a:p>
                    <a:p>
                      <a:pPr marL="115888" indent="-115888">
                        <a:buFont typeface="Arial" charset="0"/>
                        <a:buChar char="•"/>
                        <a:tabLst/>
                      </a:pPr>
                      <a:r>
                        <a:rPr lang="en-US" sz="700" b="0" i="0" baseline="0" dirty="0">
                          <a:latin typeface="+mn-lt"/>
                          <a:ea typeface="Aleo" charset="0"/>
                          <a:cs typeface="Aleo" charset="0"/>
                        </a:rPr>
                        <a:t>Release criteria met</a:t>
                      </a:r>
                    </a:p>
                    <a:p>
                      <a:pPr marL="115888" indent="-115888">
                        <a:buFont typeface="Arial" charset="0"/>
                        <a:buChar char="•"/>
                        <a:tabLst/>
                      </a:pPr>
                      <a:r>
                        <a:rPr lang="en-US" sz="700" b="0" i="0" baseline="0" dirty="0">
                          <a:latin typeface="+mn-lt"/>
                          <a:ea typeface="Aleo" charset="0"/>
                          <a:cs typeface="Aleo" charset="0"/>
                        </a:rPr>
                        <a:t>No high severity defects</a:t>
                      </a:r>
                    </a:p>
                    <a:p>
                      <a:pPr marL="115888" indent="-115888">
                        <a:buFont typeface="Arial" charset="0"/>
                        <a:buChar char="•"/>
                        <a:tabLst/>
                      </a:pPr>
                      <a:r>
                        <a:rPr lang="en-US" sz="700" b="0" i="0" baseline="0" dirty="0">
                          <a:latin typeface="+mn-lt"/>
                          <a:ea typeface="Aleo" charset="0"/>
                          <a:cs typeface="Aleo" charset="0"/>
                        </a:rPr>
                        <a:t>Feature is completed</a:t>
                      </a:r>
                    </a:p>
                    <a:p>
                      <a:pPr marL="115888" indent="-115888">
                        <a:buFont typeface="Arial" charset="0"/>
                        <a:buChar char="•"/>
                        <a:tabLst/>
                      </a:pPr>
                      <a:r>
                        <a:rPr lang="en-US" sz="700" b="0" i="0" baseline="0" dirty="0">
                          <a:latin typeface="+mn-lt"/>
                          <a:ea typeface="Aleo" charset="0"/>
                          <a:cs typeface="Aleo" charset="0"/>
                        </a:rPr>
                        <a:t>KPIs reflect Feature Outcomes</a:t>
                      </a:r>
                      <a:endParaRPr lang="en-US" sz="700" b="0" i="0" dirty="0">
                        <a:latin typeface="+mn-lt"/>
                        <a:ea typeface="Aleo" charset="0"/>
                        <a:cs typeface="Aleo" charset="0"/>
                      </a:endParaRP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3"/>
                  </a:ext>
                </a:extLst>
              </a:tr>
              <a:tr h="562990">
                <a:tc>
                  <a:txBody>
                    <a:bodyPr/>
                    <a:lstStyle/>
                    <a:p>
                      <a:r>
                        <a:rPr lang="en-US" sz="900" b="1" i="0" dirty="0">
                          <a:latin typeface="+mn-lt"/>
                          <a:ea typeface="Aleo" charset="0"/>
                          <a:cs typeface="Aleo" charset="0"/>
                        </a:rPr>
                        <a:t>RACI (Team)</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R – Product Team, </a:t>
                      </a:r>
                      <a:r>
                        <a:rPr lang="en-US" sz="700" b="0" i="0" baseline="0">
                          <a:latin typeface="+mn-lt"/>
                          <a:ea typeface="Aleo" charset="0"/>
                          <a:cs typeface="Aleo" charset="0"/>
                        </a:rPr>
                        <a:t> Delivery Team</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A - Product Team</a:t>
                      </a:r>
                    </a:p>
                    <a:p>
                      <a:pPr marL="115888" indent="-115888">
                        <a:buFont typeface="Arial" charset="0"/>
                        <a:buChar char="•"/>
                        <a:tabLst/>
                      </a:pPr>
                      <a:r>
                        <a:rPr lang="en-US" sz="700" b="0" i="0">
                          <a:latin typeface="+mn-lt"/>
                          <a:ea typeface="Aleo" charset="0"/>
                          <a:cs typeface="Aleo" charset="0"/>
                        </a:rPr>
                        <a:t>C -</a:t>
                      </a:r>
                      <a:r>
                        <a:rPr lang="en-US" sz="700" b="0" i="0" baseline="0">
                          <a:latin typeface="+mn-lt"/>
                          <a:ea typeface="Aleo" charset="0"/>
                          <a:cs typeface="Aleo" charset="0"/>
                        </a:rPr>
                        <a:t> </a:t>
                      </a:r>
                      <a:r>
                        <a:rPr lang="en-US" sz="700" b="0" i="0">
                          <a:latin typeface="+mn-lt"/>
                          <a:ea typeface="Aleo" charset="0"/>
                          <a:cs typeface="Aleo" charset="0"/>
                        </a:rPr>
                        <a:t>Delivery</a:t>
                      </a:r>
                      <a:r>
                        <a:rPr lang="en-US" sz="700" b="0" i="0" baseline="0">
                          <a:latin typeface="+mn-lt"/>
                          <a:ea typeface="Aleo" charset="0"/>
                          <a:cs typeface="Aleo" charset="0"/>
                        </a:rPr>
                        <a:t> Team</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I</a:t>
                      </a:r>
                      <a:r>
                        <a:rPr lang="en-US" sz="700" b="0" i="0" baseline="0">
                          <a:latin typeface="+mn-lt"/>
                          <a:ea typeface="Aleo" charset="0"/>
                          <a:cs typeface="Aleo" charset="0"/>
                        </a:rPr>
                        <a:t> – </a:t>
                      </a:r>
                      <a:r>
                        <a:rPr lang="en-US" sz="700" b="0" i="0">
                          <a:latin typeface="+mn-lt"/>
                          <a:ea typeface="Aleo" charset="0"/>
                          <a:cs typeface="Aleo" charset="0"/>
                        </a:rPr>
                        <a:t>Portfolio Team</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R – Product Team, </a:t>
                      </a:r>
                      <a:r>
                        <a:rPr lang="en-US" sz="700" b="0" i="0" baseline="0" dirty="0">
                          <a:latin typeface="+mn-lt"/>
                          <a:ea typeface="Aleo" charset="0"/>
                          <a:cs typeface="Aleo" charset="0"/>
                        </a:rPr>
                        <a:t> Delivery Team</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A - Product Team</a:t>
                      </a:r>
                    </a:p>
                    <a:p>
                      <a:pPr marL="115888" indent="-115888">
                        <a:buFont typeface="Arial" charset="0"/>
                        <a:buChar char="•"/>
                        <a:tabLst/>
                      </a:pPr>
                      <a:r>
                        <a:rPr lang="en-US" sz="700" b="0" i="0" dirty="0">
                          <a:latin typeface="+mn-lt"/>
                          <a:ea typeface="Aleo" charset="0"/>
                          <a:cs typeface="Aleo" charset="0"/>
                        </a:rPr>
                        <a:t>C -</a:t>
                      </a:r>
                      <a:r>
                        <a:rPr lang="en-US" sz="700" b="0" i="0" baseline="0" dirty="0">
                          <a:latin typeface="+mn-lt"/>
                          <a:ea typeface="Aleo" charset="0"/>
                          <a:cs typeface="Aleo" charset="0"/>
                        </a:rPr>
                        <a:t> </a:t>
                      </a:r>
                      <a:r>
                        <a:rPr lang="en-US" sz="700" b="0" i="0" dirty="0">
                          <a:latin typeface="+mn-lt"/>
                          <a:ea typeface="Aleo" charset="0"/>
                          <a:cs typeface="Aleo" charset="0"/>
                        </a:rPr>
                        <a:t>Delivery</a:t>
                      </a:r>
                      <a:r>
                        <a:rPr lang="en-US" sz="700" b="0" i="0" baseline="0" dirty="0">
                          <a:latin typeface="+mn-lt"/>
                          <a:ea typeface="Aleo" charset="0"/>
                          <a:cs typeface="Aleo" charset="0"/>
                        </a:rPr>
                        <a:t> Team</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I</a:t>
                      </a:r>
                      <a:r>
                        <a:rPr lang="en-US" sz="700" b="0" i="0" baseline="0" dirty="0">
                          <a:latin typeface="+mn-lt"/>
                          <a:ea typeface="Aleo" charset="0"/>
                          <a:cs typeface="Aleo" charset="0"/>
                        </a:rPr>
                        <a:t> – </a:t>
                      </a:r>
                      <a:r>
                        <a:rPr lang="en-US" sz="700" b="0" i="0" dirty="0">
                          <a:latin typeface="+mn-lt"/>
                          <a:ea typeface="Aleo" charset="0"/>
                          <a:cs typeface="Aleo" charset="0"/>
                        </a:rPr>
                        <a:t>Portfolio Team</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R – Product Team, </a:t>
                      </a:r>
                      <a:r>
                        <a:rPr lang="en-US" sz="700" b="0" i="0" baseline="0" dirty="0">
                          <a:latin typeface="+mn-lt"/>
                          <a:ea typeface="Aleo" charset="0"/>
                          <a:cs typeface="Aleo" charset="0"/>
                        </a:rPr>
                        <a:t> Delivery Team</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A – Product Team</a:t>
                      </a:r>
                    </a:p>
                    <a:p>
                      <a:pPr marL="115888" indent="-115888">
                        <a:buFont typeface="Arial" charset="0"/>
                        <a:buChar char="•"/>
                        <a:tabLst/>
                      </a:pPr>
                      <a:r>
                        <a:rPr lang="en-US" sz="700" b="0" i="0" dirty="0">
                          <a:latin typeface="+mn-lt"/>
                          <a:ea typeface="Aleo" charset="0"/>
                          <a:cs typeface="Aleo" charset="0"/>
                        </a:rPr>
                        <a:t>C-</a:t>
                      </a:r>
                      <a:r>
                        <a:rPr lang="en-US" sz="700" b="0" i="0" baseline="0" dirty="0">
                          <a:latin typeface="+mn-lt"/>
                          <a:ea typeface="Aleo" charset="0"/>
                          <a:cs typeface="Aleo" charset="0"/>
                        </a:rPr>
                        <a:t> </a:t>
                      </a:r>
                      <a:r>
                        <a:rPr lang="en-US" sz="700" b="0" i="0" dirty="0">
                          <a:latin typeface="+mn-lt"/>
                          <a:ea typeface="Aleo" charset="0"/>
                          <a:cs typeface="Aleo" charset="0"/>
                        </a:rPr>
                        <a:t>Delivery</a:t>
                      </a:r>
                      <a:r>
                        <a:rPr lang="en-US" sz="700" b="0" i="0" baseline="0" dirty="0">
                          <a:latin typeface="+mn-lt"/>
                          <a:ea typeface="Aleo" charset="0"/>
                          <a:cs typeface="Aleo" charset="0"/>
                        </a:rPr>
                        <a:t> Team</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I</a:t>
                      </a:r>
                      <a:r>
                        <a:rPr lang="en-US" sz="700" b="0" i="0" baseline="0" dirty="0">
                          <a:latin typeface="+mn-lt"/>
                          <a:ea typeface="Aleo" charset="0"/>
                          <a:cs typeface="Aleo" charset="0"/>
                        </a:rPr>
                        <a:t> – </a:t>
                      </a:r>
                      <a:r>
                        <a:rPr lang="en-US" sz="700" b="0" i="0" dirty="0">
                          <a:latin typeface="+mn-lt"/>
                          <a:ea typeface="Aleo" charset="0"/>
                          <a:cs typeface="Aleo" charset="0"/>
                        </a:rPr>
                        <a:t>Portfolio Team</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R – Product Team, </a:t>
                      </a:r>
                      <a:r>
                        <a:rPr lang="en-US" sz="700" b="0" i="0" baseline="0">
                          <a:latin typeface="+mn-lt"/>
                          <a:ea typeface="Aleo" charset="0"/>
                          <a:cs typeface="Aleo" charset="0"/>
                        </a:rPr>
                        <a:t> Delivery Team</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A – Product Team</a:t>
                      </a:r>
                    </a:p>
                    <a:p>
                      <a:pPr marL="115888" indent="-115888">
                        <a:buFont typeface="Arial" charset="0"/>
                        <a:buChar char="•"/>
                        <a:tabLst/>
                      </a:pPr>
                      <a:r>
                        <a:rPr lang="en-US" sz="700" b="0" i="0">
                          <a:latin typeface="+mn-lt"/>
                          <a:ea typeface="Aleo" charset="0"/>
                          <a:cs typeface="Aleo" charset="0"/>
                        </a:rPr>
                        <a:t>C -</a:t>
                      </a:r>
                      <a:r>
                        <a:rPr lang="en-US" sz="700" b="0" i="0" baseline="0">
                          <a:latin typeface="+mn-lt"/>
                          <a:ea typeface="Aleo" charset="0"/>
                          <a:cs typeface="Aleo" charset="0"/>
                        </a:rPr>
                        <a:t> </a:t>
                      </a:r>
                      <a:r>
                        <a:rPr lang="en-US" sz="700" b="0" i="0">
                          <a:latin typeface="+mn-lt"/>
                          <a:ea typeface="Aleo" charset="0"/>
                          <a:cs typeface="Aleo" charset="0"/>
                        </a:rPr>
                        <a:t>Delivery</a:t>
                      </a:r>
                      <a:r>
                        <a:rPr lang="en-US" sz="700" b="0" i="0" baseline="0">
                          <a:latin typeface="+mn-lt"/>
                          <a:ea typeface="Aleo" charset="0"/>
                          <a:cs typeface="Aleo" charset="0"/>
                        </a:rPr>
                        <a:t> Team</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I</a:t>
                      </a:r>
                      <a:r>
                        <a:rPr lang="en-US" sz="700" b="0" i="0" baseline="0">
                          <a:latin typeface="+mn-lt"/>
                          <a:ea typeface="Aleo" charset="0"/>
                          <a:cs typeface="Aleo" charset="0"/>
                        </a:rPr>
                        <a:t> – </a:t>
                      </a:r>
                      <a:r>
                        <a:rPr lang="en-US" sz="700" b="0" i="0">
                          <a:latin typeface="+mn-lt"/>
                          <a:ea typeface="Aleo" charset="0"/>
                          <a:cs typeface="Aleo" charset="0"/>
                        </a:rPr>
                        <a:t>Portfolio Team</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a:latin typeface="+mn-lt"/>
                          <a:ea typeface="Aleo" charset="0"/>
                          <a:cs typeface="Aleo" charset="0"/>
                        </a:rPr>
                        <a:t>R – Product Team, </a:t>
                      </a:r>
                      <a:r>
                        <a:rPr lang="en-US" sz="700" b="0" i="0" baseline="0">
                          <a:latin typeface="+mn-lt"/>
                          <a:ea typeface="Aleo" charset="0"/>
                          <a:cs typeface="Aleo" charset="0"/>
                        </a:rPr>
                        <a:t> Delivery Team</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A - Product Team</a:t>
                      </a:r>
                    </a:p>
                    <a:p>
                      <a:pPr marL="115888" indent="-115888">
                        <a:buFont typeface="Arial" charset="0"/>
                        <a:buChar char="•"/>
                        <a:tabLst/>
                      </a:pPr>
                      <a:r>
                        <a:rPr lang="en-US" sz="700" b="0" i="0">
                          <a:latin typeface="+mn-lt"/>
                          <a:ea typeface="Aleo" charset="0"/>
                          <a:cs typeface="Aleo" charset="0"/>
                        </a:rPr>
                        <a:t>C -</a:t>
                      </a:r>
                      <a:r>
                        <a:rPr lang="en-US" sz="700" b="0" i="0" baseline="0">
                          <a:latin typeface="+mn-lt"/>
                          <a:ea typeface="Aleo" charset="0"/>
                          <a:cs typeface="Aleo" charset="0"/>
                        </a:rPr>
                        <a:t> </a:t>
                      </a:r>
                      <a:r>
                        <a:rPr lang="en-US" sz="700" b="0" i="0">
                          <a:latin typeface="+mn-lt"/>
                          <a:ea typeface="Aleo" charset="0"/>
                          <a:cs typeface="Aleo" charset="0"/>
                        </a:rPr>
                        <a:t>Delivery</a:t>
                      </a:r>
                      <a:r>
                        <a:rPr lang="en-US" sz="700" b="0" i="0" baseline="0">
                          <a:latin typeface="+mn-lt"/>
                          <a:ea typeface="Aleo" charset="0"/>
                          <a:cs typeface="Aleo" charset="0"/>
                        </a:rPr>
                        <a:t> Team</a:t>
                      </a:r>
                      <a:endParaRPr lang="en-US" sz="700" b="0" i="0">
                        <a:latin typeface="+mn-lt"/>
                        <a:ea typeface="Aleo" charset="0"/>
                        <a:cs typeface="Aleo" charset="0"/>
                      </a:endParaRPr>
                    </a:p>
                    <a:p>
                      <a:pPr marL="115888" indent="-115888">
                        <a:buFont typeface="Arial" charset="0"/>
                        <a:buChar char="•"/>
                        <a:tabLst/>
                      </a:pPr>
                      <a:r>
                        <a:rPr lang="en-US" sz="700" b="0" i="0">
                          <a:latin typeface="+mn-lt"/>
                          <a:ea typeface="Aleo" charset="0"/>
                          <a:cs typeface="Aleo" charset="0"/>
                        </a:rPr>
                        <a:t>I</a:t>
                      </a:r>
                      <a:r>
                        <a:rPr lang="en-US" sz="700" b="0" i="0" baseline="0">
                          <a:latin typeface="+mn-lt"/>
                          <a:ea typeface="Aleo" charset="0"/>
                          <a:cs typeface="Aleo" charset="0"/>
                        </a:rPr>
                        <a:t> – </a:t>
                      </a:r>
                      <a:r>
                        <a:rPr lang="en-US" sz="700" b="0" i="0">
                          <a:latin typeface="+mn-lt"/>
                          <a:ea typeface="Aleo" charset="0"/>
                          <a:cs typeface="Aleo" charset="0"/>
                        </a:rPr>
                        <a:t>Portfolio Team</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R – Product Team, </a:t>
                      </a:r>
                      <a:r>
                        <a:rPr lang="en-US" sz="700" b="0" i="0" baseline="0" dirty="0">
                          <a:latin typeface="+mn-lt"/>
                          <a:ea typeface="Aleo" charset="0"/>
                          <a:cs typeface="Aleo" charset="0"/>
                        </a:rPr>
                        <a:t> Delivery Team</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A – Product Team</a:t>
                      </a:r>
                    </a:p>
                    <a:p>
                      <a:pPr marL="115888" indent="-115888">
                        <a:buFont typeface="Arial" charset="0"/>
                        <a:buChar char="•"/>
                        <a:tabLst/>
                      </a:pPr>
                      <a:r>
                        <a:rPr lang="en-US" sz="700" b="0" i="0" dirty="0">
                          <a:latin typeface="+mn-lt"/>
                          <a:ea typeface="Aleo" charset="0"/>
                          <a:cs typeface="Aleo" charset="0"/>
                        </a:rPr>
                        <a:t>C -</a:t>
                      </a:r>
                      <a:r>
                        <a:rPr lang="en-US" sz="700" b="0" i="0" baseline="0" dirty="0">
                          <a:latin typeface="+mn-lt"/>
                          <a:ea typeface="Aleo" charset="0"/>
                          <a:cs typeface="Aleo" charset="0"/>
                        </a:rPr>
                        <a:t> </a:t>
                      </a:r>
                      <a:r>
                        <a:rPr lang="en-US" sz="700" b="0" i="0" dirty="0">
                          <a:latin typeface="+mn-lt"/>
                          <a:ea typeface="Aleo" charset="0"/>
                          <a:cs typeface="Aleo" charset="0"/>
                        </a:rPr>
                        <a:t>Delivery</a:t>
                      </a:r>
                      <a:r>
                        <a:rPr lang="en-US" sz="700" b="0" i="0" baseline="0" dirty="0">
                          <a:latin typeface="+mn-lt"/>
                          <a:ea typeface="Aleo" charset="0"/>
                          <a:cs typeface="Aleo" charset="0"/>
                        </a:rPr>
                        <a:t> Team</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I</a:t>
                      </a:r>
                      <a:r>
                        <a:rPr lang="en-US" sz="700" b="0" i="0" baseline="0" dirty="0">
                          <a:latin typeface="+mn-lt"/>
                          <a:ea typeface="Aleo" charset="0"/>
                          <a:cs typeface="Aleo" charset="0"/>
                        </a:rPr>
                        <a:t> – </a:t>
                      </a:r>
                      <a:r>
                        <a:rPr lang="en-US" sz="700" b="0" i="0" dirty="0">
                          <a:latin typeface="+mn-lt"/>
                          <a:ea typeface="Aleo" charset="0"/>
                          <a:cs typeface="Aleo" charset="0"/>
                        </a:rPr>
                        <a:t>Portfolio Team</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buFont typeface="Arial" charset="0"/>
                        <a:buChar char="•"/>
                        <a:tabLst/>
                      </a:pPr>
                      <a:r>
                        <a:rPr lang="en-US" sz="700" b="0" i="0" dirty="0">
                          <a:latin typeface="+mn-lt"/>
                          <a:ea typeface="Aleo" charset="0"/>
                          <a:cs typeface="Aleo" charset="0"/>
                        </a:rPr>
                        <a:t>R – Product Team, </a:t>
                      </a:r>
                      <a:r>
                        <a:rPr lang="en-US" sz="700" b="0" i="0" baseline="0" dirty="0">
                          <a:latin typeface="+mn-lt"/>
                          <a:ea typeface="Aleo" charset="0"/>
                          <a:cs typeface="Aleo" charset="0"/>
                        </a:rPr>
                        <a:t> Delivery Team</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A – Product Team</a:t>
                      </a:r>
                    </a:p>
                    <a:p>
                      <a:pPr marL="115888" indent="-115888">
                        <a:buFont typeface="Arial" charset="0"/>
                        <a:buChar char="•"/>
                        <a:tabLst/>
                      </a:pPr>
                      <a:r>
                        <a:rPr lang="en-US" sz="700" b="0" i="0" dirty="0">
                          <a:latin typeface="+mn-lt"/>
                          <a:ea typeface="Aleo" charset="0"/>
                          <a:cs typeface="Aleo" charset="0"/>
                        </a:rPr>
                        <a:t>C -</a:t>
                      </a:r>
                      <a:r>
                        <a:rPr lang="en-US" sz="700" b="0" i="0" baseline="0" dirty="0">
                          <a:latin typeface="+mn-lt"/>
                          <a:ea typeface="Aleo" charset="0"/>
                          <a:cs typeface="Aleo" charset="0"/>
                        </a:rPr>
                        <a:t> </a:t>
                      </a:r>
                      <a:r>
                        <a:rPr lang="en-US" sz="700" b="0" i="0" dirty="0">
                          <a:latin typeface="+mn-lt"/>
                          <a:ea typeface="Aleo" charset="0"/>
                          <a:cs typeface="Aleo" charset="0"/>
                        </a:rPr>
                        <a:t>Delivery</a:t>
                      </a:r>
                      <a:r>
                        <a:rPr lang="en-US" sz="700" b="0" i="0" baseline="0" dirty="0">
                          <a:latin typeface="+mn-lt"/>
                          <a:ea typeface="Aleo" charset="0"/>
                          <a:cs typeface="Aleo" charset="0"/>
                        </a:rPr>
                        <a:t> Team</a:t>
                      </a:r>
                      <a:endParaRPr lang="en-US" sz="700" b="0" i="0" dirty="0">
                        <a:latin typeface="+mn-lt"/>
                        <a:ea typeface="Aleo" charset="0"/>
                        <a:cs typeface="Aleo" charset="0"/>
                      </a:endParaRPr>
                    </a:p>
                    <a:p>
                      <a:pPr marL="115888" indent="-115888">
                        <a:buFont typeface="Arial" charset="0"/>
                        <a:buChar char="•"/>
                        <a:tabLst/>
                      </a:pPr>
                      <a:r>
                        <a:rPr lang="en-US" sz="700" b="0" i="0" dirty="0">
                          <a:latin typeface="+mn-lt"/>
                          <a:ea typeface="Aleo" charset="0"/>
                          <a:cs typeface="Aleo" charset="0"/>
                        </a:rPr>
                        <a:t>I</a:t>
                      </a:r>
                      <a:r>
                        <a:rPr lang="en-US" sz="700" b="0" i="0" baseline="0" dirty="0">
                          <a:latin typeface="+mn-lt"/>
                          <a:ea typeface="Aleo" charset="0"/>
                          <a:cs typeface="Aleo" charset="0"/>
                        </a:rPr>
                        <a:t> – </a:t>
                      </a:r>
                      <a:r>
                        <a:rPr lang="en-US" sz="700" b="0" i="0" dirty="0">
                          <a:latin typeface="+mn-lt"/>
                          <a:ea typeface="Aleo" charset="0"/>
                          <a:cs typeface="Aleo" charset="0"/>
                        </a:rPr>
                        <a:t>Portfolio Team</a:t>
                      </a:r>
                    </a:p>
                  </a:txBody>
                  <a:tcPr marL="61755" marR="61755" marT="30877" marB="30877">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4"/>
                  </a:ext>
                </a:extLst>
              </a:tr>
            </a:tbl>
          </a:graphicData>
        </a:graphic>
      </p:graphicFrame>
      <p:sp>
        <p:nvSpPr>
          <p:cNvPr id="25" name="Graphic 212">
            <a:extLst>
              <a:ext uri="{FF2B5EF4-FFF2-40B4-BE49-F238E27FC236}">
                <a16:creationId xmlns:a16="http://schemas.microsoft.com/office/drawing/2014/main" id="{320DEB9A-61A8-FF42-9F73-4084606BE434}"/>
              </a:ext>
            </a:extLst>
          </p:cNvPr>
          <p:cNvSpPr/>
          <p:nvPr/>
        </p:nvSpPr>
        <p:spPr>
          <a:xfrm>
            <a:off x="4970095" y="1890531"/>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4">
              <a:lumMod val="50000"/>
            </a:schemeClr>
          </a:solidFill>
          <a:ln w="4829" cap="flat">
            <a:noFill/>
            <a:prstDash val="solid"/>
            <a:miter/>
          </a:ln>
        </p:spPr>
        <p:txBody>
          <a:bodyPr rtlCol="0" anchor="ctr"/>
          <a:lstStyle/>
          <a:p>
            <a:pPr lvl="0" algn="ctr"/>
            <a:r>
              <a:rPr lang="en-US" sz="800" b="1" cap="all" spc="70" dirty="0">
                <a:solidFill>
                  <a:srgbClr val="FFFFFF"/>
                </a:solidFill>
                <a:latin typeface="Calibri Bold"/>
              </a:rPr>
              <a:t>Release </a:t>
            </a:r>
            <a:br>
              <a:rPr lang="en-US" sz="800" b="1" cap="all" spc="70" dirty="0">
                <a:solidFill>
                  <a:srgbClr val="FFFFFF"/>
                </a:solidFill>
                <a:latin typeface="Calibri Bold"/>
              </a:rPr>
            </a:br>
            <a:r>
              <a:rPr lang="en-US" sz="800" b="1" cap="all" spc="70" dirty="0">
                <a:solidFill>
                  <a:srgbClr val="FFFFFF"/>
                </a:solidFill>
                <a:latin typeface="Calibri Bold"/>
              </a:rPr>
              <a:t>Planning</a:t>
            </a:r>
          </a:p>
        </p:txBody>
      </p:sp>
      <p:sp>
        <p:nvSpPr>
          <p:cNvPr id="26" name="Graphic 210">
            <a:extLst>
              <a:ext uri="{FF2B5EF4-FFF2-40B4-BE49-F238E27FC236}">
                <a16:creationId xmlns:a16="http://schemas.microsoft.com/office/drawing/2014/main" id="{42B0EAB6-240C-8D4D-8E6F-6CD91E1D4A8B}"/>
              </a:ext>
            </a:extLst>
          </p:cNvPr>
          <p:cNvSpPr/>
          <p:nvPr/>
        </p:nvSpPr>
        <p:spPr>
          <a:xfrm>
            <a:off x="2399695" y="1890531"/>
            <a:ext cx="1162650" cy="411480"/>
          </a:xfrm>
          <a:custGeom>
            <a:avLst/>
            <a:gdLst>
              <a:gd name="connsiteX0" fmla="*/ 1157955 w 1162650"/>
              <a:gd name="connsiteY0" fmla="*/ 195739 h 416774"/>
              <a:gd name="connsiteX1" fmla="*/ 1000501 w 1162650"/>
              <a:gd name="connsiteY1" fmla="*/ 13424 h 416774"/>
              <a:gd name="connsiteX2" fmla="*/ 971424 w 1162650"/>
              <a:gd name="connsiteY2" fmla="*/ 0 h 416774"/>
              <a:gd name="connsiteX3" fmla="*/ 38770 w 1162650"/>
              <a:gd name="connsiteY3" fmla="*/ 0 h 416774"/>
              <a:gd name="connsiteX4" fmla="*/ 0 w 1162650"/>
              <a:gd name="connsiteY4" fmla="*/ 38770 h 416774"/>
              <a:gd name="connsiteX5" fmla="*/ 0 w 1162650"/>
              <a:gd name="connsiteY5" fmla="*/ 378005 h 416774"/>
              <a:gd name="connsiteX6" fmla="*/ 38770 w 1162650"/>
              <a:gd name="connsiteY6" fmla="*/ 416775 h 416774"/>
              <a:gd name="connsiteX7" fmla="*/ 971036 w 1162650"/>
              <a:gd name="connsiteY7" fmla="*/ 416775 h 416774"/>
              <a:gd name="connsiteX8" fmla="*/ 1000113 w 1162650"/>
              <a:gd name="connsiteY8" fmla="*/ 403350 h 416774"/>
              <a:gd name="connsiteX9" fmla="*/ 1157955 w 1162650"/>
              <a:gd name="connsiteY9" fmla="*/ 221036 h 416774"/>
              <a:gd name="connsiteX10" fmla="*/ 1157955 w 1162650"/>
              <a:gd name="connsiteY10" fmla="*/ 195739 h 41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62650" h="416774">
                <a:moveTo>
                  <a:pt x="1157955" y="195739"/>
                </a:moveTo>
                <a:lnTo>
                  <a:pt x="1000501" y="13424"/>
                </a:lnTo>
                <a:cubicBezTo>
                  <a:pt x="993198" y="4967"/>
                  <a:pt x="982599" y="78"/>
                  <a:pt x="971424" y="0"/>
                </a:cubicBezTo>
                <a:lnTo>
                  <a:pt x="38770" y="0"/>
                </a:lnTo>
                <a:cubicBezTo>
                  <a:pt x="17358" y="0"/>
                  <a:pt x="0" y="17359"/>
                  <a:pt x="0" y="38770"/>
                </a:cubicBezTo>
                <a:lnTo>
                  <a:pt x="0" y="378005"/>
                </a:lnTo>
                <a:cubicBezTo>
                  <a:pt x="0" y="399415"/>
                  <a:pt x="17358" y="416775"/>
                  <a:pt x="38770" y="416775"/>
                </a:cubicBezTo>
                <a:lnTo>
                  <a:pt x="971036" y="416775"/>
                </a:lnTo>
                <a:cubicBezTo>
                  <a:pt x="982212" y="416697"/>
                  <a:pt x="992810" y="411807"/>
                  <a:pt x="1000113" y="403350"/>
                </a:cubicBezTo>
                <a:lnTo>
                  <a:pt x="1157955" y="221036"/>
                </a:lnTo>
                <a:cubicBezTo>
                  <a:pt x="1164216" y="213767"/>
                  <a:pt x="1164216" y="203008"/>
                  <a:pt x="1157955" y="195739"/>
                </a:cubicBezTo>
                <a:close/>
              </a:path>
            </a:pathLst>
          </a:custGeom>
          <a:solidFill>
            <a:schemeClr val="accent2"/>
          </a:solidFill>
          <a:ln w="4829" cap="flat">
            <a:noFill/>
            <a:prstDash val="solid"/>
            <a:miter/>
          </a:ln>
        </p:spPr>
        <p:txBody>
          <a:bodyPr rtlCol="0" anchor="ctr"/>
          <a:lstStyle/>
          <a:p>
            <a:pPr algn="ctr"/>
            <a:r>
              <a:rPr lang="en-US" sz="800" b="1" cap="all" spc="70" dirty="0">
                <a:solidFill>
                  <a:schemeClr val="lt1"/>
                </a:solidFill>
                <a:latin typeface="+mj-lt"/>
              </a:rPr>
              <a:t>Intake</a:t>
            </a:r>
          </a:p>
        </p:txBody>
      </p:sp>
      <p:sp>
        <p:nvSpPr>
          <p:cNvPr id="27" name="Graphic 212">
            <a:extLst>
              <a:ext uri="{FF2B5EF4-FFF2-40B4-BE49-F238E27FC236}">
                <a16:creationId xmlns:a16="http://schemas.microsoft.com/office/drawing/2014/main" id="{681AF19D-7A55-C24A-AE97-150E39717FA0}"/>
              </a:ext>
            </a:extLst>
          </p:cNvPr>
          <p:cNvSpPr/>
          <p:nvPr/>
        </p:nvSpPr>
        <p:spPr>
          <a:xfrm>
            <a:off x="6240631" y="1890531"/>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4">
              <a:lumMod val="50000"/>
            </a:schemeClr>
          </a:solidFill>
          <a:ln w="4829" cap="flat">
            <a:noFill/>
            <a:prstDash val="solid"/>
            <a:miter/>
          </a:ln>
        </p:spPr>
        <p:txBody>
          <a:bodyPr rtlCol="0" anchor="ctr"/>
          <a:lstStyle/>
          <a:p>
            <a:pPr lvl="0" algn="ctr"/>
            <a:r>
              <a:rPr lang="en-US" sz="800" b="1" cap="all" spc="70" dirty="0">
                <a:solidFill>
                  <a:srgbClr val="FFFFFF"/>
                </a:solidFill>
                <a:latin typeface="Calibri Bold"/>
              </a:rPr>
              <a:t>Feature </a:t>
            </a:r>
            <a:br>
              <a:rPr lang="en-US" sz="800" b="1" cap="all" spc="70" dirty="0">
                <a:solidFill>
                  <a:srgbClr val="FFFFFF"/>
                </a:solidFill>
                <a:latin typeface="Calibri Bold"/>
              </a:rPr>
            </a:br>
            <a:r>
              <a:rPr lang="en-US" sz="800" b="1" cap="all" spc="70" dirty="0">
                <a:solidFill>
                  <a:srgbClr val="FFFFFF"/>
                </a:solidFill>
                <a:latin typeface="Calibri Bold"/>
              </a:rPr>
              <a:t>Ready</a:t>
            </a:r>
          </a:p>
        </p:txBody>
      </p:sp>
      <p:sp>
        <p:nvSpPr>
          <p:cNvPr id="28" name="Graphic 212">
            <a:extLst>
              <a:ext uri="{FF2B5EF4-FFF2-40B4-BE49-F238E27FC236}">
                <a16:creationId xmlns:a16="http://schemas.microsoft.com/office/drawing/2014/main" id="{AD364D16-3FC9-0048-98B1-EACB5E0755F4}"/>
              </a:ext>
            </a:extLst>
          </p:cNvPr>
          <p:cNvSpPr/>
          <p:nvPr/>
        </p:nvSpPr>
        <p:spPr>
          <a:xfrm>
            <a:off x="7511167" y="1890531"/>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1"/>
          </a:solidFill>
          <a:ln w="4829" cap="flat">
            <a:noFill/>
            <a:prstDash val="solid"/>
            <a:miter/>
          </a:ln>
        </p:spPr>
        <p:txBody>
          <a:bodyPr rtlCol="0" anchor="ctr"/>
          <a:lstStyle/>
          <a:p>
            <a:pPr lvl="0" algn="ctr"/>
            <a:r>
              <a:rPr lang="en-US" sz="800" b="1" cap="all" spc="70" dirty="0">
                <a:solidFill>
                  <a:srgbClr val="FFFFFF"/>
                </a:solidFill>
                <a:latin typeface="Calibri Bold"/>
              </a:rPr>
              <a:t>In PROGRESS</a:t>
            </a:r>
          </a:p>
        </p:txBody>
      </p:sp>
      <p:sp>
        <p:nvSpPr>
          <p:cNvPr id="29" name="Graphic 212">
            <a:extLst>
              <a:ext uri="{FF2B5EF4-FFF2-40B4-BE49-F238E27FC236}">
                <a16:creationId xmlns:a16="http://schemas.microsoft.com/office/drawing/2014/main" id="{755209D2-C2A8-584B-ACC3-20513582B11A}"/>
              </a:ext>
            </a:extLst>
          </p:cNvPr>
          <p:cNvSpPr/>
          <p:nvPr/>
        </p:nvSpPr>
        <p:spPr>
          <a:xfrm>
            <a:off x="3674298" y="1890531"/>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4"/>
          </a:solidFill>
          <a:ln w="4829" cap="flat">
            <a:noFill/>
            <a:prstDash val="solid"/>
            <a:miter/>
          </a:ln>
        </p:spPr>
        <p:txBody>
          <a:bodyPr rtlCol="0" anchor="ctr"/>
          <a:lstStyle/>
          <a:p>
            <a:pPr lvl="0" algn="ctr"/>
            <a:r>
              <a:rPr lang="en-US" sz="800" b="1" cap="all" spc="70" dirty="0">
                <a:solidFill>
                  <a:srgbClr val="FFFFFF"/>
                </a:solidFill>
                <a:latin typeface="Calibri Bold"/>
              </a:rPr>
              <a:t>Solution </a:t>
            </a:r>
            <a:br>
              <a:rPr lang="en-US" sz="800" b="1" cap="all" spc="70" dirty="0">
                <a:solidFill>
                  <a:srgbClr val="FFFFFF"/>
                </a:solidFill>
                <a:latin typeface="Calibri Bold"/>
              </a:rPr>
            </a:br>
            <a:r>
              <a:rPr lang="en-US" sz="800" b="1" cap="all" spc="70" dirty="0">
                <a:solidFill>
                  <a:srgbClr val="FFFFFF"/>
                </a:solidFill>
                <a:latin typeface="Calibri Bold"/>
              </a:rPr>
              <a:t>Design</a:t>
            </a:r>
          </a:p>
        </p:txBody>
      </p:sp>
      <p:sp>
        <p:nvSpPr>
          <p:cNvPr id="30" name="Graphic 212">
            <a:extLst>
              <a:ext uri="{FF2B5EF4-FFF2-40B4-BE49-F238E27FC236}">
                <a16:creationId xmlns:a16="http://schemas.microsoft.com/office/drawing/2014/main" id="{405C1659-C7F4-7F45-AB60-84DB7EDCF2AF}"/>
              </a:ext>
            </a:extLst>
          </p:cNvPr>
          <p:cNvSpPr/>
          <p:nvPr/>
        </p:nvSpPr>
        <p:spPr>
          <a:xfrm>
            <a:off x="8996759" y="1890531"/>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5"/>
          </a:solidFill>
          <a:ln w="4829" cap="flat">
            <a:noFill/>
            <a:prstDash val="solid"/>
            <a:miter/>
          </a:ln>
        </p:spPr>
        <p:txBody>
          <a:bodyPr rtlCol="0" anchor="ctr"/>
          <a:lstStyle/>
          <a:p>
            <a:pPr lvl="0" algn="ctr"/>
            <a:r>
              <a:rPr lang="en-US" sz="800" b="1" cap="all" spc="70" dirty="0">
                <a:solidFill>
                  <a:srgbClr val="FFFFFF"/>
                </a:solidFill>
                <a:latin typeface="Calibri Bold"/>
              </a:rPr>
              <a:t>Feature </a:t>
            </a:r>
            <a:br>
              <a:rPr lang="en-US" sz="800" b="1" cap="all" spc="70" dirty="0">
                <a:solidFill>
                  <a:srgbClr val="FFFFFF"/>
                </a:solidFill>
                <a:latin typeface="Calibri Bold"/>
              </a:rPr>
            </a:br>
            <a:r>
              <a:rPr lang="en-US" sz="800" b="1" cap="all" spc="70" dirty="0">
                <a:solidFill>
                  <a:srgbClr val="FFFFFF"/>
                </a:solidFill>
                <a:latin typeface="Calibri Bold"/>
              </a:rPr>
              <a:t>Validation</a:t>
            </a:r>
          </a:p>
        </p:txBody>
      </p:sp>
      <p:sp>
        <p:nvSpPr>
          <p:cNvPr id="31" name="Graphic 208">
            <a:extLst>
              <a:ext uri="{FF2B5EF4-FFF2-40B4-BE49-F238E27FC236}">
                <a16:creationId xmlns:a16="http://schemas.microsoft.com/office/drawing/2014/main" id="{072401B8-D50A-0948-9326-977EFEF7C260}"/>
              </a:ext>
            </a:extLst>
          </p:cNvPr>
          <p:cNvSpPr>
            <a:spLocks noChangeAspect="1"/>
          </p:cNvSpPr>
          <p:nvPr/>
        </p:nvSpPr>
        <p:spPr>
          <a:xfrm>
            <a:off x="10482352" y="1890531"/>
            <a:ext cx="1118330" cy="411480"/>
          </a:xfrm>
          <a:custGeom>
            <a:avLst/>
            <a:gdLst>
              <a:gd name="connsiteX0" fmla="*/ 1104413 w 1143182"/>
              <a:gd name="connsiteY0" fmla="*/ 0 h 416775"/>
              <a:gd name="connsiteX1" fmla="*/ 19491 w 1143182"/>
              <a:gd name="connsiteY1" fmla="*/ 0 h 416775"/>
              <a:gd name="connsiteX2" fmla="*/ 1 w 1143182"/>
              <a:gd name="connsiteY2" fmla="*/ 19279 h 416775"/>
              <a:gd name="connsiteX3" fmla="*/ 4613 w 1143182"/>
              <a:gd name="connsiteY3" fmla="*/ 31937 h 416775"/>
              <a:gd name="connsiteX4" fmla="*/ 144184 w 1143182"/>
              <a:gd name="connsiteY4" fmla="*/ 195836 h 416775"/>
              <a:gd name="connsiteX5" fmla="*/ 144184 w 1143182"/>
              <a:gd name="connsiteY5" fmla="*/ 220939 h 416775"/>
              <a:gd name="connsiteX6" fmla="*/ 4613 w 1143182"/>
              <a:gd name="connsiteY6" fmla="*/ 384838 h 416775"/>
              <a:gd name="connsiteX7" fmla="*/ 6834 w 1143182"/>
              <a:gd name="connsiteY7" fmla="*/ 412161 h 416775"/>
              <a:gd name="connsiteX8" fmla="*/ 19491 w 1143182"/>
              <a:gd name="connsiteY8" fmla="*/ 416775 h 416775"/>
              <a:gd name="connsiteX9" fmla="*/ 1104413 w 1143182"/>
              <a:gd name="connsiteY9" fmla="*/ 416775 h 416775"/>
              <a:gd name="connsiteX10" fmla="*/ 1143183 w 1143182"/>
              <a:gd name="connsiteY10" fmla="*/ 378005 h 416775"/>
              <a:gd name="connsiteX11" fmla="*/ 1143183 w 1143182"/>
              <a:gd name="connsiteY11" fmla="*/ 38770 h 416775"/>
              <a:gd name="connsiteX12" fmla="*/ 1104413 w 1143182"/>
              <a:gd name="connsiteY12" fmla="*/ 0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143182" h="416775">
                <a:moveTo>
                  <a:pt x="1104413" y="0"/>
                </a:moveTo>
                <a:lnTo>
                  <a:pt x="19491" y="0"/>
                </a:lnTo>
                <a:cubicBezTo>
                  <a:pt x="8785" y="-58"/>
                  <a:pt x="59" y="8573"/>
                  <a:pt x="1" y="19279"/>
                </a:cubicBezTo>
                <a:cubicBezTo>
                  <a:pt x="-24" y="23916"/>
                  <a:pt x="1612" y="28404"/>
                  <a:pt x="4613" y="31937"/>
                </a:cubicBezTo>
                <a:lnTo>
                  <a:pt x="144184" y="195836"/>
                </a:lnTo>
                <a:cubicBezTo>
                  <a:pt x="150334" y="203076"/>
                  <a:pt x="150334" y="213699"/>
                  <a:pt x="144184" y="220939"/>
                </a:cubicBezTo>
                <a:lnTo>
                  <a:pt x="4613" y="384838"/>
                </a:lnTo>
                <a:cubicBezTo>
                  <a:pt x="-2320" y="392994"/>
                  <a:pt x="-1325" y="405231"/>
                  <a:pt x="6834" y="412161"/>
                </a:cubicBezTo>
                <a:cubicBezTo>
                  <a:pt x="10365" y="415166"/>
                  <a:pt x="14856" y="416799"/>
                  <a:pt x="19491" y="416775"/>
                </a:cubicBezTo>
                <a:lnTo>
                  <a:pt x="1104413" y="416775"/>
                </a:lnTo>
                <a:cubicBezTo>
                  <a:pt x="1125824" y="416775"/>
                  <a:pt x="1143183" y="399416"/>
                  <a:pt x="1143183" y="378005"/>
                </a:cubicBezTo>
                <a:lnTo>
                  <a:pt x="1143183" y="38770"/>
                </a:lnTo>
                <a:cubicBezTo>
                  <a:pt x="1143183" y="17359"/>
                  <a:pt x="1125824" y="0"/>
                  <a:pt x="1104413" y="0"/>
                </a:cubicBezTo>
                <a:close/>
              </a:path>
            </a:pathLst>
          </a:custGeom>
          <a:solidFill>
            <a:schemeClr val="accent6"/>
          </a:solidFill>
          <a:ln w="4829" cap="flat">
            <a:noFill/>
            <a:prstDash val="solid"/>
            <a:miter/>
          </a:ln>
        </p:spPr>
        <p:txBody>
          <a:bodyPr rtlCol="0" anchor="ctr"/>
          <a:lstStyle/>
          <a:p>
            <a:pPr algn="ctr"/>
            <a:r>
              <a:rPr lang="en-US" sz="800" b="1" cap="all" spc="70" dirty="0">
                <a:solidFill>
                  <a:srgbClr val="FFFFFF"/>
                </a:solidFill>
                <a:latin typeface="Calibri Bold"/>
              </a:rPr>
              <a:t>Feature</a:t>
            </a:r>
            <a:br>
              <a:rPr lang="en-US" sz="800" b="1" cap="all" spc="70" dirty="0">
                <a:solidFill>
                  <a:srgbClr val="FFFFFF"/>
                </a:solidFill>
                <a:latin typeface="Calibri Bold"/>
              </a:rPr>
            </a:br>
            <a:r>
              <a:rPr lang="en-US" sz="800" b="1" cap="all" spc="70" dirty="0">
                <a:solidFill>
                  <a:srgbClr val="FFFFFF"/>
                </a:solidFill>
                <a:latin typeface="Calibri Bold"/>
              </a:rPr>
              <a:t>Completed</a:t>
            </a:r>
            <a:endParaRPr lang="en-US" dirty="0"/>
          </a:p>
        </p:txBody>
      </p:sp>
    </p:spTree>
    <p:extLst>
      <p:ext uri="{BB962C8B-B14F-4D97-AF65-F5344CB8AC3E}">
        <p14:creationId xmlns:p14="http://schemas.microsoft.com/office/powerpoint/2010/main" val="17730556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1700784" y="356616"/>
            <a:ext cx="9468234" cy="868680"/>
          </a:xfrm>
        </p:spPr>
        <p:txBody>
          <a:bodyPr/>
          <a:lstStyle/>
          <a:p>
            <a:r>
              <a:rPr lang="en-US" dirty="0"/>
              <a:t>Delivery tier</a:t>
            </a:r>
          </a:p>
        </p:txBody>
      </p:sp>
      <p:sp>
        <p:nvSpPr>
          <p:cNvPr id="7" name="Text Placeholder 6"/>
          <p:cNvSpPr>
            <a:spLocks noGrp="1"/>
          </p:cNvSpPr>
          <p:nvPr>
            <p:ph type="body" sz="quarter" idx="10"/>
          </p:nvPr>
        </p:nvSpPr>
        <p:spPr>
          <a:xfrm>
            <a:off x="1700784" y="1245885"/>
            <a:ext cx="9468234" cy="273050"/>
          </a:xfrm>
        </p:spPr>
        <p:txBody>
          <a:bodyPr/>
          <a:lstStyle/>
          <a:p>
            <a:r>
              <a:rPr lang="en-US" dirty="0"/>
              <a:t>Delivery Team — Purpose, Activities, Exit Policies</a:t>
            </a:r>
          </a:p>
          <a:p>
            <a:endParaRPr lang="en-US" dirty="0"/>
          </a:p>
        </p:txBody>
      </p:sp>
      <p:sp>
        <p:nvSpPr>
          <p:cNvPr id="2" name="Slide Number Placeholder 1">
            <a:extLst>
              <a:ext uri="{FF2B5EF4-FFF2-40B4-BE49-F238E27FC236}">
                <a16:creationId xmlns:a16="http://schemas.microsoft.com/office/drawing/2014/main" id="{74470643-1361-0047-A61D-53C0B68A54C2}"/>
              </a:ext>
            </a:extLst>
          </p:cNvPr>
          <p:cNvSpPr>
            <a:spLocks noGrp="1"/>
          </p:cNvSpPr>
          <p:nvPr>
            <p:ph type="sldNum" sz="quarter" idx="4"/>
          </p:nvPr>
        </p:nvSpPr>
        <p:spPr>
          <a:xfrm>
            <a:off x="94594" y="6345839"/>
            <a:ext cx="557048" cy="365125"/>
          </a:xfrm>
        </p:spPr>
        <p:txBody>
          <a:bodyPr/>
          <a:lstStyle/>
          <a:p>
            <a:fld id="{742ED878-647B-DB4D-84DF-0BCCAF9DD0BF}" type="slidenum">
              <a:rPr lang="en-US" smtClean="0"/>
              <a:pPr/>
              <a:t>56</a:t>
            </a:fld>
            <a:endParaRPr lang="en-US" dirty="0"/>
          </a:p>
        </p:txBody>
      </p:sp>
      <p:graphicFrame>
        <p:nvGraphicFramePr>
          <p:cNvPr id="3" name="Table 2"/>
          <p:cNvGraphicFramePr>
            <a:graphicFrameLocks noGrp="1"/>
          </p:cNvGraphicFramePr>
          <p:nvPr>
            <p:extLst>
              <p:ext uri="{D42A27DB-BD31-4B8C-83A1-F6EECF244321}">
                <p14:modId xmlns:p14="http://schemas.microsoft.com/office/powerpoint/2010/main" val="4190399909"/>
              </p:ext>
            </p:extLst>
          </p:nvPr>
        </p:nvGraphicFramePr>
        <p:xfrm>
          <a:off x="1697468" y="2381250"/>
          <a:ext cx="10030981" cy="2913765"/>
        </p:xfrm>
        <a:graphic>
          <a:graphicData uri="http://schemas.openxmlformats.org/drawingml/2006/table">
            <a:tbl>
              <a:tblPr firstRow="1" bandRow="1">
                <a:tableStyleId>{69012ECD-51FC-41F1-AA8D-1B2483CD663E}</a:tableStyleId>
              </a:tblPr>
              <a:tblGrid>
                <a:gridCol w="906818">
                  <a:extLst>
                    <a:ext uri="{9D8B030D-6E8A-4147-A177-3AD203B41FA5}">
                      <a16:colId xmlns:a16="http://schemas.microsoft.com/office/drawing/2014/main" val="20000"/>
                    </a:ext>
                  </a:extLst>
                </a:gridCol>
                <a:gridCol w="2000909">
                  <a:extLst>
                    <a:ext uri="{9D8B030D-6E8A-4147-A177-3AD203B41FA5}">
                      <a16:colId xmlns:a16="http://schemas.microsoft.com/office/drawing/2014/main" val="20001"/>
                    </a:ext>
                  </a:extLst>
                </a:gridCol>
                <a:gridCol w="1626354">
                  <a:extLst>
                    <a:ext uri="{9D8B030D-6E8A-4147-A177-3AD203B41FA5}">
                      <a16:colId xmlns:a16="http://schemas.microsoft.com/office/drawing/2014/main" val="20002"/>
                    </a:ext>
                  </a:extLst>
                </a:gridCol>
                <a:gridCol w="2069905">
                  <a:extLst>
                    <a:ext uri="{9D8B030D-6E8A-4147-A177-3AD203B41FA5}">
                      <a16:colId xmlns:a16="http://schemas.microsoft.com/office/drawing/2014/main" val="20003"/>
                    </a:ext>
                  </a:extLst>
                </a:gridCol>
                <a:gridCol w="1853057">
                  <a:extLst>
                    <a:ext uri="{9D8B030D-6E8A-4147-A177-3AD203B41FA5}">
                      <a16:colId xmlns:a16="http://schemas.microsoft.com/office/drawing/2014/main" val="20004"/>
                    </a:ext>
                  </a:extLst>
                </a:gridCol>
                <a:gridCol w="1573938">
                  <a:extLst>
                    <a:ext uri="{9D8B030D-6E8A-4147-A177-3AD203B41FA5}">
                      <a16:colId xmlns:a16="http://schemas.microsoft.com/office/drawing/2014/main" val="20005"/>
                    </a:ext>
                  </a:extLst>
                </a:gridCol>
              </a:tblGrid>
              <a:tr h="337092">
                <a:tc>
                  <a:txBody>
                    <a:bodyPr/>
                    <a:lstStyle/>
                    <a:p>
                      <a:endParaRPr lang="en-US" sz="800" dirty="0"/>
                    </a:p>
                  </a:txBody>
                  <a:tcP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gridSpan="2">
                  <a:txBody>
                    <a:bodyPr/>
                    <a:lstStyle/>
                    <a:p>
                      <a:pPr marL="0" algn="ctr" defTabSz="457200" rtl="0" eaLnBrk="1" latinLnBrk="0" hangingPunct="1"/>
                      <a:r>
                        <a:rPr lang="en-US" sz="800" b="1" kern="1200" spc="83" dirty="0">
                          <a:solidFill>
                            <a:schemeClr val="bg1"/>
                          </a:solidFill>
                          <a:latin typeface="+mj-lt"/>
                          <a:ea typeface="+mn-ea"/>
                          <a:cs typeface="+mn-cs"/>
                        </a:rPr>
                        <a:t>DEMAND PLANNING</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hMerge="1">
                  <a:txBody>
                    <a:bodyPr/>
                    <a:lstStyle/>
                    <a:p>
                      <a:endParaRPr lang="en-US" sz="800"/>
                    </a:p>
                  </a:txBody>
                  <a:tcPr/>
                </a:tc>
                <a:tc gridSpan="3">
                  <a:txBody>
                    <a:bodyPr/>
                    <a:lstStyle/>
                    <a:p>
                      <a:pPr marL="0" algn="ctr" defTabSz="457200" rtl="0" eaLnBrk="1" latinLnBrk="0" hangingPunct="1"/>
                      <a:r>
                        <a:rPr lang="en-US" sz="800" b="1" kern="1200" spc="83" dirty="0">
                          <a:solidFill>
                            <a:schemeClr val="bg1"/>
                          </a:solidFill>
                          <a:latin typeface="+mj-lt"/>
                          <a:ea typeface="+mn-ea"/>
                          <a:cs typeface="+mn-cs"/>
                        </a:rPr>
                        <a:t>EXECTION AND ACCOUNTABILITY</a:t>
                      </a:r>
                    </a:p>
                  </a:txBody>
                  <a:tcPr anchor="ctr">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solidFill>
                      <a:schemeClr val="tx1">
                        <a:lumMod val="50000"/>
                        <a:lumOff val="50000"/>
                      </a:schemeClr>
                    </a:solidFill>
                  </a:tcPr>
                </a:tc>
                <a:tc hMerge="1">
                  <a:txBody>
                    <a:bodyPr/>
                    <a:lstStyle/>
                    <a:p>
                      <a:endParaRPr lang="en-US" sz="800"/>
                    </a:p>
                  </a:txBody>
                  <a:tcPr/>
                </a:tc>
                <a:tc hMerge="1">
                  <a:txBody>
                    <a:bodyPr/>
                    <a:lstStyle/>
                    <a:p>
                      <a:endParaRPr lang="en-US" sz="800"/>
                    </a:p>
                  </a:txBody>
                  <a:tcPr/>
                </a:tc>
                <a:extLst>
                  <a:ext uri="{0D108BD9-81ED-4DB2-BD59-A6C34878D82A}">
                    <a16:rowId xmlns:a16="http://schemas.microsoft.com/office/drawing/2014/main" val="10000"/>
                  </a:ext>
                </a:extLst>
              </a:tr>
              <a:tr h="394813">
                <a:tc>
                  <a:txBody>
                    <a:bodyPr/>
                    <a:lstStyle/>
                    <a:p>
                      <a:r>
                        <a:rPr lang="en-US" sz="1000" b="1"/>
                        <a:t>Purpose</a:t>
                      </a:r>
                      <a:endParaRPr lang="en-US" sz="1000" b="1" i="0">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Ready the backlog</a:t>
                      </a:r>
                      <a:endParaRPr lang="en-US" sz="700" b="0" i="0" kern="1200" dirty="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Stories ready for Delivery Teams</a:t>
                      </a:r>
                      <a:endParaRPr lang="en-US" sz="700" b="0" i="0" kern="1200" dirty="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Work is done to complete story / feature</a:t>
                      </a:r>
                    </a:p>
                    <a:p>
                      <a:pPr marL="115888" marR="0" indent="-115888" algn="l" defTabSz="457200" rtl="0" eaLnBrk="1" fontAlgn="auto" latinLnBrk="0" hangingPunct="1">
                        <a:lnSpc>
                          <a:spcPct val="100000"/>
                        </a:lnSpc>
                        <a:spcBef>
                          <a:spcPts val="0"/>
                        </a:spcBef>
                        <a:spcAft>
                          <a:spcPts val="0"/>
                        </a:spcAft>
                        <a:buFont typeface="Arial" charset="0"/>
                        <a:buChar char="•"/>
                        <a:tabLst/>
                      </a:pPr>
                      <a:r>
                        <a:rPr lang="en-US" sz="700" b="0" i="0" kern="1200" dirty="0">
                          <a:solidFill>
                            <a:schemeClr val="tx1"/>
                          </a:solidFill>
                          <a:latin typeface="+mn-lt"/>
                          <a:ea typeface="Aleo" charset="0"/>
                          <a:cs typeface="Aleo" charset="0"/>
                        </a:rPr>
                        <a:t>Review Team Performance </a:t>
                      </a: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spcBef>
                          <a:spcPts val="0"/>
                        </a:spcBef>
                        <a:spcAft>
                          <a:spcPts val="0"/>
                        </a:spcAft>
                        <a:buClrTx/>
                        <a:buSzTx/>
                        <a:buFont typeface="Arial" charset="0"/>
                        <a:buChar char="•"/>
                        <a:tabLst/>
                      </a:pPr>
                      <a:r>
                        <a:rPr lang="en-US" sz="700" b="0" i="0" kern="1200" dirty="0">
                          <a:solidFill>
                            <a:schemeClr val="tx1"/>
                          </a:solidFill>
                          <a:latin typeface="+mn-lt"/>
                        </a:rPr>
                        <a:t>Story has been completed</a:t>
                      </a:r>
                      <a:endParaRPr lang="en-US" sz="700" b="0" i="0" kern="1200" dirty="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a:solidFill>
                            <a:schemeClr val="tx1"/>
                          </a:solidFill>
                          <a:latin typeface="+mn-lt"/>
                        </a:rPr>
                        <a:t>Story / feature has been accepted</a:t>
                      </a:r>
                      <a:endParaRPr lang="en-US" sz="700" b="0" i="0" kern="120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1"/>
                  </a:ext>
                </a:extLst>
              </a:tr>
              <a:tr h="727287">
                <a:tc>
                  <a:txBody>
                    <a:bodyPr/>
                    <a:lstStyle/>
                    <a:p>
                      <a:r>
                        <a:rPr lang="en-US" sz="1000" b="1"/>
                        <a:t>Activities</a:t>
                      </a:r>
                      <a:endParaRPr lang="en-US" sz="1000" b="1" i="0">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Create story in defined format</a:t>
                      </a:r>
                    </a:p>
                    <a:p>
                      <a:pPr marL="115888" indent="-115888" algn="l" defTabSz="457200" rtl="0" eaLnBrk="1" latinLnBrk="0" hangingPunct="1">
                        <a:buFont typeface="Arial" charset="0"/>
                        <a:buChar char="•"/>
                        <a:tabLst/>
                      </a:pPr>
                      <a:r>
                        <a:rPr lang="en-US" sz="700" b="0" i="0" kern="1200" dirty="0">
                          <a:solidFill>
                            <a:schemeClr val="tx1"/>
                          </a:solidFill>
                          <a:latin typeface="+mn-lt"/>
                        </a:rPr>
                        <a:t>Create acceptance criteria in the defined format (GWT)</a:t>
                      </a:r>
                    </a:p>
                    <a:p>
                      <a:pPr marL="115888" indent="-115888" algn="l" defTabSz="457200" rtl="0" eaLnBrk="1" latinLnBrk="0" hangingPunct="1">
                        <a:buFont typeface="Arial" charset="0"/>
                        <a:buChar char="•"/>
                        <a:tabLst/>
                      </a:pPr>
                      <a:r>
                        <a:rPr lang="en-US" sz="700" b="0" i="0" kern="1200" dirty="0">
                          <a:solidFill>
                            <a:schemeClr val="tx1"/>
                          </a:solidFill>
                          <a:latin typeface="+mn-lt"/>
                        </a:rPr>
                        <a:t>Provide additional documentation as needed</a:t>
                      </a:r>
                    </a:p>
                    <a:p>
                      <a:pPr marL="115888" indent="-115888" algn="l" defTabSz="457200" rtl="0" eaLnBrk="1" latinLnBrk="0" hangingPunct="1">
                        <a:buFont typeface="Arial" charset="0"/>
                        <a:buChar char="•"/>
                        <a:tabLst/>
                      </a:pPr>
                      <a:r>
                        <a:rPr lang="en-US" sz="700" b="0" i="0" kern="1200" dirty="0">
                          <a:solidFill>
                            <a:schemeClr val="tx1"/>
                          </a:solidFill>
                          <a:latin typeface="+mn-lt"/>
                          <a:ea typeface="Aleo" charset="0"/>
                          <a:cs typeface="Aleo" charset="0"/>
                        </a:rPr>
                        <a:t>Right Size Stories (Slice)</a:t>
                      </a: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Story acceptance criteria is derived from  feature acceptance criteria</a:t>
                      </a:r>
                    </a:p>
                    <a:p>
                      <a:pPr marL="115888" indent="-115888" algn="l" defTabSz="457200" rtl="0" eaLnBrk="1" latinLnBrk="0" hangingPunct="1">
                        <a:buFont typeface="Arial" charset="0"/>
                        <a:buChar char="•"/>
                        <a:tabLst/>
                      </a:pPr>
                      <a:r>
                        <a:rPr lang="en-US" sz="700" b="0" i="0" kern="1200" dirty="0">
                          <a:solidFill>
                            <a:schemeClr val="tx1"/>
                          </a:solidFill>
                          <a:latin typeface="+mn-lt"/>
                        </a:rPr>
                        <a:t>Revise Level of Value</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kern="1200" dirty="0">
                          <a:solidFill>
                            <a:schemeClr val="tx1"/>
                          </a:solidFill>
                          <a:latin typeface="+mn-lt"/>
                        </a:rPr>
                        <a:t>Create story tasks</a:t>
                      </a:r>
                    </a:p>
                    <a:p>
                      <a:pPr marL="115888" indent="-115888" algn="l" defTabSz="457200" rtl="0" eaLnBrk="1" latinLnBrk="0" hangingPunct="1">
                        <a:buFont typeface="Arial" charset="0"/>
                        <a:buChar char="•"/>
                        <a:tabLst/>
                      </a:pPr>
                      <a:endParaRPr lang="en-US" sz="700" b="0" i="0" kern="1200" dirty="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Develop story functionality</a:t>
                      </a:r>
                    </a:p>
                    <a:p>
                      <a:pPr marL="115888" indent="-115888" algn="l" defTabSz="457200" rtl="0" eaLnBrk="1" latinLnBrk="0" hangingPunct="1">
                        <a:buFont typeface="Arial" charset="0"/>
                        <a:buChar char="•"/>
                        <a:tabLst/>
                      </a:pPr>
                      <a:r>
                        <a:rPr lang="en-US" sz="700" b="0" i="0" kern="1200" dirty="0">
                          <a:solidFill>
                            <a:schemeClr val="tx1"/>
                          </a:solidFill>
                          <a:latin typeface="+mn-lt"/>
                        </a:rPr>
                        <a:t>Test functionality</a:t>
                      </a:r>
                    </a:p>
                    <a:p>
                      <a:pPr marL="115888" indent="-115888" algn="l" defTabSz="457200" rtl="0" eaLnBrk="1" latinLnBrk="0" hangingPunct="1">
                        <a:buFont typeface="Arial" charset="0"/>
                        <a:buChar char="•"/>
                        <a:tabLst/>
                      </a:pPr>
                      <a:r>
                        <a:rPr lang="en-US" sz="700" b="0" i="0" kern="1200" dirty="0">
                          <a:solidFill>
                            <a:schemeClr val="tx1"/>
                          </a:solidFill>
                          <a:latin typeface="+mn-lt"/>
                        </a:rPr>
                        <a:t>Code/Peer Review</a:t>
                      </a:r>
                    </a:p>
                    <a:p>
                      <a:pPr marL="115888" indent="-115888" algn="l" defTabSz="457200" rtl="0" eaLnBrk="1" latinLnBrk="0" hangingPunct="1">
                        <a:buFont typeface="Arial" charset="0"/>
                        <a:buChar char="•"/>
                        <a:tabLst/>
                      </a:pPr>
                      <a:r>
                        <a:rPr lang="en-US" sz="700" b="0" i="0" kern="1200" dirty="0">
                          <a:solidFill>
                            <a:schemeClr val="tx1"/>
                          </a:solidFill>
                          <a:latin typeface="+mn-lt"/>
                        </a:rPr>
                        <a:t>Technical debt remediation</a:t>
                      </a:r>
                    </a:p>
                    <a:p>
                      <a:pPr marL="115888" indent="-115888" algn="l" defTabSz="457200" rtl="0" eaLnBrk="1" latinLnBrk="0" hangingPunct="1">
                        <a:buFont typeface="Arial" charset="0"/>
                        <a:buChar char="•"/>
                        <a:tabLst/>
                      </a:pPr>
                      <a:r>
                        <a:rPr lang="en-US" sz="700" b="0" i="0" kern="1200" dirty="0">
                          <a:solidFill>
                            <a:schemeClr val="tx1"/>
                          </a:solidFill>
                          <a:latin typeface="+mn-lt"/>
                        </a:rPr>
                        <a:t>Defect remediation</a:t>
                      </a:r>
                      <a:endParaRPr lang="en-US" sz="700" b="0" i="0" kern="1200" dirty="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Story meets the definition of done</a:t>
                      </a:r>
                    </a:p>
                    <a:p>
                      <a:pPr marL="115888" indent="-115888" algn="l" defTabSz="457200" rtl="0" eaLnBrk="1" latinLnBrk="0" hangingPunct="1">
                        <a:buFont typeface="Arial" charset="0"/>
                        <a:buChar char="•"/>
                        <a:tabLst/>
                      </a:pPr>
                      <a:r>
                        <a:rPr lang="en-US" sz="700" b="0" i="0" kern="1200" dirty="0">
                          <a:solidFill>
                            <a:schemeClr val="tx1"/>
                          </a:solidFill>
                          <a:latin typeface="+mn-lt"/>
                        </a:rPr>
                        <a:t>Stakeholder approves story based on acceptance criteria.</a:t>
                      </a:r>
                    </a:p>
                    <a:p>
                      <a:pPr marL="115888" indent="-115888" algn="l" defTabSz="457200" rtl="0" eaLnBrk="1" latinLnBrk="0" hangingPunct="1">
                        <a:buFont typeface="Arial" charset="0"/>
                        <a:buChar char="•"/>
                        <a:tabLst/>
                      </a:pPr>
                      <a:r>
                        <a:rPr lang="en-US" sz="700" b="0" i="0" kern="1200" dirty="0">
                          <a:solidFill>
                            <a:schemeClr val="tx1"/>
                          </a:solidFill>
                          <a:latin typeface="+mn-lt"/>
                        </a:rPr>
                        <a:t>Bugs found for the story have been remediated</a:t>
                      </a:r>
                      <a:endParaRPr lang="en-US" sz="700" b="0" i="0" kern="1200" dirty="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a:solidFill>
                            <a:schemeClr val="tx1"/>
                          </a:solidFill>
                          <a:latin typeface="+mn-lt"/>
                        </a:rPr>
                        <a:t>Ongoing Support</a:t>
                      </a:r>
                    </a:p>
                    <a:p>
                      <a:pPr marL="115888" indent="-115888" algn="l" defTabSz="457200" rtl="0" eaLnBrk="1" latinLnBrk="0" hangingPunct="1">
                        <a:buFont typeface="Arial" charset="0"/>
                        <a:buChar char="•"/>
                        <a:tabLst/>
                      </a:pPr>
                      <a:r>
                        <a:rPr lang="en-US" sz="700" b="0" i="0" kern="1200">
                          <a:solidFill>
                            <a:schemeClr val="tx1"/>
                          </a:solidFill>
                          <a:latin typeface="+mn-lt"/>
                        </a:rPr>
                        <a:t>Operational Handoff</a:t>
                      </a:r>
                    </a:p>
                    <a:p>
                      <a:pPr marL="115888" indent="-115888" algn="l" defTabSz="457200" rtl="0" eaLnBrk="1" latinLnBrk="0" hangingPunct="1">
                        <a:buFont typeface="Arial" charset="0"/>
                        <a:buChar char="•"/>
                        <a:tabLst/>
                      </a:pPr>
                      <a:r>
                        <a:rPr lang="en-US" sz="700" b="0" i="0" kern="1200">
                          <a:solidFill>
                            <a:schemeClr val="tx1"/>
                          </a:solidFill>
                          <a:latin typeface="+mn-lt"/>
                        </a:rPr>
                        <a:t>Lessons Learned</a:t>
                      </a:r>
                      <a:endParaRPr lang="en-US" sz="700" b="0" i="0" kern="120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2"/>
                  </a:ext>
                </a:extLst>
              </a:tr>
              <a:tr h="838111">
                <a:tc>
                  <a:txBody>
                    <a:bodyPr/>
                    <a:lstStyle/>
                    <a:p>
                      <a:r>
                        <a:rPr lang="en-US" sz="1000" b="1" i="0">
                          <a:latin typeface="+mn-lt"/>
                          <a:ea typeface="+mn-ea"/>
                          <a:cs typeface="+mn-cs"/>
                        </a:rPr>
                        <a:t>Exit</a:t>
                      </a:r>
                      <a:r>
                        <a:rPr lang="en-US" sz="1000" b="1" i="0" baseline="0">
                          <a:latin typeface="+mn-lt"/>
                          <a:ea typeface="+mn-ea"/>
                          <a:cs typeface="+mn-cs"/>
                        </a:rPr>
                        <a:t> Policies</a:t>
                      </a:r>
                      <a:endParaRPr lang="en-US" sz="1000" b="1" i="0">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a:solidFill>
                            <a:schemeClr val="tx1"/>
                          </a:solidFill>
                          <a:latin typeface="+mn-lt"/>
                        </a:rPr>
                        <a:t>Defined User Story </a:t>
                      </a:r>
                    </a:p>
                    <a:p>
                      <a:pPr marL="115888" indent="-115888" algn="l" defTabSz="457200" rtl="0" eaLnBrk="1" latinLnBrk="0" hangingPunct="1">
                        <a:buFont typeface="Arial" charset="0"/>
                        <a:buChar char="•"/>
                        <a:tabLst/>
                      </a:pPr>
                      <a:r>
                        <a:rPr lang="en-US" sz="700" b="0" i="0" kern="1200">
                          <a:solidFill>
                            <a:schemeClr val="tx1"/>
                          </a:solidFill>
                          <a:latin typeface="+mn-lt"/>
                        </a:rPr>
                        <a:t>Acceptance Criteria is complete</a:t>
                      </a:r>
                    </a:p>
                    <a:p>
                      <a:pPr marL="115888" indent="-115888" algn="l" defTabSz="457200" rtl="0" eaLnBrk="1" latinLnBrk="0" hangingPunct="1">
                        <a:buFont typeface="Arial" charset="0"/>
                        <a:buChar char="•"/>
                        <a:tabLst/>
                      </a:pPr>
                      <a:r>
                        <a:rPr lang="en-US" sz="700" b="0" i="0" kern="1200">
                          <a:solidFill>
                            <a:schemeClr val="tx1"/>
                          </a:solidFill>
                          <a:latin typeface="+mn-lt"/>
                        </a:rPr>
                        <a:t>Architecture Artifacts</a:t>
                      </a:r>
                    </a:p>
                    <a:p>
                      <a:pPr marL="115888" indent="-115888" algn="l" defTabSz="457200" rtl="0" eaLnBrk="1" latinLnBrk="0" hangingPunct="1">
                        <a:buFont typeface="Arial" charset="0"/>
                        <a:buChar char="•"/>
                        <a:tabLst/>
                      </a:pPr>
                      <a:r>
                        <a:rPr lang="en-US" sz="700" b="0" i="0" kern="1200">
                          <a:solidFill>
                            <a:schemeClr val="tx1"/>
                          </a:solidFill>
                          <a:latin typeface="+mn-lt"/>
                        </a:rPr>
                        <a:t>UX Design, Wireframe Artifacts</a:t>
                      </a:r>
                    </a:p>
                    <a:p>
                      <a:pPr marL="115888" indent="-115888" algn="l" defTabSz="457200" rtl="0" eaLnBrk="1" latinLnBrk="0" hangingPunct="1">
                        <a:buFont typeface="Arial" charset="0"/>
                        <a:buChar char="•"/>
                        <a:tabLst/>
                      </a:pPr>
                      <a:r>
                        <a:rPr lang="en-US" sz="700" b="0" i="0" kern="1200">
                          <a:solidFill>
                            <a:schemeClr val="tx1"/>
                          </a:solidFill>
                          <a:latin typeface="+mn-lt"/>
                        </a:rPr>
                        <a:t>Story Point Estimate </a:t>
                      </a: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kern="1200">
                          <a:solidFill>
                            <a:schemeClr val="tx1"/>
                          </a:solidFill>
                          <a:latin typeface="+mn-lt"/>
                          <a:ea typeface="Aleo" charset="0"/>
                          <a:cs typeface="Aleo" charset="0"/>
                        </a:rPr>
                        <a:t>Backlog for Defined Planning Horizon</a:t>
                      </a:r>
                      <a:endParaRPr lang="en-US" sz="700" b="0" i="0" kern="1200">
                        <a:solidFill>
                          <a:schemeClr val="tx1"/>
                        </a:solidFill>
                        <a:latin typeface="+mn-lt"/>
                      </a:endParaRP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kern="1200">
                          <a:solidFill>
                            <a:schemeClr val="tx1"/>
                          </a:solidFill>
                          <a:latin typeface="+mn-lt"/>
                        </a:rPr>
                        <a:t>Story Definition of Ready Validated</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kern="1200">
                          <a:solidFill>
                            <a:schemeClr val="tx1"/>
                          </a:solidFill>
                          <a:latin typeface="+mn-lt"/>
                        </a:rPr>
                        <a:t>Tasks Defined</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kern="1200">
                          <a:solidFill>
                            <a:schemeClr val="tx1"/>
                          </a:solidFill>
                          <a:latin typeface="+mn-lt"/>
                        </a:rPr>
                        <a:t>Task Hours Estimate</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kern="1200">
                          <a:solidFill>
                            <a:schemeClr val="tx1"/>
                          </a:solidFill>
                          <a:latin typeface="+mn-lt"/>
                        </a:rPr>
                        <a:t>Iteration Planning</a:t>
                      </a:r>
                      <a:endParaRPr lang="en-US" sz="700" b="0" i="0" kern="120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Monitor Progress on Scrum Board </a:t>
                      </a:r>
                    </a:p>
                    <a:p>
                      <a:pPr marL="115888" indent="-115888" algn="l" defTabSz="457200" rtl="0" eaLnBrk="1" latinLnBrk="0" hangingPunct="1">
                        <a:buFont typeface="Arial" charset="0"/>
                        <a:buChar char="•"/>
                        <a:tabLst/>
                      </a:pPr>
                      <a:r>
                        <a:rPr lang="en-US" sz="700" b="0" i="0" kern="1200" dirty="0">
                          <a:solidFill>
                            <a:schemeClr val="tx1"/>
                          </a:solidFill>
                          <a:latin typeface="+mn-lt"/>
                        </a:rPr>
                        <a:t>Standup</a:t>
                      </a:r>
                    </a:p>
                    <a:p>
                      <a:pPr marL="115888" indent="-115888" algn="l" defTabSz="457200" rtl="0" eaLnBrk="1" latinLnBrk="0" hangingPunct="1">
                        <a:buFont typeface="Arial" charset="0"/>
                        <a:buChar char="•"/>
                        <a:tabLst/>
                      </a:pPr>
                      <a:r>
                        <a:rPr lang="en-US" sz="700" b="0" i="0" kern="1200" dirty="0">
                          <a:solidFill>
                            <a:schemeClr val="tx1"/>
                          </a:solidFill>
                          <a:latin typeface="+mn-lt"/>
                        </a:rPr>
                        <a:t>Story Development</a:t>
                      </a:r>
                    </a:p>
                    <a:p>
                      <a:pPr marL="115888" indent="-115888" algn="l" defTabSz="457200" rtl="0" eaLnBrk="1" latinLnBrk="0" hangingPunct="1">
                        <a:buFont typeface="Arial" charset="0"/>
                        <a:buChar char="•"/>
                        <a:tabLst/>
                      </a:pPr>
                      <a:r>
                        <a:rPr lang="en-US" sz="700" b="0" i="0" kern="1200" dirty="0">
                          <a:solidFill>
                            <a:schemeClr val="tx1"/>
                          </a:solidFill>
                          <a:latin typeface="+mn-lt"/>
                        </a:rPr>
                        <a:t>Story Testing</a:t>
                      </a:r>
                    </a:p>
                    <a:p>
                      <a:pPr marL="115888" indent="-115888" algn="l" defTabSz="457200" rtl="0" eaLnBrk="1" latinLnBrk="0" hangingPunct="1">
                        <a:buFont typeface="Arial" charset="0"/>
                        <a:buChar char="•"/>
                        <a:tabLst/>
                      </a:pPr>
                      <a:r>
                        <a:rPr lang="en-US" sz="700" b="0" i="0" kern="1200" dirty="0">
                          <a:solidFill>
                            <a:schemeClr val="tx1"/>
                          </a:solidFill>
                          <a:latin typeface="+mn-lt"/>
                        </a:rPr>
                        <a:t>Sprint Burndown</a:t>
                      </a:r>
                    </a:p>
                    <a:p>
                      <a:pPr marL="115888" marR="0" lvl="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kern="1200" dirty="0">
                          <a:solidFill>
                            <a:schemeClr val="tx1"/>
                          </a:solidFill>
                          <a:latin typeface="+mn-lt"/>
                        </a:rPr>
                        <a:t>Team Metrics and Assessment Dashboards</a:t>
                      </a: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Story Done </a:t>
                      </a:r>
                    </a:p>
                    <a:p>
                      <a:pPr marL="115888" indent="-115888" algn="l" defTabSz="457200" rtl="0" eaLnBrk="1" latinLnBrk="0" hangingPunct="1">
                        <a:buFont typeface="Arial" charset="0"/>
                        <a:buChar char="•"/>
                        <a:tabLst/>
                      </a:pPr>
                      <a:r>
                        <a:rPr lang="en-US" sz="700" b="0" i="0" kern="1200" dirty="0">
                          <a:solidFill>
                            <a:schemeClr val="tx1"/>
                          </a:solidFill>
                          <a:latin typeface="+mn-lt"/>
                        </a:rPr>
                        <a:t>Story Definition of Done Validated</a:t>
                      </a:r>
                    </a:p>
                    <a:p>
                      <a:pPr marL="115888" marR="0" indent="-115888" algn="l" defTabSz="457200" rtl="0" eaLnBrk="1" fontAlgn="auto" latinLnBrk="0" hangingPunct="1">
                        <a:lnSpc>
                          <a:spcPct val="100000"/>
                        </a:lnSpc>
                        <a:spcBef>
                          <a:spcPts val="0"/>
                        </a:spcBef>
                        <a:spcAft>
                          <a:spcPts val="0"/>
                        </a:spcAft>
                        <a:buClrTx/>
                        <a:buSzTx/>
                        <a:buFont typeface="Arial" charset="0"/>
                        <a:buChar char="•"/>
                        <a:tabLst/>
                        <a:defRPr/>
                      </a:pPr>
                      <a:r>
                        <a:rPr lang="en-US" sz="700" b="0" i="0" kern="1200" dirty="0">
                          <a:solidFill>
                            <a:schemeClr val="tx1"/>
                          </a:solidFill>
                          <a:latin typeface="+mn-lt"/>
                        </a:rPr>
                        <a:t>Story Demo</a:t>
                      </a:r>
                      <a:endParaRPr lang="en-US" sz="700" b="0" i="0" kern="1200" dirty="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a:solidFill>
                            <a:schemeClr val="tx1"/>
                          </a:solidFill>
                          <a:latin typeface="+mn-lt"/>
                        </a:rPr>
                        <a:t>Operational documentation updated (as needed)</a:t>
                      </a:r>
                    </a:p>
                    <a:p>
                      <a:pPr marL="115888" indent="-115888" algn="l" defTabSz="457200" rtl="0" eaLnBrk="1" latinLnBrk="0" hangingPunct="1">
                        <a:buFont typeface="Arial" charset="0"/>
                        <a:buChar char="•"/>
                        <a:tabLst/>
                      </a:pPr>
                      <a:r>
                        <a:rPr lang="en-US" sz="700" b="0" i="0" kern="1200">
                          <a:solidFill>
                            <a:schemeClr val="tx1"/>
                          </a:solidFill>
                          <a:latin typeface="+mn-lt"/>
                        </a:rPr>
                        <a:t>Sprint Retrospective</a:t>
                      </a:r>
                    </a:p>
                    <a:p>
                      <a:pPr marL="115888" indent="-115888" algn="l" defTabSz="457200" rtl="0" eaLnBrk="1" latinLnBrk="0" hangingPunct="1">
                        <a:buFont typeface="Arial" charset="0"/>
                        <a:buChar char="•"/>
                        <a:tabLst/>
                      </a:pPr>
                      <a:r>
                        <a:rPr lang="en-US" sz="700" b="0" i="0" kern="1200">
                          <a:solidFill>
                            <a:schemeClr val="tx1"/>
                          </a:solidFill>
                          <a:latin typeface="+mn-lt"/>
                        </a:rPr>
                        <a:t>Delivery Team Metrics</a:t>
                      </a:r>
                    </a:p>
                    <a:p>
                      <a:pPr marL="115888" indent="-115888" algn="l" defTabSz="457200" rtl="0" eaLnBrk="1" latinLnBrk="0" hangingPunct="1">
                        <a:buFont typeface="Arial" charset="0"/>
                        <a:buChar char="•"/>
                        <a:tabLst/>
                      </a:pPr>
                      <a:r>
                        <a:rPr lang="en-US" sz="700" b="0" i="0" kern="1200">
                          <a:solidFill>
                            <a:schemeClr val="tx1"/>
                          </a:solidFill>
                          <a:latin typeface="+mn-lt"/>
                          <a:ea typeface="Aleo" charset="0"/>
                          <a:cs typeface="Aleo" charset="0"/>
                        </a:rPr>
                        <a:t>Story is Accepted by Stakeholder</a:t>
                      </a: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3"/>
                  </a:ext>
                </a:extLst>
              </a:tr>
              <a:tr h="616462">
                <a:tc>
                  <a:txBody>
                    <a:bodyPr/>
                    <a:lstStyle/>
                    <a:p>
                      <a:r>
                        <a:rPr lang="en-US" sz="1000" b="1"/>
                        <a:t>RACI (Team)</a:t>
                      </a:r>
                      <a:endParaRPr lang="en-US" sz="1000" b="1" i="0">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a:solidFill>
                            <a:schemeClr val="tx1"/>
                          </a:solidFill>
                          <a:latin typeface="+mn-lt"/>
                        </a:rPr>
                        <a:t>R – Delivery Team, Product Team</a:t>
                      </a:r>
                    </a:p>
                    <a:p>
                      <a:pPr marL="115888" indent="-115888" algn="l" defTabSz="457200" rtl="0" eaLnBrk="1" latinLnBrk="0" hangingPunct="1">
                        <a:buFont typeface="Arial" charset="0"/>
                        <a:buChar char="•"/>
                        <a:tabLst/>
                      </a:pPr>
                      <a:r>
                        <a:rPr lang="en-US" sz="700" b="0" i="0" kern="1200">
                          <a:solidFill>
                            <a:schemeClr val="tx1"/>
                          </a:solidFill>
                          <a:latin typeface="+mn-lt"/>
                        </a:rPr>
                        <a:t>A – Delivery Team</a:t>
                      </a:r>
                    </a:p>
                    <a:p>
                      <a:pPr marL="115888" indent="-115888" algn="l" defTabSz="457200" rtl="0" eaLnBrk="1" latinLnBrk="0" hangingPunct="1">
                        <a:buFont typeface="Arial" charset="0"/>
                        <a:buChar char="•"/>
                        <a:tabLst/>
                      </a:pPr>
                      <a:r>
                        <a:rPr lang="en-US" sz="700" b="0" i="0" kern="1200">
                          <a:solidFill>
                            <a:schemeClr val="tx1"/>
                          </a:solidFill>
                          <a:latin typeface="+mn-lt"/>
                        </a:rPr>
                        <a:t>C – Product Team</a:t>
                      </a:r>
                    </a:p>
                    <a:p>
                      <a:pPr marL="115888" indent="-115888" algn="l" defTabSz="457200" rtl="0" eaLnBrk="1" latinLnBrk="0" hangingPunct="1">
                        <a:buFont typeface="Arial" charset="0"/>
                        <a:buChar char="•"/>
                        <a:tabLst/>
                      </a:pPr>
                      <a:r>
                        <a:rPr lang="en-US" sz="700" b="0" i="0" kern="1200">
                          <a:solidFill>
                            <a:schemeClr val="tx1"/>
                          </a:solidFill>
                          <a:latin typeface="+mn-lt"/>
                        </a:rPr>
                        <a:t>I – Portfolio Team</a:t>
                      </a:r>
                      <a:endParaRPr lang="en-US" sz="700" b="0" i="0" kern="120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a:solidFill>
                            <a:schemeClr val="tx1"/>
                          </a:solidFill>
                          <a:latin typeface="+mn-lt"/>
                        </a:rPr>
                        <a:t>R – Delivery Team, Product Team</a:t>
                      </a:r>
                    </a:p>
                    <a:p>
                      <a:pPr marL="115888" indent="-115888" algn="l" defTabSz="457200" rtl="0" eaLnBrk="1" latinLnBrk="0" hangingPunct="1">
                        <a:buFont typeface="Arial" charset="0"/>
                        <a:buChar char="•"/>
                        <a:tabLst/>
                      </a:pPr>
                      <a:r>
                        <a:rPr lang="en-US" sz="700" b="0" i="0" kern="1200">
                          <a:solidFill>
                            <a:schemeClr val="tx1"/>
                          </a:solidFill>
                          <a:latin typeface="+mn-lt"/>
                        </a:rPr>
                        <a:t>A – Delivery Team</a:t>
                      </a:r>
                    </a:p>
                    <a:p>
                      <a:pPr marL="115888" indent="-115888" algn="l" defTabSz="457200" rtl="0" eaLnBrk="1" latinLnBrk="0" hangingPunct="1">
                        <a:buFont typeface="Arial" charset="0"/>
                        <a:buChar char="•"/>
                        <a:tabLst/>
                      </a:pPr>
                      <a:r>
                        <a:rPr lang="en-US" sz="700" b="0" i="0" kern="1200">
                          <a:solidFill>
                            <a:schemeClr val="tx1"/>
                          </a:solidFill>
                          <a:latin typeface="+mn-lt"/>
                        </a:rPr>
                        <a:t>C – Product Team</a:t>
                      </a:r>
                    </a:p>
                    <a:p>
                      <a:pPr marL="115888" indent="-115888" algn="l" defTabSz="457200" rtl="0" eaLnBrk="1" latinLnBrk="0" hangingPunct="1">
                        <a:buFont typeface="Arial" charset="0"/>
                        <a:buChar char="•"/>
                        <a:tabLst/>
                      </a:pPr>
                      <a:r>
                        <a:rPr lang="en-US" sz="700" b="0" i="0" kern="1200">
                          <a:solidFill>
                            <a:schemeClr val="tx1"/>
                          </a:solidFill>
                          <a:latin typeface="+mn-lt"/>
                        </a:rPr>
                        <a:t>I – Portfolio Team</a:t>
                      </a:r>
                      <a:endParaRPr lang="en-US" sz="700" b="0" i="0" kern="120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a:solidFill>
                            <a:schemeClr val="tx1"/>
                          </a:solidFill>
                          <a:latin typeface="+mn-lt"/>
                        </a:rPr>
                        <a:t>R – Delivery Team</a:t>
                      </a:r>
                    </a:p>
                    <a:p>
                      <a:pPr marL="115888" indent="-115888" algn="l" defTabSz="457200" rtl="0" eaLnBrk="1" latinLnBrk="0" hangingPunct="1">
                        <a:buFont typeface="Arial" charset="0"/>
                        <a:buChar char="•"/>
                        <a:tabLst/>
                      </a:pPr>
                      <a:r>
                        <a:rPr lang="en-US" sz="700" b="0" i="0" kern="1200">
                          <a:solidFill>
                            <a:schemeClr val="tx1"/>
                          </a:solidFill>
                          <a:latin typeface="+mn-lt"/>
                        </a:rPr>
                        <a:t>A – Delivery Team</a:t>
                      </a:r>
                    </a:p>
                    <a:p>
                      <a:pPr marL="115888" indent="-115888" algn="l" defTabSz="457200" rtl="0" eaLnBrk="1" latinLnBrk="0" hangingPunct="1">
                        <a:buFont typeface="Arial" charset="0"/>
                        <a:buChar char="•"/>
                        <a:tabLst/>
                      </a:pPr>
                      <a:r>
                        <a:rPr lang="en-US" sz="700" b="0" i="0" kern="1200">
                          <a:solidFill>
                            <a:schemeClr val="tx1"/>
                          </a:solidFill>
                          <a:latin typeface="+mn-lt"/>
                        </a:rPr>
                        <a:t>C – Product Team</a:t>
                      </a:r>
                    </a:p>
                    <a:p>
                      <a:pPr marL="115888" indent="-115888" algn="l" defTabSz="457200" rtl="0" eaLnBrk="1" latinLnBrk="0" hangingPunct="1">
                        <a:buFont typeface="Arial" charset="0"/>
                        <a:buChar char="•"/>
                        <a:tabLst/>
                      </a:pPr>
                      <a:r>
                        <a:rPr lang="en-US" sz="700" b="0" i="0" kern="1200">
                          <a:solidFill>
                            <a:schemeClr val="tx1"/>
                          </a:solidFill>
                          <a:latin typeface="+mn-lt"/>
                        </a:rPr>
                        <a:t>I – Portfolio Team</a:t>
                      </a:r>
                      <a:endParaRPr lang="en-US" sz="700" b="0" i="0" kern="120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R – Delivery Team, Product Team</a:t>
                      </a:r>
                    </a:p>
                    <a:p>
                      <a:pPr marL="115888" indent="-115888" algn="l" defTabSz="457200" rtl="0" eaLnBrk="1" latinLnBrk="0" hangingPunct="1">
                        <a:buFont typeface="Arial" charset="0"/>
                        <a:buChar char="•"/>
                        <a:tabLst/>
                      </a:pPr>
                      <a:r>
                        <a:rPr lang="en-US" sz="700" b="0" i="0" kern="1200" dirty="0">
                          <a:solidFill>
                            <a:schemeClr val="tx1"/>
                          </a:solidFill>
                          <a:latin typeface="+mn-lt"/>
                        </a:rPr>
                        <a:t>A – Delivery Team</a:t>
                      </a:r>
                    </a:p>
                    <a:p>
                      <a:pPr marL="115888" indent="-115888" algn="l" defTabSz="457200" rtl="0" eaLnBrk="1" latinLnBrk="0" hangingPunct="1">
                        <a:buFont typeface="Arial" charset="0"/>
                        <a:buChar char="•"/>
                        <a:tabLst/>
                      </a:pPr>
                      <a:r>
                        <a:rPr lang="en-US" sz="700" b="0" i="0" kern="1200" dirty="0">
                          <a:solidFill>
                            <a:schemeClr val="tx1"/>
                          </a:solidFill>
                          <a:latin typeface="+mn-lt"/>
                        </a:rPr>
                        <a:t>C – Product Team</a:t>
                      </a:r>
                    </a:p>
                    <a:p>
                      <a:pPr marL="115888" indent="-115888" algn="l" defTabSz="457200" rtl="0" eaLnBrk="1" latinLnBrk="0" hangingPunct="1">
                        <a:buFont typeface="Arial" charset="0"/>
                        <a:buChar char="•"/>
                        <a:tabLst/>
                      </a:pPr>
                      <a:r>
                        <a:rPr lang="en-US" sz="700" b="0" i="0" kern="1200" dirty="0">
                          <a:solidFill>
                            <a:schemeClr val="tx1"/>
                          </a:solidFill>
                          <a:latin typeface="+mn-lt"/>
                        </a:rPr>
                        <a:t>I – Portfolio Team</a:t>
                      </a:r>
                      <a:endParaRPr lang="en-US" sz="700" b="0" i="0" kern="1200" dirty="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tc>
                  <a:txBody>
                    <a:bodyPr/>
                    <a:lstStyle/>
                    <a:p>
                      <a:pPr marL="115888" indent="-115888" algn="l" defTabSz="457200" rtl="0" eaLnBrk="1" latinLnBrk="0" hangingPunct="1">
                        <a:buFont typeface="Arial" charset="0"/>
                        <a:buChar char="•"/>
                        <a:tabLst/>
                      </a:pPr>
                      <a:r>
                        <a:rPr lang="en-US" sz="700" b="0" i="0" kern="1200" dirty="0">
                          <a:solidFill>
                            <a:schemeClr val="tx1"/>
                          </a:solidFill>
                          <a:latin typeface="+mn-lt"/>
                        </a:rPr>
                        <a:t>R – Delivery Team, Product Team</a:t>
                      </a:r>
                    </a:p>
                    <a:p>
                      <a:pPr marL="115888" indent="-115888" algn="l" defTabSz="457200" rtl="0" eaLnBrk="1" latinLnBrk="0" hangingPunct="1">
                        <a:buFont typeface="Arial" charset="0"/>
                        <a:buChar char="•"/>
                        <a:tabLst/>
                      </a:pPr>
                      <a:r>
                        <a:rPr lang="en-US" sz="700" b="0" i="0" kern="1200" dirty="0">
                          <a:solidFill>
                            <a:schemeClr val="tx1"/>
                          </a:solidFill>
                          <a:latin typeface="+mn-lt"/>
                        </a:rPr>
                        <a:t>A – Delivery Team</a:t>
                      </a:r>
                    </a:p>
                    <a:p>
                      <a:pPr marL="115888" indent="-115888" algn="l" defTabSz="457200" rtl="0" eaLnBrk="1" latinLnBrk="0" hangingPunct="1">
                        <a:buFont typeface="Arial" charset="0"/>
                        <a:buChar char="•"/>
                        <a:tabLst/>
                      </a:pPr>
                      <a:r>
                        <a:rPr lang="en-US" sz="700" b="0" i="0" kern="1200" dirty="0">
                          <a:solidFill>
                            <a:schemeClr val="tx1"/>
                          </a:solidFill>
                          <a:latin typeface="+mn-lt"/>
                        </a:rPr>
                        <a:t>C – Product Team</a:t>
                      </a:r>
                    </a:p>
                    <a:p>
                      <a:pPr marL="115888" indent="-115888" algn="l" defTabSz="457200" rtl="0" eaLnBrk="1" latinLnBrk="0" hangingPunct="1">
                        <a:buFont typeface="Arial" charset="0"/>
                        <a:buChar char="•"/>
                        <a:tabLst/>
                      </a:pPr>
                      <a:r>
                        <a:rPr lang="en-US" sz="700" b="0" i="0" kern="1200" dirty="0">
                          <a:solidFill>
                            <a:schemeClr val="tx1"/>
                          </a:solidFill>
                          <a:latin typeface="+mn-lt"/>
                        </a:rPr>
                        <a:t>I – Portfolio Team</a:t>
                      </a:r>
                      <a:endParaRPr lang="en-US" sz="700" b="0" i="0" kern="1200" dirty="0">
                        <a:solidFill>
                          <a:schemeClr val="tx1"/>
                        </a:solidFill>
                        <a:latin typeface="+mn-lt"/>
                        <a:ea typeface="Aleo" charset="0"/>
                        <a:cs typeface="Aleo" charset="0"/>
                      </a:endParaRPr>
                    </a:p>
                  </a:txBody>
                  <a:tcPr marL="68580" marR="68580" marT="34290" marB="34290">
                    <a:lnL w="6350" cap="flat" cmpd="sng" algn="ctr">
                      <a:solidFill>
                        <a:schemeClr val="accent3"/>
                      </a:solidFill>
                      <a:prstDash val="solid"/>
                      <a:round/>
                      <a:headEnd type="none" w="med" len="med"/>
                      <a:tailEnd type="none" w="med" len="med"/>
                    </a:lnL>
                    <a:lnR w="6350" cap="flat" cmpd="sng" algn="ctr">
                      <a:solidFill>
                        <a:schemeClr val="accent3"/>
                      </a:solidFill>
                      <a:prstDash val="solid"/>
                      <a:round/>
                      <a:headEnd type="none" w="med" len="med"/>
                      <a:tailEnd type="none" w="med" len="med"/>
                    </a:lnR>
                    <a:lnT w="6350" cap="flat" cmpd="sng" algn="ctr">
                      <a:solidFill>
                        <a:schemeClr val="accent3"/>
                      </a:solidFill>
                      <a:prstDash val="solid"/>
                      <a:round/>
                      <a:headEnd type="none" w="med" len="med"/>
                      <a:tailEnd type="none" w="med" len="med"/>
                    </a:lnT>
                    <a:lnB w="6350" cap="flat" cmpd="sng" algn="ctr">
                      <a:solidFill>
                        <a:schemeClr val="accent3"/>
                      </a:solidFill>
                      <a:prstDash val="solid"/>
                      <a:round/>
                      <a:headEnd type="none" w="med" len="med"/>
                      <a:tailEnd type="none" w="med" len="med"/>
                    </a:lnB>
                  </a:tcPr>
                </a:tc>
                <a:extLst>
                  <a:ext uri="{0D108BD9-81ED-4DB2-BD59-A6C34878D82A}">
                    <a16:rowId xmlns:a16="http://schemas.microsoft.com/office/drawing/2014/main" val="10004"/>
                  </a:ext>
                </a:extLst>
              </a:tr>
            </a:tbl>
          </a:graphicData>
        </a:graphic>
      </p:graphicFrame>
      <p:sp>
        <p:nvSpPr>
          <p:cNvPr id="19" name="Graphic 212">
            <a:extLst>
              <a:ext uri="{FF2B5EF4-FFF2-40B4-BE49-F238E27FC236}">
                <a16:creationId xmlns:a16="http://schemas.microsoft.com/office/drawing/2014/main" id="{53D00654-229F-9548-A7D1-58C42C08BA22}"/>
              </a:ext>
            </a:extLst>
          </p:cNvPr>
          <p:cNvSpPr/>
          <p:nvPr/>
        </p:nvSpPr>
        <p:spPr>
          <a:xfrm>
            <a:off x="4767819" y="1866900"/>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4">
              <a:lumMod val="50000"/>
            </a:schemeClr>
          </a:solidFill>
          <a:ln w="4829" cap="flat">
            <a:noFill/>
            <a:prstDash val="solid"/>
            <a:miter/>
          </a:ln>
        </p:spPr>
        <p:txBody>
          <a:bodyPr rtlCol="0" anchor="ctr"/>
          <a:lstStyle/>
          <a:p>
            <a:pPr lvl="0" algn="ctr"/>
            <a:r>
              <a:rPr lang="en-US" sz="800" b="1" cap="all" spc="70" dirty="0">
                <a:solidFill>
                  <a:srgbClr val="FFFFFF"/>
                </a:solidFill>
                <a:latin typeface="Calibri Bold"/>
              </a:rPr>
              <a:t>Story </a:t>
            </a:r>
            <a:br>
              <a:rPr lang="en-US" sz="800" b="1" cap="all" spc="70" dirty="0">
                <a:solidFill>
                  <a:srgbClr val="FFFFFF"/>
                </a:solidFill>
                <a:latin typeface="Calibri Bold"/>
              </a:rPr>
            </a:br>
            <a:r>
              <a:rPr lang="en-US" sz="800" b="1" cap="all" spc="70" dirty="0">
                <a:solidFill>
                  <a:srgbClr val="FFFFFF"/>
                </a:solidFill>
                <a:latin typeface="Calibri Bold"/>
              </a:rPr>
              <a:t>Ready</a:t>
            </a:r>
          </a:p>
        </p:txBody>
      </p:sp>
      <p:sp>
        <p:nvSpPr>
          <p:cNvPr id="20" name="Graphic 212">
            <a:extLst>
              <a:ext uri="{FF2B5EF4-FFF2-40B4-BE49-F238E27FC236}">
                <a16:creationId xmlns:a16="http://schemas.microsoft.com/office/drawing/2014/main" id="{8F3175EE-B1CA-D447-A92C-0EE610245026}"/>
              </a:ext>
            </a:extLst>
          </p:cNvPr>
          <p:cNvSpPr/>
          <p:nvPr/>
        </p:nvSpPr>
        <p:spPr>
          <a:xfrm>
            <a:off x="6628869" y="1866900"/>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1"/>
          </a:solidFill>
          <a:ln w="4829" cap="flat">
            <a:noFill/>
            <a:prstDash val="solid"/>
            <a:miter/>
          </a:ln>
        </p:spPr>
        <p:txBody>
          <a:bodyPr rtlCol="0" anchor="ctr"/>
          <a:lstStyle/>
          <a:p>
            <a:pPr lvl="0" algn="ctr"/>
            <a:r>
              <a:rPr lang="en-US" sz="800" b="1" cap="all" spc="70" dirty="0">
                <a:solidFill>
                  <a:srgbClr val="FFFFFF"/>
                </a:solidFill>
                <a:latin typeface="Calibri Bold"/>
              </a:rPr>
              <a:t>In PROGRESS</a:t>
            </a:r>
          </a:p>
        </p:txBody>
      </p:sp>
      <p:sp>
        <p:nvSpPr>
          <p:cNvPr id="21" name="Graphic 212">
            <a:extLst>
              <a:ext uri="{FF2B5EF4-FFF2-40B4-BE49-F238E27FC236}">
                <a16:creationId xmlns:a16="http://schemas.microsoft.com/office/drawing/2014/main" id="{3A932BB5-67B5-ED44-9A2B-28D6C91D0FC9}"/>
              </a:ext>
            </a:extLst>
          </p:cNvPr>
          <p:cNvSpPr/>
          <p:nvPr/>
        </p:nvSpPr>
        <p:spPr>
          <a:xfrm>
            <a:off x="8489919" y="1866900"/>
            <a:ext cx="1162708" cy="411480"/>
          </a:xfrm>
          <a:custGeom>
            <a:avLst/>
            <a:gdLst>
              <a:gd name="connsiteX0" fmla="*/ 1000413 w 1162708"/>
              <a:gd name="connsiteY0" fmla="*/ 403351 h 416775"/>
              <a:gd name="connsiteX1" fmla="*/ 971336 w 1162708"/>
              <a:gd name="connsiteY1" fmla="*/ 416775 h 416775"/>
              <a:gd name="connsiteX2" fmla="*/ 19491 w 1162708"/>
              <a:gd name="connsiteY2" fmla="*/ 416775 h 416775"/>
              <a:gd name="connsiteX3" fmla="*/ 1 w 1162708"/>
              <a:gd name="connsiteY3" fmla="*/ 397497 h 416775"/>
              <a:gd name="connsiteX4" fmla="*/ 4613 w 1162708"/>
              <a:gd name="connsiteY4" fmla="*/ 384838 h 416775"/>
              <a:gd name="connsiteX5" fmla="*/ 144184 w 1162708"/>
              <a:gd name="connsiteY5" fmla="*/ 220939 h 416775"/>
              <a:gd name="connsiteX6" fmla="*/ 144184 w 1162708"/>
              <a:gd name="connsiteY6" fmla="*/ 195836 h 416775"/>
              <a:gd name="connsiteX7" fmla="*/ 4613 w 1162708"/>
              <a:gd name="connsiteY7" fmla="*/ 31937 h 416775"/>
              <a:gd name="connsiteX8" fmla="*/ 6834 w 1162708"/>
              <a:gd name="connsiteY8" fmla="*/ 4614 h 416775"/>
              <a:gd name="connsiteX9" fmla="*/ 19491 w 1162708"/>
              <a:gd name="connsiteY9" fmla="*/ 0 h 416775"/>
              <a:gd name="connsiteX10" fmla="*/ 971094 w 1162708"/>
              <a:gd name="connsiteY10" fmla="*/ 0 h 416775"/>
              <a:gd name="connsiteX11" fmla="*/ 1000171 w 1162708"/>
              <a:gd name="connsiteY11" fmla="*/ 13424 h 416775"/>
              <a:gd name="connsiteX12" fmla="*/ 1158012 w 1162708"/>
              <a:gd name="connsiteY12" fmla="*/ 195739 h 416775"/>
              <a:gd name="connsiteX13" fmla="*/ 1158012 w 1162708"/>
              <a:gd name="connsiteY13" fmla="*/ 221036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62708" h="416775">
                <a:moveTo>
                  <a:pt x="1000413" y="403351"/>
                </a:moveTo>
                <a:cubicBezTo>
                  <a:pt x="993110" y="411807"/>
                  <a:pt x="982511" y="416697"/>
                  <a:pt x="971336" y="416775"/>
                </a:cubicBezTo>
                <a:lnTo>
                  <a:pt x="19491" y="416775"/>
                </a:lnTo>
                <a:cubicBezTo>
                  <a:pt x="8785" y="416833"/>
                  <a:pt x="59" y="408202"/>
                  <a:pt x="1" y="397497"/>
                </a:cubicBezTo>
                <a:cubicBezTo>
                  <a:pt x="-24" y="392859"/>
                  <a:pt x="1612" y="388371"/>
                  <a:pt x="4613" y="384838"/>
                </a:cubicBezTo>
                <a:lnTo>
                  <a:pt x="144184" y="220939"/>
                </a:lnTo>
                <a:cubicBezTo>
                  <a:pt x="150334" y="213699"/>
                  <a:pt x="150334" y="203076"/>
                  <a:pt x="144184" y="195836"/>
                </a:cubicBezTo>
                <a:lnTo>
                  <a:pt x="4613" y="31937"/>
                </a:lnTo>
                <a:cubicBezTo>
                  <a:pt x="-2320" y="23781"/>
                  <a:pt x="-1325" y="11544"/>
                  <a:pt x="6834" y="4614"/>
                </a:cubicBezTo>
                <a:cubicBezTo>
                  <a:pt x="10365" y="1609"/>
                  <a:pt x="14856" y="-24"/>
                  <a:pt x="19491" y="0"/>
                </a:cubicBezTo>
                <a:lnTo>
                  <a:pt x="971094" y="0"/>
                </a:lnTo>
                <a:cubicBezTo>
                  <a:pt x="982269" y="78"/>
                  <a:pt x="992868" y="4968"/>
                  <a:pt x="1000171" y="13424"/>
                </a:cubicBezTo>
                <a:lnTo>
                  <a:pt x="1158012" y="195739"/>
                </a:lnTo>
                <a:cubicBezTo>
                  <a:pt x="1164274" y="203008"/>
                  <a:pt x="1164274" y="213767"/>
                  <a:pt x="1158012" y="221036"/>
                </a:cubicBezTo>
                <a:close/>
              </a:path>
            </a:pathLst>
          </a:custGeom>
          <a:solidFill>
            <a:schemeClr val="accent1"/>
          </a:solidFill>
          <a:ln w="4829" cap="flat">
            <a:noFill/>
            <a:prstDash val="solid"/>
            <a:miter/>
          </a:ln>
        </p:spPr>
        <p:txBody>
          <a:bodyPr rtlCol="0" anchor="ctr"/>
          <a:lstStyle/>
          <a:p>
            <a:pPr lvl="0" algn="ctr"/>
            <a:r>
              <a:rPr lang="en-US" sz="800" b="1" cap="all" spc="70" dirty="0">
                <a:solidFill>
                  <a:srgbClr val="FFFFFF"/>
                </a:solidFill>
                <a:latin typeface="Calibri Bold"/>
              </a:rPr>
              <a:t>Story </a:t>
            </a:r>
            <a:br>
              <a:rPr lang="en-US" sz="800" b="1" cap="all" spc="70" dirty="0">
                <a:solidFill>
                  <a:srgbClr val="FFFFFF"/>
                </a:solidFill>
                <a:latin typeface="Calibri Bold"/>
              </a:rPr>
            </a:br>
            <a:r>
              <a:rPr lang="en-US" sz="800" b="1" cap="all" spc="70" dirty="0">
                <a:solidFill>
                  <a:srgbClr val="FFFFFF"/>
                </a:solidFill>
                <a:latin typeface="Calibri Bold"/>
              </a:rPr>
              <a:t>Done</a:t>
            </a:r>
          </a:p>
        </p:txBody>
      </p:sp>
      <p:sp>
        <p:nvSpPr>
          <p:cNvPr id="22" name="Graphic 208">
            <a:extLst>
              <a:ext uri="{FF2B5EF4-FFF2-40B4-BE49-F238E27FC236}">
                <a16:creationId xmlns:a16="http://schemas.microsoft.com/office/drawing/2014/main" id="{268E7585-C63C-BA4E-9240-30B6D22FA7CF}"/>
              </a:ext>
            </a:extLst>
          </p:cNvPr>
          <p:cNvSpPr>
            <a:spLocks noChangeAspect="1"/>
          </p:cNvSpPr>
          <p:nvPr/>
        </p:nvSpPr>
        <p:spPr>
          <a:xfrm>
            <a:off x="10350969" y="1866900"/>
            <a:ext cx="1118330" cy="411480"/>
          </a:xfrm>
          <a:custGeom>
            <a:avLst/>
            <a:gdLst>
              <a:gd name="connsiteX0" fmla="*/ 1104413 w 1143182"/>
              <a:gd name="connsiteY0" fmla="*/ 0 h 416775"/>
              <a:gd name="connsiteX1" fmla="*/ 19491 w 1143182"/>
              <a:gd name="connsiteY1" fmla="*/ 0 h 416775"/>
              <a:gd name="connsiteX2" fmla="*/ 1 w 1143182"/>
              <a:gd name="connsiteY2" fmla="*/ 19279 h 416775"/>
              <a:gd name="connsiteX3" fmla="*/ 4613 w 1143182"/>
              <a:gd name="connsiteY3" fmla="*/ 31937 h 416775"/>
              <a:gd name="connsiteX4" fmla="*/ 144184 w 1143182"/>
              <a:gd name="connsiteY4" fmla="*/ 195836 h 416775"/>
              <a:gd name="connsiteX5" fmla="*/ 144184 w 1143182"/>
              <a:gd name="connsiteY5" fmla="*/ 220939 h 416775"/>
              <a:gd name="connsiteX6" fmla="*/ 4613 w 1143182"/>
              <a:gd name="connsiteY6" fmla="*/ 384838 h 416775"/>
              <a:gd name="connsiteX7" fmla="*/ 6834 w 1143182"/>
              <a:gd name="connsiteY7" fmla="*/ 412161 h 416775"/>
              <a:gd name="connsiteX8" fmla="*/ 19491 w 1143182"/>
              <a:gd name="connsiteY8" fmla="*/ 416775 h 416775"/>
              <a:gd name="connsiteX9" fmla="*/ 1104413 w 1143182"/>
              <a:gd name="connsiteY9" fmla="*/ 416775 h 416775"/>
              <a:gd name="connsiteX10" fmla="*/ 1143183 w 1143182"/>
              <a:gd name="connsiteY10" fmla="*/ 378005 h 416775"/>
              <a:gd name="connsiteX11" fmla="*/ 1143183 w 1143182"/>
              <a:gd name="connsiteY11" fmla="*/ 38770 h 416775"/>
              <a:gd name="connsiteX12" fmla="*/ 1104413 w 1143182"/>
              <a:gd name="connsiteY12" fmla="*/ 0 h 416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143182" h="416775">
                <a:moveTo>
                  <a:pt x="1104413" y="0"/>
                </a:moveTo>
                <a:lnTo>
                  <a:pt x="19491" y="0"/>
                </a:lnTo>
                <a:cubicBezTo>
                  <a:pt x="8785" y="-58"/>
                  <a:pt x="59" y="8573"/>
                  <a:pt x="1" y="19279"/>
                </a:cubicBezTo>
                <a:cubicBezTo>
                  <a:pt x="-24" y="23916"/>
                  <a:pt x="1612" y="28404"/>
                  <a:pt x="4613" y="31937"/>
                </a:cubicBezTo>
                <a:lnTo>
                  <a:pt x="144184" y="195836"/>
                </a:lnTo>
                <a:cubicBezTo>
                  <a:pt x="150334" y="203076"/>
                  <a:pt x="150334" y="213699"/>
                  <a:pt x="144184" y="220939"/>
                </a:cubicBezTo>
                <a:lnTo>
                  <a:pt x="4613" y="384838"/>
                </a:lnTo>
                <a:cubicBezTo>
                  <a:pt x="-2320" y="392994"/>
                  <a:pt x="-1325" y="405231"/>
                  <a:pt x="6834" y="412161"/>
                </a:cubicBezTo>
                <a:cubicBezTo>
                  <a:pt x="10365" y="415166"/>
                  <a:pt x="14856" y="416799"/>
                  <a:pt x="19491" y="416775"/>
                </a:cubicBezTo>
                <a:lnTo>
                  <a:pt x="1104413" y="416775"/>
                </a:lnTo>
                <a:cubicBezTo>
                  <a:pt x="1125824" y="416775"/>
                  <a:pt x="1143183" y="399416"/>
                  <a:pt x="1143183" y="378005"/>
                </a:cubicBezTo>
                <a:lnTo>
                  <a:pt x="1143183" y="38770"/>
                </a:lnTo>
                <a:cubicBezTo>
                  <a:pt x="1143183" y="17359"/>
                  <a:pt x="1125824" y="0"/>
                  <a:pt x="1104413" y="0"/>
                </a:cubicBezTo>
                <a:close/>
              </a:path>
            </a:pathLst>
          </a:custGeom>
          <a:solidFill>
            <a:schemeClr val="accent6"/>
          </a:solidFill>
          <a:ln w="4829" cap="flat">
            <a:noFill/>
            <a:prstDash val="solid"/>
            <a:miter/>
          </a:ln>
        </p:spPr>
        <p:txBody>
          <a:bodyPr rtlCol="0" anchor="ctr"/>
          <a:lstStyle/>
          <a:p>
            <a:pPr algn="ctr"/>
            <a:r>
              <a:rPr lang="en-US" sz="800" b="1" cap="all" spc="70" dirty="0">
                <a:solidFill>
                  <a:srgbClr val="FFFFFF"/>
                </a:solidFill>
                <a:latin typeface="Calibri Bold"/>
              </a:rPr>
              <a:t>Story </a:t>
            </a:r>
            <a:br>
              <a:rPr lang="en-US" sz="800" b="1" cap="all" spc="70" dirty="0">
                <a:solidFill>
                  <a:srgbClr val="FFFFFF"/>
                </a:solidFill>
                <a:latin typeface="Calibri Bold"/>
              </a:rPr>
            </a:br>
            <a:r>
              <a:rPr lang="en-US" sz="800" b="1" cap="all" spc="70" dirty="0">
                <a:solidFill>
                  <a:srgbClr val="FFFFFF"/>
                </a:solidFill>
                <a:latin typeface="Calibri Bold"/>
              </a:rPr>
              <a:t>Accepted</a:t>
            </a:r>
            <a:endParaRPr lang="en-US" dirty="0"/>
          </a:p>
        </p:txBody>
      </p:sp>
      <p:sp>
        <p:nvSpPr>
          <p:cNvPr id="23" name="Graphic 210">
            <a:extLst>
              <a:ext uri="{FF2B5EF4-FFF2-40B4-BE49-F238E27FC236}">
                <a16:creationId xmlns:a16="http://schemas.microsoft.com/office/drawing/2014/main" id="{46963A50-D579-3146-889B-83A0EA38E00C}"/>
              </a:ext>
            </a:extLst>
          </p:cNvPr>
          <p:cNvSpPr/>
          <p:nvPr/>
        </p:nvSpPr>
        <p:spPr>
          <a:xfrm>
            <a:off x="2906827" y="1866900"/>
            <a:ext cx="1162650" cy="411480"/>
          </a:xfrm>
          <a:custGeom>
            <a:avLst/>
            <a:gdLst>
              <a:gd name="connsiteX0" fmla="*/ 1157955 w 1162650"/>
              <a:gd name="connsiteY0" fmla="*/ 195739 h 416774"/>
              <a:gd name="connsiteX1" fmla="*/ 1000501 w 1162650"/>
              <a:gd name="connsiteY1" fmla="*/ 13424 h 416774"/>
              <a:gd name="connsiteX2" fmla="*/ 971424 w 1162650"/>
              <a:gd name="connsiteY2" fmla="*/ 0 h 416774"/>
              <a:gd name="connsiteX3" fmla="*/ 38770 w 1162650"/>
              <a:gd name="connsiteY3" fmla="*/ 0 h 416774"/>
              <a:gd name="connsiteX4" fmla="*/ 0 w 1162650"/>
              <a:gd name="connsiteY4" fmla="*/ 38770 h 416774"/>
              <a:gd name="connsiteX5" fmla="*/ 0 w 1162650"/>
              <a:gd name="connsiteY5" fmla="*/ 378005 h 416774"/>
              <a:gd name="connsiteX6" fmla="*/ 38770 w 1162650"/>
              <a:gd name="connsiteY6" fmla="*/ 416775 h 416774"/>
              <a:gd name="connsiteX7" fmla="*/ 971036 w 1162650"/>
              <a:gd name="connsiteY7" fmla="*/ 416775 h 416774"/>
              <a:gd name="connsiteX8" fmla="*/ 1000113 w 1162650"/>
              <a:gd name="connsiteY8" fmla="*/ 403350 h 416774"/>
              <a:gd name="connsiteX9" fmla="*/ 1157955 w 1162650"/>
              <a:gd name="connsiteY9" fmla="*/ 221036 h 416774"/>
              <a:gd name="connsiteX10" fmla="*/ 1157955 w 1162650"/>
              <a:gd name="connsiteY10" fmla="*/ 195739 h 41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62650" h="416774">
                <a:moveTo>
                  <a:pt x="1157955" y="195739"/>
                </a:moveTo>
                <a:lnTo>
                  <a:pt x="1000501" y="13424"/>
                </a:lnTo>
                <a:cubicBezTo>
                  <a:pt x="993198" y="4967"/>
                  <a:pt x="982599" y="78"/>
                  <a:pt x="971424" y="0"/>
                </a:cubicBezTo>
                <a:lnTo>
                  <a:pt x="38770" y="0"/>
                </a:lnTo>
                <a:cubicBezTo>
                  <a:pt x="17358" y="0"/>
                  <a:pt x="0" y="17359"/>
                  <a:pt x="0" y="38770"/>
                </a:cubicBezTo>
                <a:lnTo>
                  <a:pt x="0" y="378005"/>
                </a:lnTo>
                <a:cubicBezTo>
                  <a:pt x="0" y="399415"/>
                  <a:pt x="17358" y="416775"/>
                  <a:pt x="38770" y="416775"/>
                </a:cubicBezTo>
                <a:lnTo>
                  <a:pt x="971036" y="416775"/>
                </a:lnTo>
                <a:cubicBezTo>
                  <a:pt x="982212" y="416697"/>
                  <a:pt x="992810" y="411807"/>
                  <a:pt x="1000113" y="403350"/>
                </a:cubicBezTo>
                <a:lnTo>
                  <a:pt x="1157955" y="221036"/>
                </a:lnTo>
                <a:cubicBezTo>
                  <a:pt x="1164216" y="213767"/>
                  <a:pt x="1164216" y="203008"/>
                  <a:pt x="1157955" y="195739"/>
                </a:cubicBezTo>
                <a:close/>
              </a:path>
            </a:pathLst>
          </a:custGeom>
          <a:solidFill>
            <a:schemeClr val="accent4">
              <a:lumMod val="50000"/>
            </a:schemeClr>
          </a:solidFill>
          <a:ln w="4829" cap="flat">
            <a:noFill/>
            <a:prstDash val="solid"/>
            <a:miter/>
          </a:ln>
        </p:spPr>
        <p:txBody>
          <a:bodyPr rtlCol="0" anchor="ctr"/>
          <a:lstStyle/>
          <a:p>
            <a:pPr algn="ctr"/>
            <a:r>
              <a:rPr lang="en-US" sz="800" b="1" cap="all" spc="70" dirty="0">
                <a:solidFill>
                  <a:schemeClr val="lt1"/>
                </a:solidFill>
                <a:latin typeface="+mj-lt"/>
              </a:rPr>
              <a:t>Make Ready</a:t>
            </a:r>
          </a:p>
        </p:txBody>
      </p:sp>
    </p:spTree>
    <p:extLst>
      <p:ext uri="{BB962C8B-B14F-4D97-AF65-F5344CB8AC3E}">
        <p14:creationId xmlns:p14="http://schemas.microsoft.com/office/powerpoint/2010/main" val="12639632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691640" y="1274333"/>
            <a:ext cx="3506990" cy="1496570"/>
          </a:xfrm>
        </p:spPr>
        <p:txBody>
          <a:bodyPr/>
          <a:lstStyle/>
          <a:p>
            <a:r>
              <a:rPr lang="en-US"/>
              <a:t>Epic Brief</a:t>
            </a:r>
          </a:p>
        </p:txBody>
      </p:sp>
      <p:graphicFrame>
        <p:nvGraphicFramePr>
          <p:cNvPr id="4" name="Content Placeholder 3"/>
          <p:cNvGraphicFramePr>
            <a:graphicFrameLocks noGrp="1"/>
          </p:cNvGraphicFramePr>
          <p:nvPr>
            <p:ph idx="1"/>
            <p:extLst>
              <p:ext uri="{D42A27DB-BD31-4B8C-83A1-F6EECF244321}">
                <p14:modId xmlns:p14="http://schemas.microsoft.com/office/powerpoint/2010/main" val="606285863"/>
              </p:ext>
            </p:extLst>
          </p:nvPr>
        </p:nvGraphicFramePr>
        <p:xfrm>
          <a:off x="5411788" y="1281673"/>
          <a:ext cx="4629150" cy="487521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3" name="Text Placeholder 2"/>
          <p:cNvSpPr>
            <a:spLocks noGrp="1"/>
          </p:cNvSpPr>
          <p:nvPr>
            <p:ph type="body" sz="half" idx="2"/>
          </p:nvPr>
        </p:nvSpPr>
        <p:spPr>
          <a:xfrm>
            <a:off x="1691640" y="2772334"/>
            <a:ext cx="3506990" cy="3401263"/>
          </a:xfrm>
        </p:spPr>
        <p:txBody>
          <a:bodyPr>
            <a:normAutofit/>
          </a:bodyPr>
          <a:lstStyle/>
          <a:p>
            <a:r>
              <a:rPr lang="en-US" sz="1600"/>
              <a:t>Epic Owner completes the description section</a:t>
            </a:r>
          </a:p>
          <a:p>
            <a:r>
              <a:rPr lang="en-US" sz="1600"/>
              <a:t>Epic Owner completes the value statement</a:t>
            </a:r>
          </a:p>
          <a:p>
            <a:r>
              <a:rPr lang="en-US" sz="1600"/>
              <a:t>Portfolio Team validates alignment to strategy</a:t>
            </a:r>
          </a:p>
          <a:p>
            <a:endParaRPr lang="en-US" sz="1600"/>
          </a:p>
        </p:txBody>
      </p:sp>
      <p:sp>
        <p:nvSpPr>
          <p:cNvPr id="5" name="Slide Number Placeholder 4">
            <a:extLst>
              <a:ext uri="{FF2B5EF4-FFF2-40B4-BE49-F238E27FC236}">
                <a16:creationId xmlns:a16="http://schemas.microsoft.com/office/drawing/2014/main" id="{5CA1589D-EE4C-0845-8CA2-644A7983A962}"/>
              </a:ext>
            </a:extLst>
          </p:cNvPr>
          <p:cNvSpPr>
            <a:spLocks noGrp="1"/>
          </p:cNvSpPr>
          <p:nvPr>
            <p:ph type="sldNum" sz="quarter" idx="4"/>
          </p:nvPr>
        </p:nvSpPr>
        <p:spPr/>
        <p:txBody>
          <a:bodyPr/>
          <a:lstStyle/>
          <a:p>
            <a:fld id="{742ED878-647B-DB4D-84DF-0BCCAF9DD0BF}" type="slidenum">
              <a:rPr lang="en-US" smtClean="0"/>
              <a:pPr/>
              <a:t>57</a:t>
            </a:fld>
            <a:endParaRPr lang="en-US" dirty="0"/>
          </a:p>
        </p:txBody>
      </p:sp>
    </p:spTree>
    <p:extLst>
      <p:ext uri="{BB962C8B-B14F-4D97-AF65-F5344CB8AC3E}">
        <p14:creationId xmlns:p14="http://schemas.microsoft.com/office/powerpoint/2010/main" val="23933076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8D71DFC-FC6A-C64E-A728-91A74556F7B7}"/>
              </a:ext>
            </a:extLst>
          </p:cNvPr>
          <p:cNvSpPr>
            <a:spLocks noGrp="1"/>
          </p:cNvSpPr>
          <p:nvPr>
            <p:ph type="ctrTitle"/>
          </p:nvPr>
        </p:nvSpPr>
        <p:spPr/>
        <p:txBody>
          <a:bodyPr/>
          <a:lstStyle/>
          <a:p>
            <a:r>
              <a:rPr lang="en-US" dirty="0"/>
              <a:t>Additional Resources</a:t>
            </a:r>
          </a:p>
        </p:txBody>
      </p:sp>
      <p:sp>
        <p:nvSpPr>
          <p:cNvPr id="5" name="Slide Number Placeholder 4">
            <a:extLst>
              <a:ext uri="{FF2B5EF4-FFF2-40B4-BE49-F238E27FC236}">
                <a16:creationId xmlns:a16="http://schemas.microsoft.com/office/drawing/2014/main" id="{2CF91354-5FC7-4548-9D1C-4E1220EA1AE2}"/>
              </a:ext>
            </a:extLst>
          </p:cNvPr>
          <p:cNvSpPr>
            <a:spLocks noGrp="1"/>
          </p:cNvSpPr>
          <p:nvPr>
            <p:ph type="sldNum" sz="quarter" idx="4"/>
          </p:nvPr>
        </p:nvSpPr>
        <p:spPr/>
        <p:txBody>
          <a:bodyPr/>
          <a:lstStyle/>
          <a:p>
            <a:fld id="{742ED878-647B-DB4D-84DF-0BCCAF9DD0BF}" type="slidenum">
              <a:rPr lang="en-US" smtClean="0"/>
              <a:pPr/>
              <a:t>58</a:t>
            </a:fld>
            <a:endParaRPr lang="en-US" dirty="0"/>
          </a:p>
        </p:txBody>
      </p:sp>
      <p:sp>
        <p:nvSpPr>
          <p:cNvPr id="2" name="Content Placeholder 1">
            <a:extLst>
              <a:ext uri="{FF2B5EF4-FFF2-40B4-BE49-F238E27FC236}">
                <a16:creationId xmlns:a16="http://schemas.microsoft.com/office/drawing/2014/main" id="{7E91BD24-8BB2-8848-89F8-32CEAEC4D06A}"/>
              </a:ext>
            </a:extLst>
          </p:cNvPr>
          <p:cNvSpPr>
            <a:spLocks noGrp="1"/>
          </p:cNvSpPr>
          <p:nvPr>
            <p:ph idx="4294967295"/>
          </p:nvPr>
        </p:nvSpPr>
        <p:spPr>
          <a:xfrm>
            <a:off x="2724150" y="1836738"/>
            <a:ext cx="9467850" cy="1700212"/>
          </a:xfrm>
        </p:spPr>
        <p:txBody>
          <a:bodyPr/>
          <a:lstStyle/>
          <a:p>
            <a:endParaRPr lang="en-US" dirty="0"/>
          </a:p>
          <a:p>
            <a:endParaRPr lang="en-US" dirty="0"/>
          </a:p>
        </p:txBody>
      </p:sp>
      <p:grpSp>
        <p:nvGrpSpPr>
          <p:cNvPr id="26" name="Group 25">
            <a:extLst>
              <a:ext uri="{FF2B5EF4-FFF2-40B4-BE49-F238E27FC236}">
                <a16:creationId xmlns:a16="http://schemas.microsoft.com/office/drawing/2014/main" id="{85B1553E-8627-5D45-A720-8BA17C003566}"/>
              </a:ext>
            </a:extLst>
          </p:cNvPr>
          <p:cNvGrpSpPr/>
          <p:nvPr/>
        </p:nvGrpSpPr>
        <p:grpSpPr>
          <a:xfrm>
            <a:off x="1700784" y="2218298"/>
            <a:ext cx="937092" cy="937092"/>
            <a:chOff x="1700784" y="2148603"/>
            <a:chExt cx="937092" cy="937092"/>
          </a:xfrm>
        </p:grpSpPr>
        <p:sp>
          <p:nvSpPr>
            <p:cNvPr id="25" name="Oval 24">
              <a:extLst>
                <a:ext uri="{FF2B5EF4-FFF2-40B4-BE49-F238E27FC236}">
                  <a16:creationId xmlns:a16="http://schemas.microsoft.com/office/drawing/2014/main" id="{C3F1DE61-7EDE-3646-B4F5-FF5222BFB3F4}"/>
                </a:ext>
              </a:extLst>
            </p:cNvPr>
            <p:cNvSpPr/>
            <p:nvPr/>
          </p:nvSpPr>
          <p:spPr>
            <a:xfrm>
              <a:off x="1700784" y="2148603"/>
              <a:ext cx="937092" cy="937092"/>
            </a:xfrm>
            <a:prstGeom prst="ellipse">
              <a:avLst/>
            </a:prstGeom>
            <a:solidFill>
              <a:schemeClr val="tx1">
                <a:lumMod val="10000"/>
                <a:lumOff val="90000"/>
              </a:schemeClr>
            </a:solidFill>
            <a:ln w="9525">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latin typeface="+mj-lt"/>
              </a:endParaRPr>
            </a:p>
          </p:txBody>
        </p:sp>
        <p:pic>
          <p:nvPicPr>
            <p:cNvPr id="22" name="Graphic 21">
              <a:extLst>
                <a:ext uri="{FF2B5EF4-FFF2-40B4-BE49-F238E27FC236}">
                  <a16:creationId xmlns:a16="http://schemas.microsoft.com/office/drawing/2014/main" id="{67E4DA42-79EC-DF48-8072-ED217062BE04}"/>
                </a:ext>
              </a:extLst>
            </p:cNvPr>
            <p:cNvPicPr>
              <a:picLocks noChangeAspect="1"/>
            </p:cNvPicPr>
            <p:nvPr/>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925182" y="2373001"/>
              <a:ext cx="486519" cy="486519"/>
            </a:xfrm>
            <a:prstGeom prst="rect">
              <a:avLst/>
            </a:prstGeom>
          </p:spPr>
        </p:pic>
      </p:grpSp>
      <p:sp>
        <p:nvSpPr>
          <p:cNvPr id="23" name="Rectangle 22">
            <a:extLst>
              <a:ext uri="{FF2B5EF4-FFF2-40B4-BE49-F238E27FC236}">
                <a16:creationId xmlns:a16="http://schemas.microsoft.com/office/drawing/2014/main" id="{8248F861-B156-5A46-AD95-022C618C3A65}"/>
              </a:ext>
            </a:extLst>
          </p:cNvPr>
          <p:cNvSpPr/>
          <p:nvPr/>
        </p:nvSpPr>
        <p:spPr>
          <a:xfrm>
            <a:off x="2862274" y="2485530"/>
            <a:ext cx="6090340" cy="923330"/>
          </a:xfrm>
          <a:prstGeom prst="rect">
            <a:avLst/>
          </a:prstGeom>
        </p:spPr>
        <p:txBody>
          <a:bodyPr wrap="square">
            <a:spAutoFit/>
          </a:bodyPr>
          <a:lstStyle/>
          <a:p>
            <a:r>
              <a:rPr lang="en-US" dirty="0"/>
              <a:t>Cost of Delay</a:t>
            </a:r>
            <a:br>
              <a:rPr lang="en-US" dirty="0"/>
            </a:br>
            <a:r>
              <a:rPr lang="en-US" dirty="0">
                <a:hlinkClick r:id="rId4"/>
              </a:rPr>
              <a:t>https://www.leadingagile.com/2017/06/cost-delay-project-management-2/</a:t>
            </a:r>
            <a:endParaRPr lang="en-US" dirty="0"/>
          </a:p>
        </p:txBody>
      </p:sp>
      <p:sp>
        <p:nvSpPr>
          <p:cNvPr id="24" name="Rectangle 23">
            <a:extLst>
              <a:ext uri="{FF2B5EF4-FFF2-40B4-BE49-F238E27FC236}">
                <a16:creationId xmlns:a16="http://schemas.microsoft.com/office/drawing/2014/main" id="{67E5EBFF-21E1-BC44-B014-961F7C89E3AD}"/>
              </a:ext>
            </a:extLst>
          </p:cNvPr>
          <p:cNvSpPr/>
          <p:nvPr/>
        </p:nvSpPr>
        <p:spPr>
          <a:xfrm>
            <a:off x="2862274" y="3957006"/>
            <a:ext cx="4835698" cy="923330"/>
          </a:xfrm>
          <a:prstGeom prst="rect">
            <a:avLst/>
          </a:prstGeom>
        </p:spPr>
        <p:txBody>
          <a:bodyPr wrap="square">
            <a:spAutoFit/>
          </a:bodyPr>
          <a:lstStyle/>
          <a:p>
            <a:r>
              <a:rPr lang="en-US" dirty="0"/>
              <a:t>Lean Portfolio Management Podcast</a:t>
            </a:r>
            <a:br>
              <a:rPr lang="en-US" dirty="0"/>
            </a:br>
            <a:r>
              <a:rPr lang="en-US" dirty="0">
                <a:hlinkClick r:id="rId5"/>
              </a:rPr>
              <a:t>https://www.leadingagile.com/podcast/lean-portfolio-management-w-tina-wang/</a:t>
            </a:r>
            <a:endParaRPr lang="en-US" dirty="0"/>
          </a:p>
        </p:txBody>
      </p:sp>
    </p:spTree>
    <p:extLst>
      <p:ext uri="{BB962C8B-B14F-4D97-AF65-F5344CB8AC3E}">
        <p14:creationId xmlns:p14="http://schemas.microsoft.com/office/powerpoint/2010/main" val="309682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15A7AE5-BD98-CB46-AD96-7F5F18422F34}"/>
              </a:ext>
            </a:extLst>
          </p:cNvPr>
          <p:cNvSpPr>
            <a:spLocks noGrp="1"/>
          </p:cNvSpPr>
          <p:nvPr>
            <p:ph type="ctrTitle"/>
          </p:nvPr>
        </p:nvSpPr>
        <p:spPr/>
        <p:txBody>
          <a:bodyPr/>
          <a:lstStyle/>
          <a:p>
            <a:r>
              <a:rPr lang="en-US" dirty="0"/>
              <a:t>What Is An Agile World?</a:t>
            </a:r>
          </a:p>
        </p:txBody>
      </p:sp>
      <p:sp>
        <p:nvSpPr>
          <p:cNvPr id="3" name="Subtitle 2">
            <a:extLst>
              <a:ext uri="{FF2B5EF4-FFF2-40B4-BE49-F238E27FC236}">
                <a16:creationId xmlns:a16="http://schemas.microsoft.com/office/drawing/2014/main" id="{DBFB2E62-094A-3B4F-B9A7-C27A6F654066}"/>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20928682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4" name="Group 23">
            <a:extLst>
              <a:ext uri="{FF2B5EF4-FFF2-40B4-BE49-F238E27FC236}">
                <a16:creationId xmlns:a16="http://schemas.microsoft.com/office/drawing/2014/main" id="{7E112722-82F7-424E-BE83-E8D0DDAEE23C}"/>
              </a:ext>
            </a:extLst>
          </p:cNvPr>
          <p:cNvGrpSpPr/>
          <p:nvPr/>
        </p:nvGrpSpPr>
        <p:grpSpPr>
          <a:xfrm>
            <a:off x="7771478" y="2233433"/>
            <a:ext cx="1680606" cy="1752350"/>
            <a:chOff x="7771478" y="2210553"/>
            <a:chExt cx="1680606" cy="1752350"/>
          </a:xfrm>
        </p:grpSpPr>
        <p:sp>
          <p:nvSpPr>
            <p:cNvPr id="35" name="Graphic 4">
              <a:extLst>
                <a:ext uri="{FF2B5EF4-FFF2-40B4-BE49-F238E27FC236}">
                  <a16:creationId xmlns:a16="http://schemas.microsoft.com/office/drawing/2014/main" id="{59BE6E4F-9A7B-E149-9A4E-B58F0F91E955}"/>
                </a:ext>
              </a:extLst>
            </p:cNvPr>
            <p:cNvSpPr/>
            <p:nvPr/>
          </p:nvSpPr>
          <p:spPr>
            <a:xfrm>
              <a:off x="7771478" y="2210553"/>
              <a:ext cx="1680606" cy="1752350"/>
            </a:xfrm>
            <a:custGeom>
              <a:avLst/>
              <a:gdLst>
                <a:gd name="connsiteX0" fmla="*/ 826018 w 1680606"/>
                <a:gd name="connsiteY0" fmla="*/ 0 h 1752350"/>
                <a:gd name="connsiteX1" fmla="*/ 0 w 1680606"/>
                <a:gd name="connsiteY1" fmla="*/ 336502 h 1752350"/>
                <a:gd name="connsiteX2" fmla="*/ 0 w 1680606"/>
                <a:gd name="connsiteY2" fmla="*/ 1427912 h 1752350"/>
                <a:gd name="connsiteX3" fmla="*/ 826653 w 1680606"/>
                <a:gd name="connsiteY3" fmla="*/ 1752351 h 1752350"/>
                <a:gd name="connsiteX4" fmla="*/ 1680606 w 1680606"/>
                <a:gd name="connsiteY4" fmla="*/ 1416484 h 1752350"/>
                <a:gd name="connsiteX5" fmla="*/ 1680606 w 1680606"/>
                <a:gd name="connsiteY5" fmla="*/ 337137 h 1752350"/>
                <a:gd name="connsiteX6" fmla="*/ 826653 w 1680606"/>
                <a:gd name="connsiteY6" fmla="*/ 62221 h 1752350"/>
                <a:gd name="connsiteX7" fmla="*/ 1600861 w 1680606"/>
                <a:gd name="connsiteY7" fmla="*/ 367676 h 1752350"/>
                <a:gd name="connsiteX8" fmla="*/ 826653 w 1680606"/>
                <a:gd name="connsiteY8" fmla="*/ 664116 h 1752350"/>
                <a:gd name="connsiteX9" fmla="*/ 77776 w 1680606"/>
                <a:gd name="connsiteY9" fmla="*/ 367295 h 1752350"/>
                <a:gd name="connsiteX10" fmla="*/ 57777 w 1680606"/>
                <a:gd name="connsiteY10" fmla="*/ 422215 h 1752350"/>
                <a:gd name="connsiteX11" fmla="*/ 797447 w 1680606"/>
                <a:gd name="connsiteY11" fmla="*/ 715607 h 1752350"/>
                <a:gd name="connsiteX12" fmla="*/ 797447 w 1680606"/>
                <a:gd name="connsiteY12" fmla="*/ 1678701 h 1752350"/>
                <a:gd name="connsiteX13" fmla="*/ 57777 w 1680606"/>
                <a:gd name="connsiteY13" fmla="*/ 1388548 h 1752350"/>
                <a:gd name="connsiteX14" fmla="*/ 1622829 w 1680606"/>
                <a:gd name="connsiteY14" fmla="*/ 1377119 h 1752350"/>
                <a:gd name="connsiteX15" fmla="*/ 855223 w 1680606"/>
                <a:gd name="connsiteY15" fmla="*/ 1678892 h 1752350"/>
                <a:gd name="connsiteX16" fmla="*/ 855223 w 1680606"/>
                <a:gd name="connsiteY16" fmla="*/ 715797 h 1752350"/>
                <a:gd name="connsiteX17" fmla="*/ 1622829 w 1680606"/>
                <a:gd name="connsiteY17" fmla="*/ 421580 h 1752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680606" h="1752350">
                  <a:moveTo>
                    <a:pt x="826018" y="0"/>
                  </a:moveTo>
                  <a:lnTo>
                    <a:pt x="0" y="336502"/>
                  </a:lnTo>
                  <a:lnTo>
                    <a:pt x="0" y="1427912"/>
                  </a:lnTo>
                  <a:lnTo>
                    <a:pt x="826653" y="1752351"/>
                  </a:lnTo>
                  <a:lnTo>
                    <a:pt x="1680606" y="1416484"/>
                  </a:lnTo>
                  <a:lnTo>
                    <a:pt x="1680606" y="337137"/>
                  </a:lnTo>
                  <a:close/>
                  <a:moveTo>
                    <a:pt x="826653" y="62221"/>
                  </a:moveTo>
                  <a:lnTo>
                    <a:pt x="1600861" y="367676"/>
                  </a:lnTo>
                  <a:lnTo>
                    <a:pt x="826653" y="664116"/>
                  </a:lnTo>
                  <a:lnTo>
                    <a:pt x="77776" y="367295"/>
                  </a:lnTo>
                  <a:close/>
                  <a:moveTo>
                    <a:pt x="57777" y="422215"/>
                  </a:moveTo>
                  <a:lnTo>
                    <a:pt x="797447" y="715607"/>
                  </a:lnTo>
                  <a:lnTo>
                    <a:pt x="797447" y="1678701"/>
                  </a:lnTo>
                  <a:lnTo>
                    <a:pt x="57777" y="1388548"/>
                  </a:lnTo>
                  <a:close/>
                  <a:moveTo>
                    <a:pt x="1622829" y="1377119"/>
                  </a:moveTo>
                  <a:lnTo>
                    <a:pt x="855223" y="1678892"/>
                  </a:lnTo>
                  <a:lnTo>
                    <a:pt x="855223" y="715797"/>
                  </a:lnTo>
                  <a:lnTo>
                    <a:pt x="1622829" y="421580"/>
                  </a:lnTo>
                  <a:close/>
                </a:path>
              </a:pathLst>
            </a:custGeom>
            <a:solidFill>
              <a:schemeClr val="accent2"/>
            </a:solidFill>
            <a:ln w="6317" cap="flat">
              <a:noFill/>
              <a:prstDash val="solid"/>
              <a:miter/>
            </a:ln>
          </p:spPr>
          <p:txBody>
            <a:bodyPr rtlCol="0" anchor="ctr"/>
            <a:lstStyle/>
            <a:p>
              <a:endParaRPr lang="en-US"/>
            </a:p>
          </p:txBody>
        </p:sp>
        <p:sp>
          <p:nvSpPr>
            <p:cNvPr id="36" name="Graphic 4">
              <a:extLst>
                <a:ext uri="{FF2B5EF4-FFF2-40B4-BE49-F238E27FC236}">
                  <a16:creationId xmlns:a16="http://schemas.microsoft.com/office/drawing/2014/main" id="{41639983-8F58-E94D-BE25-3725DDA98401}"/>
                </a:ext>
              </a:extLst>
            </p:cNvPr>
            <p:cNvSpPr/>
            <p:nvPr/>
          </p:nvSpPr>
          <p:spPr>
            <a:xfrm>
              <a:off x="8457181" y="2434676"/>
              <a:ext cx="333327" cy="280630"/>
            </a:xfrm>
            <a:custGeom>
              <a:avLst/>
              <a:gdLst>
                <a:gd name="connsiteX0" fmla="*/ 107935 w 333327"/>
                <a:gd name="connsiteY0" fmla="*/ 280630 h 280630"/>
                <a:gd name="connsiteX1" fmla="*/ 0 w 333327"/>
                <a:gd name="connsiteY1" fmla="*/ 165711 h 280630"/>
                <a:gd name="connsiteX2" fmla="*/ 42539 w 333327"/>
                <a:gd name="connsiteY2" fmla="*/ 125712 h 280630"/>
                <a:gd name="connsiteX3" fmla="*/ 107935 w 333327"/>
                <a:gd name="connsiteY3" fmla="*/ 195552 h 280630"/>
                <a:gd name="connsiteX4" fmla="*/ 291424 w 333327"/>
                <a:gd name="connsiteY4" fmla="*/ 0 h 280630"/>
                <a:gd name="connsiteX5" fmla="*/ 333328 w 333327"/>
                <a:gd name="connsiteY5" fmla="*/ 39364 h 280630"/>
                <a:gd name="connsiteX6" fmla="*/ 107935 w 333327"/>
                <a:gd name="connsiteY6" fmla="*/ 280630 h 280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3327" h="280630">
                  <a:moveTo>
                    <a:pt x="107935" y="280630"/>
                  </a:moveTo>
                  <a:lnTo>
                    <a:pt x="0" y="165711"/>
                  </a:lnTo>
                  <a:lnTo>
                    <a:pt x="42539" y="125712"/>
                  </a:lnTo>
                  <a:lnTo>
                    <a:pt x="107935" y="195552"/>
                  </a:lnTo>
                  <a:lnTo>
                    <a:pt x="291424" y="0"/>
                  </a:lnTo>
                  <a:lnTo>
                    <a:pt x="333328" y="39364"/>
                  </a:lnTo>
                  <a:lnTo>
                    <a:pt x="107935" y="280630"/>
                  </a:lnTo>
                  <a:close/>
                </a:path>
              </a:pathLst>
            </a:custGeom>
            <a:solidFill>
              <a:schemeClr val="accent1"/>
            </a:solidFill>
            <a:ln w="6317" cap="flat">
              <a:noFill/>
              <a:prstDash val="solid"/>
              <a:miter/>
            </a:ln>
          </p:spPr>
          <p:txBody>
            <a:bodyPr rtlCol="0" anchor="ctr"/>
            <a:lstStyle/>
            <a:p>
              <a:endParaRPr lang="en-US"/>
            </a:p>
          </p:txBody>
        </p:sp>
      </p:grpSp>
      <p:grpSp>
        <p:nvGrpSpPr>
          <p:cNvPr id="37" name="Group 36">
            <a:extLst>
              <a:ext uri="{FF2B5EF4-FFF2-40B4-BE49-F238E27FC236}">
                <a16:creationId xmlns:a16="http://schemas.microsoft.com/office/drawing/2014/main" id="{46A3A41A-5125-6F49-9DFC-D678440DDA64}"/>
              </a:ext>
            </a:extLst>
          </p:cNvPr>
          <p:cNvGrpSpPr/>
          <p:nvPr/>
        </p:nvGrpSpPr>
        <p:grpSpPr>
          <a:xfrm>
            <a:off x="4806214" y="2219939"/>
            <a:ext cx="1732831" cy="1752985"/>
            <a:chOff x="5262125" y="2197059"/>
            <a:chExt cx="1732831" cy="1752985"/>
          </a:xfrm>
        </p:grpSpPr>
        <p:sp>
          <p:nvSpPr>
            <p:cNvPr id="38" name="Graphic 8">
              <a:extLst>
                <a:ext uri="{FF2B5EF4-FFF2-40B4-BE49-F238E27FC236}">
                  <a16:creationId xmlns:a16="http://schemas.microsoft.com/office/drawing/2014/main" id="{8036DBD7-09EF-D046-8AB5-B590FF8567B3}"/>
                </a:ext>
              </a:extLst>
            </p:cNvPr>
            <p:cNvSpPr/>
            <p:nvPr/>
          </p:nvSpPr>
          <p:spPr>
            <a:xfrm>
              <a:off x="6071480" y="2197059"/>
              <a:ext cx="113013" cy="113013"/>
            </a:xfrm>
            <a:custGeom>
              <a:avLst/>
              <a:gdLst>
                <a:gd name="connsiteX0" fmla="*/ 113014 w 113013"/>
                <a:gd name="connsiteY0" fmla="*/ 56507 h 113013"/>
                <a:gd name="connsiteX1" fmla="*/ 56507 w 113013"/>
                <a:gd name="connsiteY1" fmla="*/ 113014 h 113013"/>
                <a:gd name="connsiteX2" fmla="*/ 0 w 113013"/>
                <a:gd name="connsiteY2" fmla="*/ 56507 h 113013"/>
                <a:gd name="connsiteX3" fmla="*/ 56507 w 113013"/>
                <a:gd name="connsiteY3" fmla="*/ 0 h 113013"/>
                <a:gd name="connsiteX4" fmla="*/ 113014 w 113013"/>
                <a:gd name="connsiteY4" fmla="*/ 56507 h 1130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13" h="113013">
                  <a:moveTo>
                    <a:pt x="113014" y="56507"/>
                  </a:moveTo>
                  <a:cubicBezTo>
                    <a:pt x="113014" y="87715"/>
                    <a:pt x="87715" y="113014"/>
                    <a:pt x="56507" y="113014"/>
                  </a:cubicBezTo>
                  <a:cubicBezTo>
                    <a:pt x="25299" y="113014"/>
                    <a:pt x="0" y="87715"/>
                    <a:pt x="0" y="56507"/>
                  </a:cubicBezTo>
                  <a:cubicBezTo>
                    <a:pt x="0" y="25299"/>
                    <a:pt x="25299" y="0"/>
                    <a:pt x="56507" y="0"/>
                  </a:cubicBezTo>
                  <a:cubicBezTo>
                    <a:pt x="87715" y="0"/>
                    <a:pt x="113014" y="25299"/>
                    <a:pt x="113014" y="56507"/>
                  </a:cubicBezTo>
                  <a:close/>
                </a:path>
              </a:pathLst>
            </a:custGeom>
            <a:solidFill>
              <a:schemeClr val="accent1"/>
            </a:solidFill>
            <a:ln w="6317" cap="flat">
              <a:noFill/>
              <a:prstDash val="solid"/>
              <a:miter/>
            </a:ln>
          </p:spPr>
          <p:txBody>
            <a:bodyPr rtlCol="0" anchor="ctr"/>
            <a:lstStyle/>
            <a:p>
              <a:endParaRPr lang="en-US"/>
            </a:p>
          </p:txBody>
        </p:sp>
        <p:sp>
          <p:nvSpPr>
            <p:cNvPr id="39" name="Graphic 8">
              <a:extLst>
                <a:ext uri="{FF2B5EF4-FFF2-40B4-BE49-F238E27FC236}">
                  <a16:creationId xmlns:a16="http://schemas.microsoft.com/office/drawing/2014/main" id="{02385210-8311-6846-9F5F-7E0E127F7B6B}"/>
                </a:ext>
              </a:extLst>
            </p:cNvPr>
            <p:cNvSpPr/>
            <p:nvPr/>
          </p:nvSpPr>
          <p:spPr>
            <a:xfrm>
              <a:off x="5262125" y="2229414"/>
              <a:ext cx="1732831" cy="1720630"/>
            </a:xfrm>
            <a:custGeom>
              <a:avLst/>
              <a:gdLst>
                <a:gd name="connsiteX0" fmla="*/ 1013796 w 1732831"/>
                <a:gd name="connsiteY0" fmla="*/ 660 h 1720630"/>
                <a:gd name="connsiteX1" fmla="*/ 1012209 w 1732831"/>
                <a:gd name="connsiteY1" fmla="*/ 660 h 1720630"/>
                <a:gd name="connsiteX2" fmla="*/ 1008399 w 1732831"/>
                <a:gd name="connsiteY2" fmla="*/ 25 h 1720630"/>
                <a:gd name="connsiteX3" fmla="*/ 979803 w 1732831"/>
                <a:gd name="connsiteY3" fmla="*/ 28825 h 1720630"/>
                <a:gd name="connsiteX4" fmla="*/ 1001415 w 1732831"/>
                <a:gd name="connsiteY4" fmla="*/ 56532 h 1720630"/>
                <a:gd name="connsiteX5" fmla="*/ 1002050 w 1732831"/>
                <a:gd name="connsiteY5" fmla="*/ 56532 h 1720630"/>
                <a:gd name="connsiteX6" fmla="*/ 1004590 w 1732831"/>
                <a:gd name="connsiteY6" fmla="*/ 57167 h 1720630"/>
                <a:gd name="connsiteX7" fmla="*/ 1014114 w 1732831"/>
                <a:gd name="connsiteY7" fmla="*/ 58436 h 1720630"/>
                <a:gd name="connsiteX8" fmla="*/ 1661779 w 1732831"/>
                <a:gd name="connsiteY8" fmla="*/ 1002223 h 1720630"/>
                <a:gd name="connsiteX9" fmla="*/ 717992 w 1732831"/>
                <a:gd name="connsiteY9" fmla="*/ 1649888 h 1720630"/>
                <a:gd name="connsiteX10" fmla="*/ 56670 w 1732831"/>
                <a:gd name="connsiteY10" fmla="*/ 853978 h 1720630"/>
                <a:gd name="connsiteX11" fmla="*/ 718881 w 1732831"/>
                <a:gd name="connsiteY11" fmla="*/ 58436 h 1720630"/>
                <a:gd name="connsiteX12" fmla="*/ 728404 w 1732831"/>
                <a:gd name="connsiteY12" fmla="*/ 57167 h 1720630"/>
                <a:gd name="connsiteX13" fmla="*/ 732849 w 1732831"/>
                <a:gd name="connsiteY13" fmla="*/ 56532 h 1720630"/>
                <a:gd name="connsiteX14" fmla="*/ 733483 w 1732831"/>
                <a:gd name="connsiteY14" fmla="*/ 56532 h 1720630"/>
                <a:gd name="connsiteX15" fmla="*/ 754435 w 1732831"/>
                <a:gd name="connsiteY15" fmla="*/ 28596 h 1720630"/>
                <a:gd name="connsiteX16" fmla="*/ 726118 w 1732831"/>
                <a:gd name="connsiteY16" fmla="*/ 25 h 1720630"/>
                <a:gd name="connsiteX17" fmla="*/ 725865 w 1732831"/>
                <a:gd name="connsiteY17" fmla="*/ 25 h 1720630"/>
                <a:gd name="connsiteX18" fmla="*/ 721420 w 1732831"/>
                <a:gd name="connsiteY18" fmla="*/ 660 h 1720630"/>
                <a:gd name="connsiteX19" fmla="*/ 12328 w 1732831"/>
                <a:gd name="connsiteY19" fmla="*/ 999347 h 1720630"/>
                <a:gd name="connsiteX20" fmla="*/ 866814 w 1732831"/>
                <a:gd name="connsiteY20" fmla="*/ 1720630 h 1720630"/>
                <a:gd name="connsiteX21" fmla="*/ 1732831 w 1732831"/>
                <a:gd name="connsiteY21" fmla="*/ 853978 h 1720630"/>
                <a:gd name="connsiteX22" fmla="*/ 1013796 w 1732831"/>
                <a:gd name="connsiteY22" fmla="*/ 660 h 1720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732831" h="1720630">
                  <a:moveTo>
                    <a:pt x="1013796" y="660"/>
                  </a:moveTo>
                  <a:lnTo>
                    <a:pt x="1012209" y="660"/>
                  </a:lnTo>
                  <a:cubicBezTo>
                    <a:pt x="1010939" y="660"/>
                    <a:pt x="1009669" y="25"/>
                    <a:pt x="1008399" y="25"/>
                  </a:cubicBezTo>
                  <a:cubicBezTo>
                    <a:pt x="992552" y="81"/>
                    <a:pt x="979746" y="12976"/>
                    <a:pt x="979803" y="28825"/>
                  </a:cubicBezTo>
                  <a:cubicBezTo>
                    <a:pt x="979854" y="41906"/>
                    <a:pt x="988736" y="53301"/>
                    <a:pt x="1001415" y="56532"/>
                  </a:cubicBezTo>
                  <a:lnTo>
                    <a:pt x="1002050" y="56532"/>
                  </a:lnTo>
                  <a:cubicBezTo>
                    <a:pt x="1002685" y="56532"/>
                    <a:pt x="1003955" y="57167"/>
                    <a:pt x="1004590" y="57167"/>
                  </a:cubicBezTo>
                  <a:lnTo>
                    <a:pt x="1014114" y="58436"/>
                  </a:lnTo>
                  <a:cubicBezTo>
                    <a:pt x="1453579" y="140208"/>
                    <a:pt x="1743549" y="562756"/>
                    <a:pt x="1661779" y="1002223"/>
                  </a:cubicBezTo>
                  <a:cubicBezTo>
                    <a:pt x="1580009" y="1441689"/>
                    <a:pt x="1157457" y="1731658"/>
                    <a:pt x="717992" y="1649888"/>
                  </a:cubicBezTo>
                  <a:cubicBezTo>
                    <a:pt x="334594" y="1578550"/>
                    <a:pt x="56581" y="1243959"/>
                    <a:pt x="56670" y="853978"/>
                  </a:cubicBezTo>
                  <a:cubicBezTo>
                    <a:pt x="56670" y="457795"/>
                    <a:pt x="342379" y="128276"/>
                    <a:pt x="718881" y="58436"/>
                  </a:cubicBezTo>
                  <a:lnTo>
                    <a:pt x="728404" y="57167"/>
                  </a:lnTo>
                  <a:cubicBezTo>
                    <a:pt x="729674" y="57167"/>
                    <a:pt x="730944" y="56532"/>
                    <a:pt x="732849" y="56532"/>
                  </a:cubicBezTo>
                  <a:lnTo>
                    <a:pt x="733483" y="56532"/>
                  </a:lnTo>
                  <a:cubicBezTo>
                    <a:pt x="745966" y="53010"/>
                    <a:pt x="754550" y="41567"/>
                    <a:pt x="754435" y="28596"/>
                  </a:cubicBezTo>
                  <a:cubicBezTo>
                    <a:pt x="754505" y="12887"/>
                    <a:pt x="741826" y="95"/>
                    <a:pt x="726118" y="25"/>
                  </a:cubicBezTo>
                  <a:cubicBezTo>
                    <a:pt x="726036" y="24"/>
                    <a:pt x="725947" y="24"/>
                    <a:pt x="725865" y="25"/>
                  </a:cubicBezTo>
                  <a:cubicBezTo>
                    <a:pt x="724353" y="-78"/>
                    <a:pt x="722842" y="139"/>
                    <a:pt x="721420" y="660"/>
                  </a:cubicBezTo>
                  <a:cubicBezTo>
                    <a:pt x="249829" y="80630"/>
                    <a:pt x="-67642" y="527758"/>
                    <a:pt x="12328" y="999347"/>
                  </a:cubicBezTo>
                  <a:cubicBezTo>
                    <a:pt x="82994" y="1416070"/>
                    <a:pt x="444141" y="1720922"/>
                    <a:pt x="866814" y="1720630"/>
                  </a:cubicBezTo>
                  <a:cubicBezTo>
                    <a:pt x="1344901" y="1720630"/>
                    <a:pt x="1732831" y="1331430"/>
                    <a:pt x="1732831" y="853978"/>
                  </a:cubicBezTo>
                  <a:cubicBezTo>
                    <a:pt x="1732349" y="432605"/>
                    <a:pt x="1428983" y="72585"/>
                    <a:pt x="1013796" y="660"/>
                  </a:cubicBezTo>
                  <a:close/>
                </a:path>
              </a:pathLst>
            </a:custGeom>
            <a:solidFill>
              <a:schemeClr val="accent2"/>
            </a:solidFill>
            <a:ln w="6317" cap="flat">
              <a:noFill/>
              <a:prstDash val="solid"/>
              <a:miter/>
            </a:ln>
          </p:spPr>
          <p:txBody>
            <a:bodyPr rtlCol="0" anchor="ctr"/>
            <a:lstStyle/>
            <a:p>
              <a:endParaRPr lang="en-US"/>
            </a:p>
          </p:txBody>
        </p:sp>
        <p:sp>
          <p:nvSpPr>
            <p:cNvPr id="40" name="Graphic 8">
              <a:extLst>
                <a:ext uri="{FF2B5EF4-FFF2-40B4-BE49-F238E27FC236}">
                  <a16:creationId xmlns:a16="http://schemas.microsoft.com/office/drawing/2014/main" id="{6B15ADE4-3AB6-064B-90E3-FDA3D7859881}"/>
                </a:ext>
              </a:extLst>
            </p:cNvPr>
            <p:cNvSpPr/>
            <p:nvPr/>
          </p:nvSpPr>
          <p:spPr>
            <a:xfrm>
              <a:off x="5503871" y="2466578"/>
              <a:ext cx="1246962" cy="1246861"/>
            </a:xfrm>
            <a:custGeom>
              <a:avLst/>
              <a:gdLst>
                <a:gd name="connsiteX0" fmla="*/ 0 w 1246962"/>
                <a:gd name="connsiteY0" fmla="*/ 623164 h 1246861"/>
                <a:gd name="connsiteX1" fmla="*/ 623266 w 1246962"/>
                <a:gd name="connsiteY1" fmla="*/ 1246861 h 1246861"/>
                <a:gd name="connsiteX2" fmla="*/ 1246963 w 1246962"/>
                <a:gd name="connsiteY2" fmla="*/ 623589 h 1246861"/>
                <a:gd name="connsiteX3" fmla="*/ 988745 w 1246962"/>
                <a:gd name="connsiteY3" fmla="*/ 118093 h 1246861"/>
                <a:gd name="connsiteX4" fmla="*/ 1030776 w 1246962"/>
                <a:gd name="connsiteY4" fmla="*/ 61269 h 1246861"/>
                <a:gd name="connsiteX5" fmla="*/ 883159 w 1246962"/>
                <a:gd name="connsiteY5" fmla="*/ 79999 h 1246861"/>
                <a:gd name="connsiteX6" fmla="*/ 908556 w 1246962"/>
                <a:gd name="connsiteY6" fmla="*/ 227298 h 1246861"/>
                <a:gd name="connsiteX7" fmla="*/ 963158 w 1246962"/>
                <a:gd name="connsiteY7" fmla="*/ 153077 h 1246861"/>
                <a:gd name="connsiteX8" fmla="*/ 954904 w 1246962"/>
                <a:gd name="connsiteY8" fmla="*/ 164442 h 1246861"/>
                <a:gd name="connsiteX9" fmla="*/ 1081016 w 1246962"/>
                <a:gd name="connsiteY9" fmla="*/ 954377 h 1246861"/>
                <a:gd name="connsiteX10" fmla="*/ 291080 w 1246962"/>
                <a:gd name="connsiteY10" fmla="*/ 1080483 h 1246861"/>
                <a:gd name="connsiteX11" fmla="*/ 164970 w 1246962"/>
                <a:gd name="connsiteY11" fmla="*/ 290552 h 1246861"/>
                <a:gd name="connsiteX12" fmla="*/ 624434 w 1246962"/>
                <a:gd name="connsiteY12" fmla="*/ 56824 h 1246861"/>
                <a:gd name="connsiteX13" fmla="*/ 639037 w 1246962"/>
                <a:gd name="connsiteY13" fmla="*/ 57459 h 1246861"/>
                <a:gd name="connsiteX14" fmla="*/ 668877 w 1246962"/>
                <a:gd name="connsiteY14" fmla="*/ 29206 h 1246861"/>
                <a:gd name="connsiteX15" fmla="*/ 640941 w 1246962"/>
                <a:gd name="connsiteY15" fmla="*/ 635 h 1246861"/>
                <a:gd name="connsiteX16" fmla="*/ 638402 w 1246962"/>
                <a:gd name="connsiteY16" fmla="*/ 635 h 1246861"/>
                <a:gd name="connsiteX17" fmla="*/ 623799 w 1246962"/>
                <a:gd name="connsiteY17" fmla="*/ 0 h 1246861"/>
                <a:gd name="connsiteX18" fmla="*/ 0 w 1246962"/>
                <a:gd name="connsiteY18" fmla="*/ 623164 h 1246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46962" h="1246861">
                  <a:moveTo>
                    <a:pt x="0" y="623164"/>
                  </a:moveTo>
                  <a:cubicBezTo>
                    <a:pt x="-117" y="967501"/>
                    <a:pt x="278929" y="1246741"/>
                    <a:pt x="623266" y="1246861"/>
                  </a:cubicBezTo>
                  <a:cubicBezTo>
                    <a:pt x="967609" y="1246975"/>
                    <a:pt x="1246842" y="967926"/>
                    <a:pt x="1246963" y="623589"/>
                  </a:cubicBezTo>
                  <a:cubicBezTo>
                    <a:pt x="1247033" y="423409"/>
                    <a:pt x="1150977" y="235369"/>
                    <a:pt x="988745" y="118093"/>
                  </a:cubicBezTo>
                  <a:lnTo>
                    <a:pt x="1030776" y="61269"/>
                  </a:lnTo>
                  <a:lnTo>
                    <a:pt x="883159" y="79999"/>
                  </a:lnTo>
                  <a:lnTo>
                    <a:pt x="908556" y="227298"/>
                  </a:lnTo>
                  <a:lnTo>
                    <a:pt x="963158" y="153077"/>
                  </a:lnTo>
                  <a:lnTo>
                    <a:pt x="954904" y="164442"/>
                  </a:lnTo>
                  <a:cubicBezTo>
                    <a:pt x="1207865" y="347753"/>
                    <a:pt x="1264321" y="701417"/>
                    <a:pt x="1081016" y="954377"/>
                  </a:cubicBezTo>
                  <a:cubicBezTo>
                    <a:pt x="897705" y="1207332"/>
                    <a:pt x="544041" y="1263794"/>
                    <a:pt x="291080" y="1080483"/>
                  </a:cubicBezTo>
                  <a:cubicBezTo>
                    <a:pt x="38121" y="897178"/>
                    <a:pt x="-18340" y="543508"/>
                    <a:pt x="164970" y="290552"/>
                  </a:cubicBezTo>
                  <a:cubicBezTo>
                    <a:pt x="271659" y="143326"/>
                    <a:pt x="442615" y="56361"/>
                    <a:pt x="624434" y="56824"/>
                  </a:cubicBezTo>
                  <a:cubicBezTo>
                    <a:pt x="629310" y="56706"/>
                    <a:pt x="634186" y="56918"/>
                    <a:pt x="639037" y="57459"/>
                  </a:cubicBezTo>
                  <a:cubicBezTo>
                    <a:pt x="655062" y="57851"/>
                    <a:pt x="668395" y="45228"/>
                    <a:pt x="668877" y="29206"/>
                  </a:cubicBezTo>
                  <a:cubicBezTo>
                    <a:pt x="668344" y="13895"/>
                    <a:pt x="656236" y="1511"/>
                    <a:pt x="640941" y="635"/>
                  </a:cubicBezTo>
                  <a:lnTo>
                    <a:pt x="638402" y="635"/>
                  </a:lnTo>
                  <a:cubicBezTo>
                    <a:pt x="633322" y="635"/>
                    <a:pt x="628878" y="0"/>
                    <a:pt x="623799" y="0"/>
                  </a:cubicBezTo>
                  <a:cubicBezTo>
                    <a:pt x="279619" y="210"/>
                    <a:pt x="560" y="278984"/>
                    <a:pt x="0" y="623164"/>
                  </a:cubicBezTo>
                  <a:close/>
                </a:path>
              </a:pathLst>
            </a:custGeom>
            <a:solidFill>
              <a:schemeClr val="accent2"/>
            </a:solidFill>
            <a:ln w="6317" cap="flat">
              <a:noFill/>
              <a:prstDash val="solid"/>
              <a:miter/>
            </a:ln>
          </p:spPr>
          <p:txBody>
            <a:bodyPr rtlCol="0" anchor="ctr"/>
            <a:lstStyle/>
            <a:p>
              <a:endParaRPr lang="en-US"/>
            </a:p>
          </p:txBody>
        </p:sp>
        <p:sp>
          <p:nvSpPr>
            <p:cNvPr id="41" name="Graphic 8">
              <a:extLst>
                <a:ext uri="{FF2B5EF4-FFF2-40B4-BE49-F238E27FC236}">
                  <a16:creationId xmlns:a16="http://schemas.microsoft.com/office/drawing/2014/main" id="{435FCFB3-EAF3-B04B-B575-060E04230E1F}"/>
                </a:ext>
              </a:extLst>
            </p:cNvPr>
            <p:cNvSpPr/>
            <p:nvPr/>
          </p:nvSpPr>
          <p:spPr>
            <a:xfrm>
              <a:off x="5724502" y="2747525"/>
              <a:ext cx="746018" cy="684432"/>
            </a:xfrm>
            <a:custGeom>
              <a:avLst/>
              <a:gdLst>
                <a:gd name="connsiteX0" fmla="*/ 403803 w 746018"/>
                <a:gd name="connsiteY0" fmla="*/ 684433 h 684432"/>
                <a:gd name="connsiteX1" fmla="*/ 746019 w 746018"/>
                <a:gd name="connsiteY1" fmla="*/ 342217 h 684432"/>
                <a:gd name="connsiteX2" fmla="*/ 403803 w 746018"/>
                <a:gd name="connsiteY2" fmla="*/ 0 h 684432"/>
                <a:gd name="connsiteX3" fmla="*/ 216504 w 746018"/>
                <a:gd name="connsiteY3" fmla="*/ 56507 h 684432"/>
                <a:gd name="connsiteX4" fmla="*/ 203171 w 746018"/>
                <a:gd name="connsiteY4" fmla="*/ 80634 h 684432"/>
                <a:gd name="connsiteX5" fmla="*/ 231488 w 746018"/>
                <a:gd name="connsiteY5" fmla="*/ 109205 h 684432"/>
                <a:gd name="connsiteX6" fmla="*/ 231742 w 746018"/>
                <a:gd name="connsiteY6" fmla="*/ 109205 h 684432"/>
                <a:gd name="connsiteX7" fmla="*/ 247615 w 746018"/>
                <a:gd name="connsiteY7" fmla="*/ 104125 h 684432"/>
                <a:gd name="connsiteX8" fmla="*/ 403803 w 746018"/>
                <a:gd name="connsiteY8" fmla="*/ 57142 h 684432"/>
                <a:gd name="connsiteX9" fmla="*/ 688585 w 746018"/>
                <a:gd name="connsiteY9" fmla="*/ 342509 h 684432"/>
                <a:gd name="connsiteX10" fmla="*/ 403225 w 746018"/>
                <a:gd name="connsiteY10" fmla="*/ 627291 h 684432"/>
                <a:gd name="connsiteX11" fmla="*/ 124823 w 746018"/>
                <a:gd name="connsiteY11" fmla="*/ 402216 h 684432"/>
                <a:gd name="connsiteX12" fmla="*/ 201012 w 746018"/>
                <a:gd name="connsiteY12" fmla="*/ 386597 h 684432"/>
                <a:gd name="connsiteX13" fmla="*/ 79999 w 746018"/>
                <a:gd name="connsiteY13" fmla="*/ 301582 h 684432"/>
                <a:gd name="connsiteX14" fmla="*/ 0 w 746018"/>
                <a:gd name="connsiteY14" fmla="*/ 427929 h 684432"/>
                <a:gd name="connsiteX15" fmla="*/ 89649 w 746018"/>
                <a:gd name="connsiteY15" fmla="*/ 409517 h 684432"/>
                <a:gd name="connsiteX16" fmla="*/ 69205 w 746018"/>
                <a:gd name="connsiteY16" fmla="*/ 413961 h 684432"/>
                <a:gd name="connsiteX17" fmla="*/ 403803 w 746018"/>
                <a:gd name="connsiteY17" fmla="*/ 684433 h 684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46018" h="684432">
                  <a:moveTo>
                    <a:pt x="403803" y="684433"/>
                  </a:moveTo>
                  <a:cubicBezTo>
                    <a:pt x="592803" y="684433"/>
                    <a:pt x="746019" y="531216"/>
                    <a:pt x="746019" y="342217"/>
                  </a:cubicBezTo>
                  <a:cubicBezTo>
                    <a:pt x="746019" y="153217"/>
                    <a:pt x="592803" y="0"/>
                    <a:pt x="403803" y="0"/>
                  </a:cubicBezTo>
                  <a:cubicBezTo>
                    <a:pt x="337162" y="-72"/>
                    <a:pt x="271989" y="19590"/>
                    <a:pt x="216504" y="56507"/>
                  </a:cubicBezTo>
                  <a:cubicBezTo>
                    <a:pt x="208339" y="61847"/>
                    <a:pt x="203349" y="70882"/>
                    <a:pt x="203171" y="80634"/>
                  </a:cubicBezTo>
                  <a:cubicBezTo>
                    <a:pt x="203101" y="96341"/>
                    <a:pt x="215780" y="109135"/>
                    <a:pt x="231488" y="109205"/>
                  </a:cubicBezTo>
                  <a:cubicBezTo>
                    <a:pt x="231571" y="109205"/>
                    <a:pt x="231660" y="109205"/>
                    <a:pt x="231742" y="109205"/>
                  </a:cubicBezTo>
                  <a:cubicBezTo>
                    <a:pt x="237431" y="109173"/>
                    <a:pt x="242967" y="107402"/>
                    <a:pt x="247615" y="104125"/>
                  </a:cubicBezTo>
                  <a:cubicBezTo>
                    <a:pt x="293887" y="73370"/>
                    <a:pt x="348242" y="57021"/>
                    <a:pt x="403803" y="57142"/>
                  </a:cubicBezTo>
                  <a:cubicBezTo>
                    <a:pt x="561248" y="57301"/>
                    <a:pt x="688750" y="185064"/>
                    <a:pt x="688585" y="342509"/>
                  </a:cubicBezTo>
                  <a:cubicBezTo>
                    <a:pt x="688426" y="499947"/>
                    <a:pt x="560663" y="627450"/>
                    <a:pt x="403225" y="627291"/>
                  </a:cubicBezTo>
                  <a:cubicBezTo>
                    <a:pt x="269011" y="627151"/>
                    <a:pt x="153070" y="533420"/>
                    <a:pt x="124823" y="402216"/>
                  </a:cubicBezTo>
                  <a:lnTo>
                    <a:pt x="201012" y="386597"/>
                  </a:lnTo>
                  <a:lnTo>
                    <a:pt x="79999" y="301582"/>
                  </a:lnTo>
                  <a:lnTo>
                    <a:pt x="0" y="427929"/>
                  </a:lnTo>
                  <a:lnTo>
                    <a:pt x="89649" y="409517"/>
                  </a:lnTo>
                  <a:lnTo>
                    <a:pt x="69205" y="413961"/>
                  </a:lnTo>
                  <a:cubicBezTo>
                    <a:pt x="103249" y="571590"/>
                    <a:pt x="242542" y="684185"/>
                    <a:pt x="403803" y="684433"/>
                  </a:cubicBezTo>
                  <a:close/>
                </a:path>
              </a:pathLst>
            </a:custGeom>
            <a:solidFill>
              <a:schemeClr val="accent2"/>
            </a:solidFill>
            <a:ln w="6317" cap="flat">
              <a:noFill/>
              <a:prstDash val="solid"/>
              <a:miter/>
            </a:ln>
          </p:spPr>
          <p:txBody>
            <a:bodyPr rtlCol="0" anchor="ctr"/>
            <a:lstStyle/>
            <a:p>
              <a:endParaRPr lang="en-US"/>
            </a:p>
          </p:txBody>
        </p:sp>
      </p:grpSp>
      <p:sp>
        <p:nvSpPr>
          <p:cNvPr id="5" name="Title 4"/>
          <p:cNvSpPr>
            <a:spLocks noGrp="1"/>
          </p:cNvSpPr>
          <p:nvPr>
            <p:ph type="title"/>
          </p:nvPr>
        </p:nvSpPr>
        <p:spPr/>
        <p:txBody>
          <a:bodyPr/>
          <a:lstStyle/>
          <a:p>
            <a:r>
              <a:rPr lang="en-US"/>
              <a:t>What Do I Mean?    </a:t>
            </a:r>
          </a:p>
        </p:txBody>
      </p:sp>
      <p:sp>
        <p:nvSpPr>
          <p:cNvPr id="27" name="TextBox 26">
            <a:extLst>
              <a:ext uri="{FF2B5EF4-FFF2-40B4-BE49-F238E27FC236}">
                <a16:creationId xmlns:a16="http://schemas.microsoft.com/office/drawing/2014/main" id="{8C366B35-BEFD-734D-9965-BF7813B8F861}"/>
              </a:ext>
            </a:extLst>
          </p:cNvPr>
          <p:cNvSpPr txBox="1">
            <a:spLocks/>
          </p:cNvSpPr>
          <p:nvPr/>
        </p:nvSpPr>
        <p:spPr>
          <a:xfrm>
            <a:off x="1703350" y="4528148"/>
            <a:ext cx="2318932" cy="761747"/>
          </a:xfrm>
          <a:prstGeom prst="rect">
            <a:avLst/>
          </a:prstGeom>
          <a:noFill/>
        </p:spPr>
        <p:txBody>
          <a:bodyPr wrap="square" rtlCol="0">
            <a:spAutoFit/>
          </a:bodyPr>
          <a:lstStyle/>
          <a:p>
            <a:pPr marL="165735" indent="-137160">
              <a:spcAft>
                <a:spcPts val="900"/>
              </a:spcAft>
              <a:buClr>
                <a:schemeClr val="accent4">
                  <a:lumMod val="60000"/>
                  <a:lumOff val="40000"/>
                </a:schemeClr>
              </a:buClr>
              <a:buFont typeface="Arial" charset="0"/>
              <a:buChar char="•"/>
            </a:pPr>
            <a:r>
              <a:rPr lang="en-US" sz="1200" dirty="0">
                <a:solidFill>
                  <a:schemeClr val="accent4">
                    <a:lumMod val="50000"/>
                  </a:schemeClr>
                </a:solidFill>
              </a:rPr>
              <a:t>Defines capabilities to build</a:t>
            </a:r>
          </a:p>
          <a:p>
            <a:pPr marL="165735" indent="-137160">
              <a:spcAft>
                <a:spcPts val="900"/>
              </a:spcAft>
              <a:buClr>
                <a:schemeClr val="accent4">
                  <a:lumMod val="60000"/>
                  <a:lumOff val="40000"/>
                </a:schemeClr>
              </a:buClr>
              <a:buFont typeface="Arial" charset="0"/>
              <a:buChar char="•"/>
            </a:pPr>
            <a:r>
              <a:rPr lang="en-US" sz="1200" dirty="0">
                <a:solidFill>
                  <a:schemeClr val="accent4">
                    <a:lumMod val="50000"/>
                  </a:schemeClr>
                </a:solidFill>
              </a:rPr>
              <a:t>Small enough for the </a:t>
            </a:r>
            <a:r>
              <a:rPr lang="en-US" sz="1100" dirty="0">
                <a:solidFill>
                  <a:schemeClr val="accent4">
                    <a:lumMod val="50000"/>
                  </a:schemeClr>
                </a:solidFill>
              </a:rPr>
              <a:t>team</a:t>
            </a:r>
            <a:r>
              <a:rPr lang="en-US" sz="1200" dirty="0">
                <a:solidFill>
                  <a:schemeClr val="accent4">
                    <a:lumMod val="50000"/>
                  </a:schemeClr>
                </a:solidFill>
              </a:rPr>
              <a:t> to develop in a day or so</a:t>
            </a:r>
          </a:p>
        </p:txBody>
      </p:sp>
      <p:sp>
        <p:nvSpPr>
          <p:cNvPr id="28" name="TextBox 27">
            <a:extLst>
              <a:ext uri="{FF2B5EF4-FFF2-40B4-BE49-F238E27FC236}">
                <a16:creationId xmlns:a16="http://schemas.microsoft.com/office/drawing/2014/main" id="{AF070ABA-229E-5D42-A06D-C78D2B17E05A}"/>
              </a:ext>
            </a:extLst>
          </p:cNvPr>
          <p:cNvSpPr txBox="1">
            <a:spLocks/>
          </p:cNvSpPr>
          <p:nvPr/>
        </p:nvSpPr>
        <p:spPr>
          <a:xfrm>
            <a:off x="4730454" y="4528147"/>
            <a:ext cx="2318932" cy="461665"/>
          </a:xfrm>
          <a:prstGeom prst="rect">
            <a:avLst/>
          </a:prstGeom>
          <a:noFill/>
        </p:spPr>
        <p:txBody>
          <a:bodyPr wrap="square" rtlCol="0">
            <a:spAutoFit/>
          </a:bodyPr>
          <a:lstStyle/>
          <a:p>
            <a:pPr marL="165735" indent="-137160">
              <a:spcAft>
                <a:spcPts val="900"/>
              </a:spcAft>
              <a:buClr>
                <a:schemeClr val="accent4">
                  <a:lumMod val="60000"/>
                  <a:lumOff val="40000"/>
                </a:schemeClr>
              </a:buClr>
              <a:buFont typeface="Arial" charset="0"/>
              <a:buChar char="•"/>
            </a:pPr>
            <a:r>
              <a:rPr lang="en-US" sz="1200" dirty="0">
                <a:solidFill>
                  <a:schemeClr val="accent4">
                    <a:lumMod val="50000"/>
                  </a:schemeClr>
                </a:solidFill>
              </a:rPr>
              <a:t>Everything and everyone necessary to deliver</a:t>
            </a:r>
          </a:p>
        </p:txBody>
      </p:sp>
      <p:sp>
        <p:nvSpPr>
          <p:cNvPr id="30" name="TextBox 29">
            <a:extLst>
              <a:ext uri="{FF2B5EF4-FFF2-40B4-BE49-F238E27FC236}">
                <a16:creationId xmlns:a16="http://schemas.microsoft.com/office/drawing/2014/main" id="{B4DAFA93-03DF-F941-9D48-E95ED57396E6}"/>
              </a:ext>
            </a:extLst>
          </p:cNvPr>
          <p:cNvSpPr txBox="1"/>
          <p:nvPr/>
        </p:nvSpPr>
        <p:spPr>
          <a:xfrm>
            <a:off x="7197986" y="4137718"/>
            <a:ext cx="3023700" cy="300082"/>
          </a:xfrm>
          <a:prstGeom prst="rect">
            <a:avLst/>
          </a:prstGeom>
          <a:noFill/>
        </p:spPr>
        <p:txBody>
          <a:bodyPr wrap="square" rtlCol="0" anchor="t">
            <a:spAutoFit/>
          </a:bodyPr>
          <a:lstStyle/>
          <a:p>
            <a:pPr algn="ctr"/>
            <a:r>
              <a:rPr lang="en-US" sz="1350" b="1" cap="all" spc="130" dirty="0">
                <a:solidFill>
                  <a:schemeClr val="accent2"/>
                </a:solidFill>
                <a:latin typeface="Brandon Grotesque Bold" panose="020B0503020203060202" pitchFamily="34" charset="77"/>
              </a:rPr>
              <a:t>WORKING TESTED product</a:t>
            </a:r>
          </a:p>
        </p:txBody>
      </p:sp>
      <p:sp>
        <p:nvSpPr>
          <p:cNvPr id="31" name="TextBox 30">
            <a:extLst>
              <a:ext uri="{FF2B5EF4-FFF2-40B4-BE49-F238E27FC236}">
                <a16:creationId xmlns:a16="http://schemas.microsoft.com/office/drawing/2014/main" id="{BE94CB52-C0D7-FB48-B665-6A605E15D4FB}"/>
              </a:ext>
            </a:extLst>
          </p:cNvPr>
          <p:cNvSpPr txBox="1"/>
          <p:nvPr/>
        </p:nvSpPr>
        <p:spPr>
          <a:xfrm>
            <a:off x="4785607" y="4137718"/>
            <a:ext cx="1885950" cy="300082"/>
          </a:xfrm>
          <a:prstGeom prst="rect">
            <a:avLst/>
          </a:prstGeom>
          <a:noFill/>
        </p:spPr>
        <p:txBody>
          <a:bodyPr wrap="square" rtlCol="0">
            <a:spAutoFit/>
          </a:bodyPr>
          <a:lstStyle/>
          <a:p>
            <a:pPr algn="ctr"/>
            <a:r>
              <a:rPr lang="en-US" sz="1350" b="1" cap="all" spc="130" dirty="0">
                <a:solidFill>
                  <a:schemeClr val="accent2"/>
                </a:solidFill>
                <a:latin typeface="Brandon Grotesque Bold" panose="020B0503020203060202" pitchFamily="34" charset="77"/>
              </a:rPr>
              <a:t>TEAMS</a:t>
            </a:r>
          </a:p>
        </p:txBody>
      </p:sp>
      <p:sp>
        <p:nvSpPr>
          <p:cNvPr id="32" name="TextBox 31">
            <a:extLst>
              <a:ext uri="{FF2B5EF4-FFF2-40B4-BE49-F238E27FC236}">
                <a16:creationId xmlns:a16="http://schemas.microsoft.com/office/drawing/2014/main" id="{932AB421-0989-404B-AFD2-078B2903880E}"/>
              </a:ext>
            </a:extLst>
          </p:cNvPr>
          <p:cNvSpPr txBox="1"/>
          <p:nvPr/>
        </p:nvSpPr>
        <p:spPr>
          <a:xfrm>
            <a:off x="1755846" y="4137718"/>
            <a:ext cx="1885950" cy="300082"/>
          </a:xfrm>
          <a:prstGeom prst="rect">
            <a:avLst/>
          </a:prstGeom>
          <a:noFill/>
        </p:spPr>
        <p:txBody>
          <a:bodyPr wrap="square" rtlCol="0">
            <a:spAutoFit/>
          </a:bodyPr>
          <a:lstStyle/>
          <a:p>
            <a:pPr algn="ctr"/>
            <a:r>
              <a:rPr lang="en-US" sz="1350" b="1" cap="all" spc="130" dirty="0">
                <a:solidFill>
                  <a:schemeClr val="accent2"/>
                </a:solidFill>
                <a:latin typeface="Brandon Grotesque Bold" panose="020B0503020203060202" pitchFamily="34" charset="77"/>
              </a:rPr>
              <a:t>BACKLOGS</a:t>
            </a:r>
          </a:p>
        </p:txBody>
      </p:sp>
      <p:sp>
        <p:nvSpPr>
          <p:cNvPr id="12" name="TextBox 11">
            <a:extLst>
              <a:ext uri="{FF2B5EF4-FFF2-40B4-BE49-F238E27FC236}">
                <a16:creationId xmlns:a16="http://schemas.microsoft.com/office/drawing/2014/main" id="{C7F0737E-EAE0-CC4A-8A97-A49648F24D69}"/>
              </a:ext>
            </a:extLst>
          </p:cNvPr>
          <p:cNvSpPr txBox="1"/>
          <p:nvPr/>
        </p:nvSpPr>
        <p:spPr>
          <a:xfrm>
            <a:off x="7652566" y="4528148"/>
            <a:ext cx="2318932" cy="1061829"/>
          </a:xfrm>
          <a:prstGeom prst="rect">
            <a:avLst/>
          </a:prstGeom>
          <a:noFill/>
        </p:spPr>
        <p:txBody>
          <a:bodyPr wrap="square" rtlCol="0">
            <a:spAutoFit/>
          </a:bodyPr>
          <a:lstStyle>
            <a:defPPr>
              <a:defRPr lang="en-US"/>
            </a:defPPr>
            <a:lvl1pPr marL="257175" indent="-228600">
              <a:spcAft>
                <a:spcPts val="900"/>
              </a:spcAft>
              <a:buClr>
                <a:schemeClr val="accent4">
                  <a:lumMod val="60000"/>
                  <a:lumOff val="40000"/>
                </a:schemeClr>
              </a:buClr>
              <a:buFont typeface="Arial" charset="0"/>
              <a:buChar char="•"/>
              <a:defRPr sz="1400">
                <a:solidFill>
                  <a:schemeClr val="accent4">
                    <a:lumMod val="60000"/>
                    <a:lumOff val="40000"/>
                  </a:schemeClr>
                </a:solidFill>
              </a:defRPr>
            </a:lvl1pPr>
          </a:lstStyle>
          <a:p>
            <a:pPr marL="165735" indent="-137160"/>
            <a:r>
              <a:rPr lang="en-US" sz="1200" dirty="0">
                <a:solidFill>
                  <a:schemeClr val="accent4">
                    <a:lumMod val="50000"/>
                  </a:schemeClr>
                </a:solidFill>
              </a:rPr>
              <a:t>Meets acceptance criteria</a:t>
            </a:r>
          </a:p>
          <a:p>
            <a:pPr marL="165735" indent="-137160"/>
            <a:r>
              <a:rPr lang="en-US" sz="1200" dirty="0">
                <a:solidFill>
                  <a:schemeClr val="accent4">
                    <a:lumMod val="50000"/>
                  </a:schemeClr>
                </a:solidFill>
              </a:rPr>
              <a:t>No known defects</a:t>
            </a:r>
          </a:p>
          <a:p>
            <a:pPr marL="165735" indent="-137160"/>
            <a:r>
              <a:rPr lang="en-US" sz="1200" dirty="0">
                <a:solidFill>
                  <a:schemeClr val="accent4">
                    <a:lumMod val="50000"/>
                  </a:schemeClr>
                </a:solidFill>
              </a:rPr>
              <a:t>No unplanned technical debt</a:t>
            </a:r>
          </a:p>
        </p:txBody>
      </p:sp>
      <p:grpSp>
        <p:nvGrpSpPr>
          <p:cNvPr id="18" name="Group 17">
            <a:extLst>
              <a:ext uri="{FF2B5EF4-FFF2-40B4-BE49-F238E27FC236}">
                <a16:creationId xmlns:a16="http://schemas.microsoft.com/office/drawing/2014/main" id="{B9767D53-325F-0B4F-8E4E-7EB0727C2C8B}"/>
              </a:ext>
            </a:extLst>
          </p:cNvPr>
          <p:cNvGrpSpPr/>
          <p:nvPr/>
        </p:nvGrpSpPr>
        <p:grpSpPr>
          <a:xfrm>
            <a:off x="1871588" y="2246108"/>
            <a:ext cx="1702193" cy="1681241"/>
            <a:chOff x="2878032" y="2246108"/>
            <a:chExt cx="1702193" cy="1681241"/>
          </a:xfrm>
        </p:grpSpPr>
        <p:sp>
          <p:nvSpPr>
            <p:cNvPr id="19" name="Graphic 6">
              <a:extLst>
                <a:ext uri="{FF2B5EF4-FFF2-40B4-BE49-F238E27FC236}">
                  <a16:creationId xmlns:a16="http://schemas.microsoft.com/office/drawing/2014/main" id="{D405F3D8-D347-C942-814A-738CEF9201F5}"/>
                </a:ext>
              </a:extLst>
            </p:cNvPr>
            <p:cNvSpPr/>
            <p:nvPr/>
          </p:nvSpPr>
          <p:spPr>
            <a:xfrm>
              <a:off x="3176123" y="2534992"/>
              <a:ext cx="197456" cy="177774"/>
            </a:xfrm>
            <a:custGeom>
              <a:avLst/>
              <a:gdLst>
                <a:gd name="connsiteX0" fmla="*/ 66666 w 197456"/>
                <a:gd name="connsiteY0" fmla="*/ 177775 h 177774"/>
                <a:gd name="connsiteX1" fmla="*/ 0 w 197456"/>
                <a:gd name="connsiteY1" fmla="*/ 106030 h 177774"/>
                <a:gd name="connsiteX2" fmla="*/ 40634 w 197456"/>
                <a:gd name="connsiteY2" fmla="*/ 67935 h 177774"/>
                <a:gd name="connsiteX3" fmla="*/ 66666 w 197456"/>
                <a:gd name="connsiteY3" fmla="*/ 96506 h 177774"/>
                <a:gd name="connsiteX4" fmla="*/ 156823 w 197456"/>
                <a:gd name="connsiteY4" fmla="*/ 0 h 177774"/>
                <a:gd name="connsiteX5" fmla="*/ 197457 w 197456"/>
                <a:gd name="connsiteY5" fmla="*/ 38095 h 177774"/>
                <a:gd name="connsiteX6" fmla="*/ 66666 w 197456"/>
                <a:gd name="connsiteY6" fmla="*/ 177775 h 177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7456" h="177774">
                  <a:moveTo>
                    <a:pt x="66666" y="177775"/>
                  </a:moveTo>
                  <a:lnTo>
                    <a:pt x="0" y="106030"/>
                  </a:lnTo>
                  <a:lnTo>
                    <a:pt x="40634" y="67935"/>
                  </a:lnTo>
                  <a:lnTo>
                    <a:pt x="66666" y="96506"/>
                  </a:lnTo>
                  <a:lnTo>
                    <a:pt x="156823" y="0"/>
                  </a:lnTo>
                  <a:lnTo>
                    <a:pt x="197457" y="38095"/>
                  </a:lnTo>
                  <a:lnTo>
                    <a:pt x="66666" y="177775"/>
                  </a:lnTo>
                  <a:close/>
                </a:path>
              </a:pathLst>
            </a:custGeom>
            <a:solidFill>
              <a:schemeClr val="accent1"/>
            </a:solidFill>
            <a:ln w="6317" cap="flat">
              <a:noFill/>
              <a:prstDash val="solid"/>
              <a:miter/>
            </a:ln>
          </p:spPr>
          <p:txBody>
            <a:bodyPr rtlCol="0" anchor="ctr"/>
            <a:lstStyle/>
            <a:p>
              <a:endParaRPr lang="en-US"/>
            </a:p>
          </p:txBody>
        </p:sp>
        <p:sp>
          <p:nvSpPr>
            <p:cNvPr id="20" name="Graphic 6">
              <a:extLst>
                <a:ext uri="{FF2B5EF4-FFF2-40B4-BE49-F238E27FC236}">
                  <a16:creationId xmlns:a16="http://schemas.microsoft.com/office/drawing/2014/main" id="{37E9C4BD-94D0-F949-93AD-6A56F4C6FD20}"/>
                </a:ext>
              </a:extLst>
            </p:cNvPr>
            <p:cNvSpPr/>
            <p:nvPr/>
          </p:nvSpPr>
          <p:spPr>
            <a:xfrm>
              <a:off x="2878032" y="2246108"/>
              <a:ext cx="794272" cy="794272"/>
            </a:xfrm>
            <a:custGeom>
              <a:avLst/>
              <a:gdLst>
                <a:gd name="connsiteX0" fmla="*/ 0 w 794272"/>
                <a:gd name="connsiteY0" fmla="*/ 794272 h 794272"/>
                <a:gd name="connsiteX1" fmla="*/ 565705 w 794272"/>
                <a:gd name="connsiteY1" fmla="*/ 794272 h 794272"/>
                <a:gd name="connsiteX2" fmla="*/ 794272 w 794272"/>
                <a:gd name="connsiteY2" fmla="*/ 573324 h 794272"/>
                <a:gd name="connsiteX3" fmla="*/ 794272 w 794272"/>
                <a:gd name="connsiteY3" fmla="*/ 0 h 794272"/>
                <a:gd name="connsiteX4" fmla="*/ 0 w 794272"/>
                <a:gd name="connsiteY4" fmla="*/ 0 h 794272"/>
                <a:gd name="connsiteX5" fmla="*/ 581895 w 794272"/>
                <a:gd name="connsiteY5" fmla="*/ 700940 h 794272"/>
                <a:gd name="connsiteX6" fmla="*/ 581895 w 794272"/>
                <a:gd name="connsiteY6" fmla="*/ 590466 h 794272"/>
                <a:gd name="connsiteX7" fmla="*/ 696559 w 794272"/>
                <a:gd name="connsiteY7" fmla="*/ 590466 h 794272"/>
                <a:gd name="connsiteX8" fmla="*/ 55555 w 794272"/>
                <a:gd name="connsiteY8" fmla="*/ 55872 h 794272"/>
                <a:gd name="connsiteX9" fmla="*/ 738717 w 794272"/>
                <a:gd name="connsiteY9" fmla="*/ 55872 h 794272"/>
                <a:gd name="connsiteX10" fmla="*/ 738717 w 794272"/>
                <a:gd name="connsiteY10" fmla="*/ 534594 h 794272"/>
                <a:gd name="connsiteX11" fmla="*/ 526023 w 794272"/>
                <a:gd name="connsiteY11" fmla="*/ 534594 h 794272"/>
                <a:gd name="connsiteX12" fmla="*/ 526023 w 794272"/>
                <a:gd name="connsiteY12" fmla="*/ 738400 h 794272"/>
                <a:gd name="connsiteX13" fmla="*/ 55555 w 794272"/>
                <a:gd name="connsiteY13" fmla="*/ 738400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794272"/>
                  </a:moveTo>
                  <a:lnTo>
                    <a:pt x="565705" y="794272"/>
                  </a:lnTo>
                  <a:lnTo>
                    <a:pt x="794272" y="573324"/>
                  </a:lnTo>
                  <a:lnTo>
                    <a:pt x="794272" y="0"/>
                  </a:lnTo>
                  <a:lnTo>
                    <a:pt x="0" y="0"/>
                  </a:lnTo>
                  <a:close/>
                  <a:moveTo>
                    <a:pt x="581895" y="700940"/>
                  </a:moveTo>
                  <a:lnTo>
                    <a:pt x="581895" y="590466"/>
                  </a:lnTo>
                  <a:lnTo>
                    <a:pt x="696559" y="590466"/>
                  </a:lnTo>
                  <a:close/>
                  <a:moveTo>
                    <a:pt x="55555" y="55872"/>
                  </a:moveTo>
                  <a:lnTo>
                    <a:pt x="738717" y="55872"/>
                  </a:lnTo>
                  <a:lnTo>
                    <a:pt x="738717" y="534594"/>
                  </a:lnTo>
                  <a:lnTo>
                    <a:pt x="526023" y="534594"/>
                  </a:lnTo>
                  <a:lnTo>
                    <a:pt x="526023" y="738400"/>
                  </a:lnTo>
                  <a:lnTo>
                    <a:pt x="55555" y="738400"/>
                  </a:lnTo>
                  <a:close/>
                </a:path>
              </a:pathLst>
            </a:custGeom>
            <a:solidFill>
              <a:schemeClr val="accent2"/>
            </a:solidFill>
            <a:ln w="6317" cap="flat">
              <a:noFill/>
              <a:prstDash val="solid"/>
              <a:miter/>
            </a:ln>
          </p:spPr>
          <p:txBody>
            <a:bodyPr rtlCol="0" anchor="ctr"/>
            <a:lstStyle/>
            <a:p>
              <a:endParaRPr lang="en-US"/>
            </a:p>
          </p:txBody>
        </p:sp>
        <p:sp>
          <p:nvSpPr>
            <p:cNvPr id="21" name="Graphic 6">
              <a:extLst>
                <a:ext uri="{FF2B5EF4-FFF2-40B4-BE49-F238E27FC236}">
                  <a16:creationId xmlns:a16="http://schemas.microsoft.com/office/drawing/2014/main" id="{F4098A23-F917-7948-BE2F-335455696D02}"/>
                </a:ext>
              </a:extLst>
            </p:cNvPr>
            <p:cNvSpPr/>
            <p:nvPr/>
          </p:nvSpPr>
          <p:spPr>
            <a:xfrm>
              <a:off x="3785953" y="2246108"/>
              <a:ext cx="794272" cy="794272"/>
            </a:xfrm>
            <a:custGeom>
              <a:avLst/>
              <a:gdLst>
                <a:gd name="connsiteX0" fmla="*/ 0 w 794272"/>
                <a:gd name="connsiteY0" fmla="*/ 0 h 794272"/>
                <a:gd name="connsiteX1" fmla="*/ 0 w 794272"/>
                <a:gd name="connsiteY1" fmla="*/ 794272 h 794272"/>
                <a:gd name="connsiteX2" fmla="*/ 565705 w 794272"/>
                <a:gd name="connsiteY2" fmla="*/ 794272 h 794272"/>
                <a:gd name="connsiteX3" fmla="*/ 794272 w 794272"/>
                <a:gd name="connsiteY3" fmla="*/ 573324 h 794272"/>
                <a:gd name="connsiteX4" fmla="*/ 794272 w 794272"/>
                <a:gd name="connsiteY4" fmla="*/ 0 h 794272"/>
                <a:gd name="connsiteX5" fmla="*/ 55872 w 794272"/>
                <a:gd name="connsiteY5" fmla="*/ 55872 h 794272"/>
                <a:gd name="connsiteX6" fmla="*/ 739035 w 794272"/>
                <a:gd name="connsiteY6" fmla="*/ 55872 h 794272"/>
                <a:gd name="connsiteX7" fmla="*/ 739035 w 794272"/>
                <a:gd name="connsiteY7" fmla="*/ 537134 h 794272"/>
                <a:gd name="connsiteX8" fmla="*/ 528880 w 794272"/>
                <a:gd name="connsiteY8" fmla="*/ 537134 h 794272"/>
                <a:gd name="connsiteX9" fmla="*/ 528880 w 794272"/>
                <a:gd name="connsiteY9" fmla="*/ 738400 h 794272"/>
                <a:gd name="connsiteX10" fmla="*/ 55872 w 794272"/>
                <a:gd name="connsiteY10" fmla="*/ 738400 h 794272"/>
                <a:gd name="connsiteX11" fmla="*/ 694591 w 794272"/>
                <a:gd name="connsiteY11" fmla="*/ 592371 h 794272"/>
                <a:gd name="connsiteX12" fmla="*/ 584117 w 794272"/>
                <a:gd name="connsiteY12" fmla="*/ 699226 h 794272"/>
                <a:gd name="connsiteX13" fmla="*/ 584117 w 794272"/>
                <a:gd name="connsiteY13" fmla="*/ 592371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0"/>
                  </a:moveTo>
                  <a:lnTo>
                    <a:pt x="0" y="794272"/>
                  </a:lnTo>
                  <a:lnTo>
                    <a:pt x="565705" y="794272"/>
                  </a:lnTo>
                  <a:lnTo>
                    <a:pt x="794272" y="573324"/>
                  </a:lnTo>
                  <a:lnTo>
                    <a:pt x="794272" y="0"/>
                  </a:lnTo>
                  <a:close/>
                  <a:moveTo>
                    <a:pt x="55872" y="55872"/>
                  </a:moveTo>
                  <a:lnTo>
                    <a:pt x="739035" y="55872"/>
                  </a:lnTo>
                  <a:lnTo>
                    <a:pt x="739035" y="537134"/>
                  </a:lnTo>
                  <a:lnTo>
                    <a:pt x="528880" y="537134"/>
                  </a:lnTo>
                  <a:lnTo>
                    <a:pt x="528880" y="738400"/>
                  </a:lnTo>
                  <a:lnTo>
                    <a:pt x="55872" y="738400"/>
                  </a:lnTo>
                  <a:close/>
                  <a:moveTo>
                    <a:pt x="694591" y="592371"/>
                  </a:moveTo>
                  <a:lnTo>
                    <a:pt x="584117" y="699226"/>
                  </a:lnTo>
                  <a:lnTo>
                    <a:pt x="584117" y="592371"/>
                  </a:lnTo>
                  <a:close/>
                </a:path>
              </a:pathLst>
            </a:custGeom>
            <a:solidFill>
              <a:schemeClr val="accent2"/>
            </a:solidFill>
            <a:ln w="6317" cap="flat">
              <a:noFill/>
              <a:prstDash val="solid"/>
              <a:miter/>
            </a:ln>
          </p:spPr>
          <p:txBody>
            <a:bodyPr rtlCol="0" anchor="ctr"/>
            <a:lstStyle/>
            <a:p>
              <a:endParaRPr lang="en-US"/>
            </a:p>
          </p:txBody>
        </p:sp>
        <p:sp>
          <p:nvSpPr>
            <p:cNvPr id="22" name="Graphic 6">
              <a:extLst>
                <a:ext uri="{FF2B5EF4-FFF2-40B4-BE49-F238E27FC236}">
                  <a16:creationId xmlns:a16="http://schemas.microsoft.com/office/drawing/2014/main" id="{9B87B8F6-AF05-CC46-9E48-C2DBD333EA44}"/>
                </a:ext>
              </a:extLst>
            </p:cNvPr>
            <p:cNvSpPr/>
            <p:nvPr/>
          </p:nvSpPr>
          <p:spPr>
            <a:xfrm>
              <a:off x="2878032" y="3133077"/>
              <a:ext cx="794272" cy="794272"/>
            </a:xfrm>
            <a:custGeom>
              <a:avLst/>
              <a:gdLst>
                <a:gd name="connsiteX0" fmla="*/ 0 w 794272"/>
                <a:gd name="connsiteY0" fmla="*/ 794272 h 794272"/>
                <a:gd name="connsiteX1" fmla="*/ 565705 w 794272"/>
                <a:gd name="connsiteY1" fmla="*/ 794272 h 794272"/>
                <a:gd name="connsiteX2" fmla="*/ 794272 w 794272"/>
                <a:gd name="connsiteY2" fmla="*/ 573324 h 794272"/>
                <a:gd name="connsiteX3" fmla="*/ 794272 w 794272"/>
                <a:gd name="connsiteY3" fmla="*/ 0 h 794272"/>
                <a:gd name="connsiteX4" fmla="*/ 0 w 794272"/>
                <a:gd name="connsiteY4" fmla="*/ 0 h 794272"/>
                <a:gd name="connsiteX5" fmla="*/ 582212 w 794272"/>
                <a:gd name="connsiteY5" fmla="*/ 701702 h 794272"/>
                <a:gd name="connsiteX6" fmla="*/ 582212 w 794272"/>
                <a:gd name="connsiteY6" fmla="*/ 588561 h 794272"/>
                <a:gd name="connsiteX7" fmla="*/ 699544 w 794272"/>
                <a:gd name="connsiteY7" fmla="*/ 588561 h 794272"/>
                <a:gd name="connsiteX8" fmla="*/ 55555 w 794272"/>
                <a:gd name="connsiteY8" fmla="*/ 56507 h 794272"/>
                <a:gd name="connsiteX9" fmla="*/ 738717 w 794272"/>
                <a:gd name="connsiteY9" fmla="*/ 56507 h 794272"/>
                <a:gd name="connsiteX10" fmla="*/ 738717 w 794272"/>
                <a:gd name="connsiteY10" fmla="*/ 532689 h 794272"/>
                <a:gd name="connsiteX11" fmla="*/ 526023 w 794272"/>
                <a:gd name="connsiteY11" fmla="*/ 532689 h 794272"/>
                <a:gd name="connsiteX12" fmla="*/ 526023 w 794272"/>
                <a:gd name="connsiteY12" fmla="*/ 739035 h 794272"/>
                <a:gd name="connsiteX13" fmla="*/ 55555 w 794272"/>
                <a:gd name="connsiteY13" fmla="*/ 739035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794272"/>
                  </a:moveTo>
                  <a:lnTo>
                    <a:pt x="565705" y="794272"/>
                  </a:lnTo>
                  <a:lnTo>
                    <a:pt x="794272" y="573324"/>
                  </a:lnTo>
                  <a:lnTo>
                    <a:pt x="794272" y="0"/>
                  </a:lnTo>
                  <a:lnTo>
                    <a:pt x="0" y="0"/>
                  </a:lnTo>
                  <a:close/>
                  <a:moveTo>
                    <a:pt x="582212" y="701702"/>
                  </a:moveTo>
                  <a:lnTo>
                    <a:pt x="582212" y="588561"/>
                  </a:lnTo>
                  <a:lnTo>
                    <a:pt x="699544" y="588561"/>
                  </a:lnTo>
                  <a:close/>
                  <a:moveTo>
                    <a:pt x="55555" y="56507"/>
                  </a:moveTo>
                  <a:lnTo>
                    <a:pt x="738717" y="56507"/>
                  </a:lnTo>
                  <a:lnTo>
                    <a:pt x="738717" y="532689"/>
                  </a:lnTo>
                  <a:lnTo>
                    <a:pt x="526023" y="532689"/>
                  </a:lnTo>
                  <a:lnTo>
                    <a:pt x="526023" y="739035"/>
                  </a:lnTo>
                  <a:lnTo>
                    <a:pt x="55555" y="739035"/>
                  </a:lnTo>
                  <a:close/>
                </a:path>
              </a:pathLst>
            </a:custGeom>
            <a:solidFill>
              <a:schemeClr val="accent2"/>
            </a:solidFill>
            <a:ln w="6317" cap="flat">
              <a:noFill/>
              <a:prstDash val="solid"/>
              <a:miter/>
            </a:ln>
          </p:spPr>
          <p:txBody>
            <a:bodyPr rtlCol="0" anchor="ctr"/>
            <a:lstStyle/>
            <a:p>
              <a:endParaRPr lang="en-US"/>
            </a:p>
          </p:txBody>
        </p:sp>
        <p:sp>
          <p:nvSpPr>
            <p:cNvPr id="23" name="Graphic 6">
              <a:extLst>
                <a:ext uri="{FF2B5EF4-FFF2-40B4-BE49-F238E27FC236}">
                  <a16:creationId xmlns:a16="http://schemas.microsoft.com/office/drawing/2014/main" id="{F603682B-5D0E-5245-8D6E-658AD7E5914E}"/>
                </a:ext>
              </a:extLst>
            </p:cNvPr>
            <p:cNvSpPr/>
            <p:nvPr/>
          </p:nvSpPr>
          <p:spPr>
            <a:xfrm>
              <a:off x="3785953" y="3133077"/>
              <a:ext cx="794272" cy="794272"/>
            </a:xfrm>
            <a:custGeom>
              <a:avLst/>
              <a:gdLst>
                <a:gd name="connsiteX0" fmla="*/ 0 w 794272"/>
                <a:gd name="connsiteY0" fmla="*/ 794272 h 794272"/>
                <a:gd name="connsiteX1" fmla="*/ 565705 w 794272"/>
                <a:gd name="connsiteY1" fmla="*/ 794272 h 794272"/>
                <a:gd name="connsiteX2" fmla="*/ 794272 w 794272"/>
                <a:gd name="connsiteY2" fmla="*/ 573324 h 794272"/>
                <a:gd name="connsiteX3" fmla="*/ 794272 w 794272"/>
                <a:gd name="connsiteY3" fmla="*/ 0 h 794272"/>
                <a:gd name="connsiteX4" fmla="*/ 0 w 794272"/>
                <a:gd name="connsiteY4" fmla="*/ 0 h 794272"/>
                <a:gd name="connsiteX5" fmla="*/ 584117 w 794272"/>
                <a:gd name="connsiteY5" fmla="*/ 699861 h 794272"/>
                <a:gd name="connsiteX6" fmla="*/ 584117 w 794272"/>
                <a:gd name="connsiteY6" fmla="*/ 590466 h 794272"/>
                <a:gd name="connsiteX7" fmla="*/ 697575 w 794272"/>
                <a:gd name="connsiteY7" fmla="*/ 590466 h 794272"/>
                <a:gd name="connsiteX8" fmla="*/ 55555 w 794272"/>
                <a:gd name="connsiteY8" fmla="*/ 56507 h 794272"/>
                <a:gd name="connsiteX9" fmla="*/ 738718 w 794272"/>
                <a:gd name="connsiteY9" fmla="*/ 56507 h 794272"/>
                <a:gd name="connsiteX10" fmla="*/ 738718 w 794272"/>
                <a:gd name="connsiteY10" fmla="*/ 535229 h 794272"/>
                <a:gd name="connsiteX11" fmla="*/ 528562 w 794272"/>
                <a:gd name="connsiteY11" fmla="*/ 535229 h 794272"/>
                <a:gd name="connsiteX12" fmla="*/ 528562 w 794272"/>
                <a:gd name="connsiteY12" fmla="*/ 739035 h 794272"/>
                <a:gd name="connsiteX13" fmla="*/ 55555 w 794272"/>
                <a:gd name="connsiteY13" fmla="*/ 739035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794272"/>
                  </a:moveTo>
                  <a:lnTo>
                    <a:pt x="565705" y="794272"/>
                  </a:lnTo>
                  <a:lnTo>
                    <a:pt x="794272" y="573324"/>
                  </a:lnTo>
                  <a:lnTo>
                    <a:pt x="794272" y="0"/>
                  </a:lnTo>
                  <a:lnTo>
                    <a:pt x="0" y="0"/>
                  </a:lnTo>
                  <a:close/>
                  <a:moveTo>
                    <a:pt x="584117" y="699861"/>
                  </a:moveTo>
                  <a:lnTo>
                    <a:pt x="584117" y="590466"/>
                  </a:lnTo>
                  <a:lnTo>
                    <a:pt x="697575" y="590466"/>
                  </a:lnTo>
                  <a:close/>
                  <a:moveTo>
                    <a:pt x="55555" y="56507"/>
                  </a:moveTo>
                  <a:lnTo>
                    <a:pt x="738718" y="56507"/>
                  </a:lnTo>
                  <a:lnTo>
                    <a:pt x="738718" y="535229"/>
                  </a:lnTo>
                  <a:lnTo>
                    <a:pt x="528562" y="535229"/>
                  </a:lnTo>
                  <a:lnTo>
                    <a:pt x="528562" y="739035"/>
                  </a:lnTo>
                  <a:lnTo>
                    <a:pt x="55555" y="739035"/>
                  </a:lnTo>
                  <a:close/>
                </a:path>
              </a:pathLst>
            </a:custGeom>
            <a:solidFill>
              <a:schemeClr val="accent2"/>
            </a:solidFill>
            <a:ln w="6317" cap="flat">
              <a:noFill/>
              <a:prstDash val="solid"/>
              <a:miter/>
            </a:ln>
          </p:spPr>
          <p:txBody>
            <a:bodyPr rtlCol="0" anchor="ctr"/>
            <a:lstStyle/>
            <a:p>
              <a:endParaRPr lang="en-US"/>
            </a:p>
          </p:txBody>
        </p:sp>
      </p:grpSp>
      <p:sp>
        <p:nvSpPr>
          <p:cNvPr id="3" name="Slide Number Placeholder 2">
            <a:extLst>
              <a:ext uri="{FF2B5EF4-FFF2-40B4-BE49-F238E27FC236}">
                <a16:creationId xmlns:a16="http://schemas.microsoft.com/office/drawing/2014/main" id="{AEE79B75-5BE6-784C-BD6C-5F76E6DF955D}"/>
              </a:ext>
            </a:extLst>
          </p:cNvPr>
          <p:cNvSpPr>
            <a:spLocks noGrp="1"/>
          </p:cNvSpPr>
          <p:nvPr>
            <p:ph type="sldNum" sz="quarter" idx="4"/>
          </p:nvPr>
        </p:nvSpPr>
        <p:spPr/>
        <p:txBody>
          <a:bodyPr/>
          <a:lstStyle/>
          <a:p>
            <a:fld id="{742ED878-647B-DB4D-84DF-0BCCAF9DD0BF}" type="slidenum">
              <a:rPr lang="en-US" smtClean="0"/>
              <a:pPr/>
              <a:t>7</a:t>
            </a:fld>
            <a:endParaRPr lang="en-US" dirty="0"/>
          </a:p>
        </p:txBody>
      </p:sp>
    </p:spTree>
    <p:custDataLst>
      <p:custData r:id="rId1"/>
      <p:custData r:id="rId2"/>
    </p:custDataLst>
    <p:extLst>
      <p:ext uri="{BB962C8B-B14F-4D97-AF65-F5344CB8AC3E}">
        <p14:creationId xmlns:p14="http://schemas.microsoft.com/office/powerpoint/2010/main" val="21175417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p:txBody>
          <a:bodyPr/>
          <a:lstStyle/>
          <a:p>
            <a:r>
              <a:rPr lang="en-US" dirty="0"/>
              <a:t>WHY ARE THEY IMPORTANT?</a:t>
            </a:r>
          </a:p>
        </p:txBody>
      </p:sp>
      <p:sp>
        <p:nvSpPr>
          <p:cNvPr id="27" name="TextBox 26">
            <a:extLst>
              <a:ext uri="{FF2B5EF4-FFF2-40B4-BE49-F238E27FC236}">
                <a16:creationId xmlns:a16="http://schemas.microsoft.com/office/drawing/2014/main" id="{8C366B35-BEFD-734D-9965-BF7813B8F861}"/>
              </a:ext>
            </a:extLst>
          </p:cNvPr>
          <p:cNvSpPr txBox="1"/>
          <p:nvPr/>
        </p:nvSpPr>
        <p:spPr>
          <a:xfrm>
            <a:off x="1703349" y="4528148"/>
            <a:ext cx="2283859" cy="946413"/>
          </a:xfrm>
          <a:prstGeom prst="rect">
            <a:avLst/>
          </a:prstGeom>
          <a:noFill/>
        </p:spPr>
        <p:txBody>
          <a:bodyPr wrap="square" rtlCol="0">
            <a:spAutoFit/>
          </a:bodyPr>
          <a:lstStyle/>
          <a:p>
            <a:pPr marL="165735" indent="-137160">
              <a:spcAft>
                <a:spcPts val="900"/>
              </a:spcAft>
              <a:buClr>
                <a:schemeClr val="accent4">
                  <a:lumMod val="60000"/>
                  <a:lumOff val="40000"/>
                </a:schemeClr>
              </a:buClr>
              <a:buFont typeface="Arial" charset="0"/>
              <a:buChar char="•"/>
            </a:pPr>
            <a:r>
              <a:rPr lang="en-US" sz="1200" dirty="0">
                <a:solidFill>
                  <a:schemeClr val="accent4">
                    <a:lumMod val="50000"/>
                  </a:schemeClr>
                </a:solidFill>
              </a:rPr>
              <a:t>People have clarity around what to build</a:t>
            </a:r>
          </a:p>
          <a:p>
            <a:pPr marL="165735" indent="-137160">
              <a:spcAft>
                <a:spcPts val="900"/>
              </a:spcAft>
              <a:buClr>
                <a:schemeClr val="accent4">
                  <a:lumMod val="60000"/>
                  <a:lumOff val="40000"/>
                </a:schemeClr>
              </a:buClr>
              <a:buFont typeface="Arial" charset="0"/>
              <a:buChar char="•"/>
            </a:pPr>
            <a:r>
              <a:rPr lang="en-US" sz="1200" dirty="0">
                <a:solidFill>
                  <a:schemeClr val="accent4">
                    <a:lumMod val="50000"/>
                  </a:schemeClr>
                </a:solidFill>
              </a:rPr>
              <a:t>People understand how it maps to the big picture</a:t>
            </a:r>
          </a:p>
        </p:txBody>
      </p:sp>
      <p:sp>
        <p:nvSpPr>
          <p:cNvPr id="28" name="TextBox 27">
            <a:extLst>
              <a:ext uri="{FF2B5EF4-FFF2-40B4-BE49-F238E27FC236}">
                <a16:creationId xmlns:a16="http://schemas.microsoft.com/office/drawing/2014/main" id="{AF070ABA-229E-5D42-A06D-C78D2B17E05A}"/>
              </a:ext>
            </a:extLst>
          </p:cNvPr>
          <p:cNvSpPr txBox="1">
            <a:spLocks/>
          </p:cNvSpPr>
          <p:nvPr/>
        </p:nvSpPr>
        <p:spPr>
          <a:xfrm>
            <a:off x="4694064" y="4528147"/>
            <a:ext cx="2283859" cy="461665"/>
          </a:xfrm>
          <a:prstGeom prst="rect">
            <a:avLst/>
          </a:prstGeom>
          <a:noFill/>
        </p:spPr>
        <p:txBody>
          <a:bodyPr wrap="square" rtlCol="0">
            <a:spAutoFit/>
          </a:bodyPr>
          <a:lstStyle/>
          <a:p>
            <a:pPr marL="165735" indent="-137160">
              <a:spcAft>
                <a:spcPts val="900"/>
              </a:spcAft>
              <a:buClr>
                <a:schemeClr val="accent4">
                  <a:lumMod val="60000"/>
                  <a:lumOff val="40000"/>
                </a:schemeClr>
              </a:buClr>
              <a:buFont typeface="Arial" charset="0"/>
              <a:buChar char="•"/>
            </a:pPr>
            <a:r>
              <a:rPr lang="en-US" sz="1200" dirty="0">
                <a:solidFill>
                  <a:schemeClr val="accent4">
                    <a:lumMod val="50000"/>
                  </a:schemeClr>
                </a:solidFill>
              </a:rPr>
              <a:t>Teams can be held accountable for delivery</a:t>
            </a:r>
          </a:p>
        </p:txBody>
      </p:sp>
      <p:sp>
        <p:nvSpPr>
          <p:cNvPr id="30" name="TextBox 29">
            <a:extLst>
              <a:ext uri="{FF2B5EF4-FFF2-40B4-BE49-F238E27FC236}">
                <a16:creationId xmlns:a16="http://schemas.microsoft.com/office/drawing/2014/main" id="{B4DAFA93-03DF-F941-9D48-E95ED57396E6}"/>
              </a:ext>
            </a:extLst>
          </p:cNvPr>
          <p:cNvSpPr txBox="1"/>
          <p:nvPr/>
        </p:nvSpPr>
        <p:spPr>
          <a:xfrm>
            <a:off x="7197986" y="4160767"/>
            <a:ext cx="3023700" cy="300082"/>
          </a:xfrm>
          <a:prstGeom prst="rect">
            <a:avLst/>
          </a:prstGeom>
          <a:noFill/>
        </p:spPr>
        <p:txBody>
          <a:bodyPr wrap="square" rtlCol="0" anchor="t">
            <a:spAutoFit/>
          </a:bodyPr>
          <a:lstStyle/>
          <a:p>
            <a:pPr algn="ctr"/>
            <a:r>
              <a:rPr lang="en-US" sz="1350" b="1" cap="all" spc="130" dirty="0">
                <a:solidFill>
                  <a:schemeClr val="accent2"/>
                </a:solidFill>
                <a:latin typeface="Brandon Grotesque Bold" panose="020B0503020203060202" pitchFamily="34" charset="77"/>
              </a:rPr>
              <a:t>MEASUREABLE PROGRESS</a:t>
            </a:r>
          </a:p>
        </p:txBody>
      </p:sp>
      <p:sp>
        <p:nvSpPr>
          <p:cNvPr id="31" name="TextBox 30">
            <a:extLst>
              <a:ext uri="{FF2B5EF4-FFF2-40B4-BE49-F238E27FC236}">
                <a16:creationId xmlns:a16="http://schemas.microsoft.com/office/drawing/2014/main" id="{BE94CB52-C0D7-FB48-B665-6A605E15D4FB}"/>
              </a:ext>
            </a:extLst>
          </p:cNvPr>
          <p:cNvSpPr txBox="1"/>
          <p:nvPr/>
        </p:nvSpPr>
        <p:spPr>
          <a:xfrm>
            <a:off x="4785607" y="4132958"/>
            <a:ext cx="1885950" cy="300082"/>
          </a:xfrm>
          <a:prstGeom prst="rect">
            <a:avLst/>
          </a:prstGeom>
          <a:noFill/>
        </p:spPr>
        <p:txBody>
          <a:bodyPr wrap="square" rtlCol="0">
            <a:spAutoFit/>
          </a:bodyPr>
          <a:lstStyle/>
          <a:p>
            <a:pPr algn="ctr"/>
            <a:r>
              <a:rPr lang="en-US" sz="1350" b="1" cap="all" spc="130" dirty="0">
                <a:solidFill>
                  <a:schemeClr val="accent2"/>
                </a:solidFill>
                <a:latin typeface="Brandon Grotesque Bold" panose="020B0503020203060202" pitchFamily="34" charset="77"/>
              </a:rPr>
              <a:t>ACCOUNTABILITY</a:t>
            </a:r>
          </a:p>
        </p:txBody>
      </p:sp>
      <p:sp>
        <p:nvSpPr>
          <p:cNvPr id="32" name="TextBox 31">
            <a:extLst>
              <a:ext uri="{FF2B5EF4-FFF2-40B4-BE49-F238E27FC236}">
                <a16:creationId xmlns:a16="http://schemas.microsoft.com/office/drawing/2014/main" id="{932AB421-0989-404B-AFD2-078B2903880E}"/>
              </a:ext>
            </a:extLst>
          </p:cNvPr>
          <p:cNvSpPr txBox="1"/>
          <p:nvPr/>
        </p:nvSpPr>
        <p:spPr>
          <a:xfrm>
            <a:off x="1755846" y="4114670"/>
            <a:ext cx="1885950" cy="300082"/>
          </a:xfrm>
          <a:prstGeom prst="rect">
            <a:avLst/>
          </a:prstGeom>
          <a:noFill/>
        </p:spPr>
        <p:txBody>
          <a:bodyPr wrap="square" rtlCol="0">
            <a:spAutoFit/>
          </a:bodyPr>
          <a:lstStyle/>
          <a:p>
            <a:pPr algn="ctr"/>
            <a:r>
              <a:rPr lang="en-US" sz="1350" b="1" cap="all" spc="130" dirty="0">
                <a:solidFill>
                  <a:schemeClr val="accent2"/>
                </a:solidFill>
                <a:latin typeface="Brandon Grotesque Bold" panose="020B0503020203060202" pitchFamily="34" charset="77"/>
              </a:rPr>
              <a:t>CLARITY</a:t>
            </a:r>
          </a:p>
        </p:txBody>
      </p:sp>
      <p:sp>
        <p:nvSpPr>
          <p:cNvPr id="12" name="TextBox 11">
            <a:extLst>
              <a:ext uri="{FF2B5EF4-FFF2-40B4-BE49-F238E27FC236}">
                <a16:creationId xmlns:a16="http://schemas.microsoft.com/office/drawing/2014/main" id="{C7F0737E-EAE0-CC4A-8A97-A49648F24D69}"/>
              </a:ext>
            </a:extLst>
          </p:cNvPr>
          <p:cNvSpPr txBox="1">
            <a:spLocks/>
          </p:cNvSpPr>
          <p:nvPr/>
        </p:nvSpPr>
        <p:spPr>
          <a:xfrm>
            <a:off x="7652565" y="4528148"/>
            <a:ext cx="2283859" cy="646331"/>
          </a:xfrm>
          <a:prstGeom prst="rect">
            <a:avLst/>
          </a:prstGeom>
          <a:noFill/>
        </p:spPr>
        <p:txBody>
          <a:bodyPr wrap="square" rtlCol="0">
            <a:spAutoFit/>
          </a:bodyPr>
          <a:lstStyle>
            <a:defPPr>
              <a:defRPr lang="en-US"/>
            </a:defPPr>
            <a:lvl1pPr marL="257175" indent="-228600">
              <a:spcAft>
                <a:spcPts val="900"/>
              </a:spcAft>
              <a:buClr>
                <a:schemeClr val="accent4">
                  <a:lumMod val="60000"/>
                  <a:lumOff val="40000"/>
                </a:schemeClr>
              </a:buClr>
              <a:buFont typeface="Arial" charset="0"/>
              <a:buChar char="•"/>
              <a:defRPr sz="1400">
                <a:solidFill>
                  <a:schemeClr val="accent4">
                    <a:lumMod val="60000"/>
                    <a:lumOff val="40000"/>
                  </a:schemeClr>
                </a:solidFill>
              </a:defRPr>
            </a:lvl1pPr>
          </a:lstStyle>
          <a:p>
            <a:pPr marL="165735" indent="-137160"/>
            <a:r>
              <a:rPr lang="en-US" sz="1200" dirty="0">
                <a:solidFill>
                  <a:schemeClr val="accent4">
                    <a:lumMod val="50000"/>
                  </a:schemeClr>
                </a:solidFill>
              </a:rPr>
              <a:t>No indeterminate work piling up at the end of the project</a:t>
            </a:r>
          </a:p>
        </p:txBody>
      </p:sp>
      <p:sp>
        <p:nvSpPr>
          <p:cNvPr id="3" name="Slide Number Placeholder 2">
            <a:extLst>
              <a:ext uri="{FF2B5EF4-FFF2-40B4-BE49-F238E27FC236}">
                <a16:creationId xmlns:a16="http://schemas.microsoft.com/office/drawing/2014/main" id="{28F072B6-3789-A64B-86A7-B7752FB51022}"/>
              </a:ext>
            </a:extLst>
          </p:cNvPr>
          <p:cNvSpPr>
            <a:spLocks noGrp="1"/>
          </p:cNvSpPr>
          <p:nvPr>
            <p:ph type="sldNum" sz="quarter" idx="4"/>
          </p:nvPr>
        </p:nvSpPr>
        <p:spPr/>
        <p:txBody>
          <a:bodyPr/>
          <a:lstStyle/>
          <a:p>
            <a:fld id="{742ED878-647B-DB4D-84DF-0BCCAF9DD0BF}" type="slidenum">
              <a:rPr lang="en-US" smtClean="0"/>
              <a:pPr/>
              <a:t>8</a:t>
            </a:fld>
            <a:endParaRPr lang="en-US" dirty="0"/>
          </a:p>
        </p:txBody>
      </p:sp>
      <p:grpSp>
        <p:nvGrpSpPr>
          <p:cNvPr id="25" name="Group 24">
            <a:extLst>
              <a:ext uri="{FF2B5EF4-FFF2-40B4-BE49-F238E27FC236}">
                <a16:creationId xmlns:a16="http://schemas.microsoft.com/office/drawing/2014/main" id="{1A78CC58-9B5C-9F4A-B8A9-C27E0D1C4814}"/>
              </a:ext>
            </a:extLst>
          </p:cNvPr>
          <p:cNvGrpSpPr/>
          <p:nvPr/>
        </p:nvGrpSpPr>
        <p:grpSpPr>
          <a:xfrm>
            <a:off x="7771478" y="2233433"/>
            <a:ext cx="1680606" cy="1752350"/>
            <a:chOff x="7771478" y="2210553"/>
            <a:chExt cx="1680606" cy="1752350"/>
          </a:xfrm>
        </p:grpSpPr>
        <p:sp>
          <p:nvSpPr>
            <p:cNvPr id="26" name="Graphic 4">
              <a:extLst>
                <a:ext uri="{FF2B5EF4-FFF2-40B4-BE49-F238E27FC236}">
                  <a16:creationId xmlns:a16="http://schemas.microsoft.com/office/drawing/2014/main" id="{4EC1DADB-49C5-7249-8EED-9389521DE131}"/>
                </a:ext>
              </a:extLst>
            </p:cNvPr>
            <p:cNvSpPr/>
            <p:nvPr/>
          </p:nvSpPr>
          <p:spPr>
            <a:xfrm>
              <a:off x="7771478" y="2210553"/>
              <a:ext cx="1680606" cy="1752350"/>
            </a:xfrm>
            <a:custGeom>
              <a:avLst/>
              <a:gdLst>
                <a:gd name="connsiteX0" fmla="*/ 826018 w 1680606"/>
                <a:gd name="connsiteY0" fmla="*/ 0 h 1752350"/>
                <a:gd name="connsiteX1" fmla="*/ 0 w 1680606"/>
                <a:gd name="connsiteY1" fmla="*/ 336502 h 1752350"/>
                <a:gd name="connsiteX2" fmla="*/ 0 w 1680606"/>
                <a:gd name="connsiteY2" fmla="*/ 1427912 h 1752350"/>
                <a:gd name="connsiteX3" fmla="*/ 826653 w 1680606"/>
                <a:gd name="connsiteY3" fmla="*/ 1752351 h 1752350"/>
                <a:gd name="connsiteX4" fmla="*/ 1680606 w 1680606"/>
                <a:gd name="connsiteY4" fmla="*/ 1416484 h 1752350"/>
                <a:gd name="connsiteX5" fmla="*/ 1680606 w 1680606"/>
                <a:gd name="connsiteY5" fmla="*/ 337137 h 1752350"/>
                <a:gd name="connsiteX6" fmla="*/ 826653 w 1680606"/>
                <a:gd name="connsiteY6" fmla="*/ 62221 h 1752350"/>
                <a:gd name="connsiteX7" fmla="*/ 1600861 w 1680606"/>
                <a:gd name="connsiteY7" fmla="*/ 367676 h 1752350"/>
                <a:gd name="connsiteX8" fmla="*/ 826653 w 1680606"/>
                <a:gd name="connsiteY8" fmla="*/ 664116 h 1752350"/>
                <a:gd name="connsiteX9" fmla="*/ 77776 w 1680606"/>
                <a:gd name="connsiteY9" fmla="*/ 367295 h 1752350"/>
                <a:gd name="connsiteX10" fmla="*/ 57777 w 1680606"/>
                <a:gd name="connsiteY10" fmla="*/ 422215 h 1752350"/>
                <a:gd name="connsiteX11" fmla="*/ 797447 w 1680606"/>
                <a:gd name="connsiteY11" fmla="*/ 715607 h 1752350"/>
                <a:gd name="connsiteX12" fmla="*/ 797447 w 1680606"/>
                <a:gd name="connsiteY12" fmla="*/ 1678701 h 1752350"/>
                <a:gd name="connsiteX13" fmla="*/ 57777 w 1680606"/>
                <a:gd name="connsiteY13" fmla="*/ 1388548 h 1752350"/>
                <a:gd name="connsiteX14" fmla="*/ 1622829 w 1680606"/>
                <a:gd name="connsiteY14" fmla="*/ 1377119 h 1752350"/>
                <a:gd name="connsiteX15" fmla="*/ 855223 w 1680606"/>
                <a:gd name="connsiteY15" fmla="*/ 1678892 h 1752350"/>
                <a:gd name="connsiteX16" fmla="*/ 855223 w 1680606"/>
                <a:gd name="connsiteY16" fmla="*/ 715797 h 1752350"/>
                <a:gd name="connsiteX17" fmla="*/ 1622829 w 1680606"/>
                <a:gd name="connsiteY17" fmla="*/ 421580 h 1752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680606" h="1752350">
                  <a:moveTo>
                    <a:pt x="826018" y="0"/>
                  </a:moveTo>
                  <a:lnTo>
                    <a:pt x="0" y="336502"/>
                  </a:lnTo>
                  <a:lnTo>
                    <a:pt x="0" y="1427912"/>
                  </a:lnTo>
                  <a:lnTo>
                    <a:pt x="826653" y="1752351"/>
                  </a:lnTo>
                  <a:lnTo>
                    <a:pt x="1680606" y="1416484"/>
                  </a:lnTo>
                  <a:lnTo>
                    <a:pt x="1680606" y="337137"/>
                  </a:lnTo>
                  <a:close/>
                  <a:moveTo>
                    <a:pt x="826653" y="62221"/>
                  </a:moveTo>
                  <a:lnTo>
                    <a:pt x="1600861" y="367676"/>
                  </a:lnTo>
                  <a:lnTo>
                    <a:pt x="826653" y="664116"/>
                  </a:lnTo>
                  <a:lnTo>
                    <a:pt x="77776" y="367295"/>
                  </a:lnTo>
                  <a:close/>
                  <a:moveTo>
                    <a:pt x="57777" y="422215"/>
                  </a:moveTo>
                  <a:lnTo>
                    <a:pt x="797447" y="715607"/>
                  </a:lnTo>
                  <a:lnTo>
                    <a:pt x="797447" y="1678701"/>
                  </a:lnTo>
                  <a:lnTo>
                    <a:pt x="57777" y="1388548"/>
                  </a:lnTo>
                  <a:close/>
                  <a:moveTo>
                    <a:pt x="1622829" y="1377119"/>
                  </a:moveTo>
                  <a:lnTo>
                    <a:pt x="855223" y="1678892"/>
                  </a:lnTo>
                  <a:lnTo>
                    <a:pt x="855223" y="715797"/>
                  </a:lnTo>
                  <a:lnTo>
                    <a:pt x="1622829" y="421580"/>
                  </a:lnTo>
                  <a:close/>
                </a:path>
              </a:pathLst>
            </a:custGeom>
            <a:solidFill>
              <a:schemeClr val="accent2"/>
            </a:solidFill>
            <a:ln w="6317" cap="flat">
              <a:noFill/>
              <a:prstDash val="solid"/>
              <a:miter/>
            </a:ln>
          </p:spPr>
          <p:txBody>
            <a:bodyPr rtlCol="0" anchor="ctr"/>
            <a:lstStyle/>
            <a:p>
              <a:endParaRPr lang="en-US"/>
            </a:p>
          </p:txBody>
        </p:sp>
        <p:sp>
          <p:nvSpPr>
            <p:cNvPr id="29" name="Graphic 4">
              <a:extLst>
                <a:ext uri="{FF2B5EF4-FFF2-40B4-BE49-F238E27FC236}">
                  <a16:creationId xmlns:a16="http://schemas.microsoft.com/office/drawing/2014/main" id="{6036D96A-F877-294D-A92B-F9351FB94D11}"/>
                </a:ext>
              </a:extLst>
            </p:cNvPr>
            <p:cNvSpPr/>
            <p:nvPr/>
          </p:nvSpPr>
          <p:spPr>
            <a:xfrm>
              <a:off x="8457181" y="2434676"/>
              <a:ext cx="333327" cy="280630"/>
            </a:xfrm>
            <a:custGeom>
              <a:avLst/>
              <a:gdLst>
                <a:gd name="connsiteX0" fmla="*/ 107935 w 333327"/>
                <a:gd name="connsiteY0" fmla="*/ 280630 h 280630"/>
                <a:gd name="connsiteX1" fmla="*/ 0 w 333327"/>
                <a:gd name="connsiteY1" fmla="*/ 165711 h 280630"/>
                <a:gd name="connsiteX2" fmla="*/ 42539 w 333327"/>
                <a:gd name="connsiteY2" fmla="*/ 125712 h 280630"/>
                <a:gd name="connsiteX3" fmla="*/ 107935 w 333327"/>
                <a:gd name="connsiteY3" fmla="*/ 195552 h 280630"/>
                <a:gd name="connsiteX4" fmla="*/ 291424 w 333327"/>
                <a:gd name="connsiteY4" fmla="*/ 0 h 280630"/>
                <a:gd name="connsiteX5" fmla="*/ 333328 w 333327"/>
                <a:gd name="connsiteY5" fmla="*/ 39364 h 280630"/>
                <a:gd name="connsiteX6" fmla="*/ 107935 w 333327"/>
                <a:gd name="connsiteY6" fmla="*/ 280630 h 280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3327" h="280630">
                  <a:moveTo>
                    <a:pt x="107935" y="280630"/>
                  </a:moveTo>
                  <a:lnTo>
                    <a:pt x="0" y="165711"/>
                  </a:lnTo>
                  <a:lnTo>
                    <a:pt x="42539" y="125712"/>
                  </a:lnTo>
                  <a:lnTo>
                    <a:pt x="107935" y="195552"/>
                  </a:lnTo>
                  <a:lnTo>
                    <a:pt x="291424" y="0"/>
                  </a:lnTo>
                  <a:lnTo>
                    <a:pt x="333328" y="39364"/>
                  </a:lnTo>
                  <a:lnTo>
                    <a:pt x="107935" y="280630"/>
                  </a:lnTo>
                  <a:close/>
                </a:path>
              </a:pathLst>
            </a:custGeom>
            <a:solidFill>
              <a:schemeClr val="accent1"/>
            </a:solidFill>
            <a:ln w="6317" cap="flat">
              <a:noFill/>
              <a:prstDash val="solid"/>
              <a:miter/>
            </a:ln>
          </p:spPr>
          <p:txBody>
            <a:bodyPr rtlCol="0" anchor="ctr"/>
            <a:lstStyle/>
            <a:p>
              <a:endParaRPr lang="en-US"/>
            </a:p>
          </p:txBody>
        </p:sp>
      </p:grpSp>
      <p:grpSp>
        <p:nvGrpSpPr>
          <p:cNvPr id="33" name="Group 32">
            <a:extLst>
              <a:ext uri="{FF2B5EF4-FFF2-40B4-BE49-F238E27FC236}">
                <a16:creationId xmlns:a16="http://schemas.microsoft.com/office/drawing/2014/main" id="{9701941B-B57E-1C45-8BCB-E361FA308A62}"/>
              </a:ext>
            </a:extLst>
          </p:cNvPr>
          <p:cNvGrpSpPr/>
          <p:nvPr/>
        </p:nvGrpSpPr>
        <p:grpSpPr>
          <a:xfrm>
            <a:off x="4806214" y="2219939"/>
            <a:ext cx="1732831" cy="1752985"/>
            <a:chOff x="5262125" y="2197059"/>
            <a:chExt cx="1732831" cy="1752985"/>
          </a:xfrm>
        </p:grpSpPr>
        <p:sp>
          <p:nvSpPr>
            <p:cNvPr id="34" name="Graphic 8">
              <a:extLst>
                <a:ext uri="{FF2B5EF4-FFF2-40B4-BE49-F238E27FC236}">
                  <a16:creationId xmlns:a16="http://schemas.microsoft.com/office/drawing/2014/main" id="{A18A49FE-4E52-9F44-89CB-21C9AD99B929}"/>
                </a:ext>
              </a:extLst>
            </p:cNvPr>
            <p:cNvSpPr/>
            <p:nvPr/>
          </p:nvSpPr>
          <p:spPr>
            <a:xfrm>
              <a:off x="6071480" y="2197059"/>
              <a:ext cx="113013" cy="113013"/>
            </a:xfrm>
            <a:custGeom>
              <a:avLst/>
              <a:gdLst>
                <a:gd name="connsiteX0" fmla="*/ 113014 w 113013"/>
                <a:gd name="connsiteY0" fmla="*/ 56507 h 113013"/>
                <a:gd name="connsiteX1" fmla="*/ 56507 w 113013"/>
                <a:gd name="connsiteY1" fmla="*/ 113014 h 113013"/>
                <a:gd name="connsiteX2" fmla="*/ 0 w 113013"/>
                <a:gd name="connsiteY2" fmla="*/ 56507 h 113013"/>
                <a:gd name="connsiteX3" fmla="*/ 56507 w 113013"/>
                <a:gd name="connsiteY3" fmla="*/ 0 h 113013"/>
                <a:gd name="connsiteX4" fmla="*/ 113014 w 113013"/>
                <a:gd name="connsiteY4" fmla="*/ 56507 h 1130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13" h="113013">
                  <a:moveTo>
                    <a:pt x="113014" y="56507"/>
                  </a:moveTo>
                  <a:cubicBezTo>
                    <a:pt x="113014" y="87715"/>
                    <a:pt x="87715" y="113014"/>
                    <a:pt x="56507" y="113014"/>
                  </a:cubicBezTo>
                  <a:cubicBezTo>
                    <a:pt x="25299" y="113014"/>
                    <a:pt x="0" y="87715"/>
                    <a:pt x="0" y="56507"/>
                  </a:cubicBezTo>
                  <a:cubicBezTo>
                    <a:pt x="0" y="25299"/>
                    <a:pt x="25299" y="0"/>
                    <a:pt x="56507" y="0"/>
                  </a:cubicBezTo>
                  <a:cubicBezTo>
                    <a:pt x="87715" y="0"/>
                    <a:pt x="113014" y="25299"/>
                    <a:pt x="113014" y="56507"/>
                  </a:cubicBezTo>
                  <a:close/>
                </a:path>
              </a:pathLst>
            </a:custGeom>
            <a:solidFill>
              <a:schemeClr val="accent1"/>
            </a:solidFill>
            <a:ln w="6317" cap="flat">
              <a:noFill/>
              <a:prstDash val="solid"/>
              <a:miter/>
            </a:ln>
          </p:spPr>
          <p:txBody>
            <a:bodyPr rtlCol="0" anchor="ctr"/>
            <a:lstStyle/>
            <a:p>
              <a:endParaRPr lang="en-US"/>
            </a:p>
          </p:txBody>
        </p:sp>
        <p:sp>
          <p:nvSpPr>
            <p:cNvPr id="42" name="Graphic 8">
              <a:extLst>
                <a:ext uri="{FF2B5EF4-FFF2-40B4-BE49-F238E27FC236}">
                  <a16:creationId xmlns:a16="http://schemas.microsoft.com/office/drawing/2014/main" id="{6E385346-5E5B-6743-B75E-D7CD3CC1F7D1}"/>
                </a:ext>
              </a:extLst>
            </p:cNvPr>
            <p:cNvSpPr/>
            <p:nvPr/>
          </p:nvSpPr>
          <p:spPr>
            <a:xfrm>
              <a:off x="5262125" y="2229414"/>
              <a:ext cx="1732831" cy="1720630"/>
            </a:xfrm>
            <a:custGeom>
              <a:avLst/>
              <a:gdLst>
                <a:gd name="connsiteX0" fmla="*/ 1013796 w 1732831"/>
                <a:gd name="connsiteY0" fmla="*/ 660 h 1720630"/>
                <a:gd name="connsiteX1" fmla="*/ 1012209 w 1732831"/>
                <a:gd name="connsiteY1" fmla="*/ 660 h 1720630"/>
                <a:gd name="connsiteX2" fmla="*/ 1008399 w 1732831"/>
                <a:gd name="connsiteY2" fmla="*/ 25 h 1720630"/>
                <a:gd name="connsiteX3" fmla="*/ 979803 w 1732831"/>
                <a:gd name="connsiteY3" fmla="*/ 28825 h 1720630"/>
                <a:gd name="connsiteX4" fmla="*/ 1001415 w 1732831"/>
                <a:gd name="connsiteY4" fmla="*/ 56532 h 1720630"/>
                <a:gd name="connsiteX5" fmla="*/ 1002050 w 1732831"/>
                <a:gd name="connsiteY5" fmla="*/ 56532 h 1720630"/>
                <a:gd name="connsiteX6" fmla="*/ 1004590 w 1732831"/>
                <a:gd name="connsiteY6" fmla="*/ 57167 h 1720630"/>
                <a:gd name="connsiteX7" fmla="*/ 1014114 w 1732831"/>
                <a:gd name="connsiteY7" fmla="*/ 58436 h 1720630"/>
                <a:gd name="connsiteX8" fmla="*/ 1661779 w 1732831"/>
                <a:gd name="connsiteY8" fmla="*/ 1002223 h 1720630"/>
                <a:gd name="connsiteX9" fmla="*/ 717992 w 1732831"/>
                <a:gd name="connsiteY9" fmla="*/ 1649888 h 1720630"/>
                <a:gd name="connsiteX10" fmla="*/ 56670 w 1732831"/>
                <a:gd name="connsiteY10" fmla="*/ 853978 h 1720630"/>
                <a:gd name="connsiteX11" fmla="*/ 718881 w 1732831"/>
                <a:gd name="connsiteY11" fmla="*/ 58436 h 1720630"/>
                <a:gd name="connsiteX12" fmla="*/ 728404 w 1732831"/>
                <a:gd name="connsiteY12" fmla="*/ 57167 h 1720630"/>
                <a:gd name="connsiteX13" fmla="*/ 732849 w 1732831"/>
                <a:gd name="connsiteY13" fmla="*/ 56532 h 1720630"/>
                <a:gd name="connsiteX14" fmla="*/ 733483 w 1732831"/>
                <a:gd name="connsiteY14" fmla="*/ 56532 h 1720630"/>
                <a:gd name="connsiteX15" fmla="*/ 754435 w 1732831"/>
                <a:gd name="connsiteY15" fmla="*/ 28596 h 1720630"/>
                <a:gd name="connsiteX16" fmla="*/ 726118 w 1732831"/>
                <a:gd name="connsiteY16" fmla="*/ 25 h 1720630"/>
                <a:gd name="connsiteX17" fmla="*/ 725865 w 1732831"/>
                <a:gd name="connsiteY17" fmla="*/ 25 h 1720630"/>
                <a:gd name="connsiteX18" fmla="*/ 721420 w 1732831"/>
                <a:gd name="connsiteY18" fmla="*/ 660 h 1720630"/>
                <a:gd name="connsiteX19" fmla="*/ 12328 w 1732831"/>
                <a:gd name="connsiteY19" fmla="*/ 999347 h 1720630"/>
                <a:gd name="connsiteX20" fmla="*/ 866814 w 1732831"/>
                <a:gd name="connsiteY20" fmla="*/ 1720630 h 1720630"/>
                <a:gd name="connsiteX21" fmla="*/ 1732831 w 1732831"/>
                <a:gd name="connsiteY21" fmla="*/ 853978 h 1720630"/>
                <a:gd name="connsiteX22" fmla="*/ 1013796 w 1732831"/>
                <a:gd name="connsiteY22" fmla="*/ 660 h 1720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732831" h="1720630">
                  <a:moveTo>
                    <a:pt x="1013796" y="660"/>
                  </a:moveTo>
                  <a:lnTo>
                    <a:pt x="1012209" y="660"/>
                  </a:lnTo>
                  <a:cubicBezTo>
                    <a:pt x="1010939" y="660"/>
                    <a:pt x="1009669" y="25"/>
                    <a:pt x="1008399" y="25"/>
                  </a:cubicBezTo>
                  <a:cubicBezTo>
                    <a:pt x="992552" y="81"/>
                    <a:pt x="979746" y="12976"/>
                    <a:pt x="979803" y="28825"/>
                  </a:cubicBezTo>
                  <a:cubicBezTo>
                    <a:pt x="979854" y="41906"/>
                    <a:pt x="988736" y="53301"/>
                    <a:pt x="1001415" y="56532"/>
                  </a:cubicBezTo>
                  <a:lnTo>
                    <a:pt x="1002050" y="56532"/>
                  </a:lnTo>
                  <a:cubicBezTo>
                    <a:pt x="1002685" y="56532"/>
                    <a:pt x="1003955" y="57167"/>
                    <a:pt x="1004590" y="57167"/>
                  </a:cubicBezTo>
                  <a:lnTo>
                    <a:pt x="1014114" y="58436"/>
                  </a:lnTo>
                  <a:cubicBezTo>
                    <a:pt x="1453579" y="140208"/>
                    <a:pt x="1743549" y="562756"/>
                    <a:pt x="1661779" y="1002223"/>
                  </a:cubicBezTo>
                  <a:cubicBezTo>
                    <a:pt x="1580009" y="1441689"/>
                    <a:pt x="1157457" y="1731658"/>
                    <a:pt x="717992" y="1649888"/>
                  </a:cubicBezTo>
                  <a:cubicBezTo>
                    <a:pt x="334594" y="1578550"/>
                    <a:pt x="56581" y="1243959"/>
                    <a:pt x="56670" y="853978"/>
                  </a:cubicBezTo>
                  <a:cubicBezTo>
                    <a:pt x="56670" y="457795"/>
                    <a:pt x="342379" y="128276"/>
                    <a:pt x="718881" y="58436"/>
                  </a:cubicBezTo>
                  <a:lnTo>
                    <a:pt x="728404" y="57167"/>
                  </a:lnTo>
                  <a:cubicBezTo>
                    <a:pt x="729674" y="57167"/>
                    <a:pt x="730944" y="56532"/>
                    <a:pt x="732849" y="56532"/>
                  </a:cubicBezTo>
                  <a:lnTo>
                    <a:pt x="733483" y="56532"/>
                  </a:lnTo>
                  <a:cubicBezTo>
                    <a:pt x="745966" y="53010"/>
                    <a:pt x="754550" y="41567"/>
                    <a:pt x="754435" y="28596"/>
                  </a:cubicBezTo>
                  <a:cubicBezTo>
                    <a:pt x="754505" y="12887"/>
                    <a:pt x="741826" y="95"/>
                    <a:pt x="726118" y="25"/>
                  </a:cubicBezTo>
                  <a:cubicBezTo>
                    <a:pt x="726036" y="24"/>
                    <a:pt x="725947" y="24"/>
                    <a:pt x="725865" y="25"/>
                  </a:cubicBezTo>
                  <a:cubicBezTo>
                    <a:pt x="724353" y="-78"/>
                    <a:pt x="722842" y="139"/>
                    <a:pt x="721420" y="660"/>
                  </a:cubicBezTo>
                  <a:cubicBezTo>
                    <a:pt x="249829" y="80630"/>
                    <a:pt x="-67642" y="527758"/>
                    <a:pt x="12328" y="999347"/>
                  </a:cubicBezTo>
                  <a:cubicBezTo>
                    <a:pt x="82994" y="1416070"/>
                    <a:pt x="444141" y="1720922"/>
                    <a:pt x="866814" y="1720630"/>
                  </a:cubicBezTo>
                  <a:cubicBezTo>
                    <a:pt x="1344901" y="1720630"/>
                    <a:pt x="1732831" y="1331430"/>
                    <a:pt x="1732831" y="853978"/>
                  </a:cubicBezTo>
                  <a:cubicBezTo>
                    <a:pt x="1732349" y="432605"/>
                    <a:pt x="1428983" y="72585"/>
                    <a:pt x="1013796" y="660"/>
                  </a:cubicBezTo>
                  <a:close/>
                </a:path>
              </a:pathLst>
            </a:custGeom>
            <a:solidFill>
              <a:schemeClr val="accent2"/>
            </a:solidFill>
            <a:ln w="6317" cap="flat">
              <a:noFill/>
              <a:prstDash val="solid"/>
              <a:miter/>
            </a:ln>
          </p:spPr>
          <p:txBody>
            <a:bodyPr rtlCol="0" anchor="ctr"/>
            <a:lstStyle/>
            <a:p>
              <a:endParaRPr lang="en-US"/>
            </a:p>
          </p:txBody>
        </p:sp>
        <p:sp>
          <p:nvSpPr>
            <p:cNvPr id="43" name="Graphic 8">
              <a:extLst>
                <a:ext uri="{FF2B5EF4-FFF2-40B4-BE49-F238E27FC236}">
                  <a16:creationId xmlns:a16="http://schemas.microsoft.com/office/drawing/2014/main" id="{2D9453CF-4C9B-0A45-9D4C-4FD17818250B}"/>
                </a:ext>
              </a:extLst>
            </p:cNvPr>
            <p:cNvSpPr/>
            <p:nvPr/>
          </p:nvSpPr>
          <p:spPr>
            <a:xfrm>
              <a:off x="5503871" y="2466578"/>
              <a:ext cx="1246962" cy="1246861"/>
            </a:xfrm>
            <a:custGeom>
              <a:avLst/>
              <a:gdLst>
                <a:gd name="connsiteX0" fmla="*/ 0 w 1246962"/>
                <a:gd name="connsiteY0" fmla="*/ 623164 h 1246861"/>
                <a:gd name="connsiteX1" fmla="*/ 623266 w 1246962"/>
                <a:gd name="connsiteY1" fmla="*/ 1246861 h 1246861"/>
                <a:gd name="connsiteX2" fmla="*/ 1246963 w 1246962"/>
                <a:gd name="connsiteY2" fmla="*/ 623589 h 1246861"/>
                <a:gd name="connsiteX3" fmla="*/ 988745 w 1246962"/>
                <a:gd name="connsiteY3" fmla="*/ 118093 h 1246861"/>
                <a:gd name="connsiteX4" fmla="*/ 1030776 w 1246962"/>
                <a:gd name="connsiteY4" fmla="*/ 61269 h 1246861"/>
                <a:gd name="connsiteX5" fmla="*/ 883159 w 1246962"/>
                <a:gd name="connsiteY5" fmla="*/ 79999 h 1246861"/>
                <a:gd name="connsiteX6" fmla="*/ 908556 w 1246962"/>
                <a:gd name="connsiteY6" fmla="*/ 227298 h 1246861"/>
                <a:gd name="connsiteX7" fmla="*/ 963158 w 1246962"/>
                <a:gd name="connsiteY7" fmla="*/ 153077 h 1246861"/>
                <a:gd name="connsiteX8" fmla="*/ 954904 w 1246962"/>
                <a:gd name="connsiteY8" fmla="*/ 164442 h 1246861"/>
                <a:gd name="connsiteX9" fmla="*/ 1081016 w 1246962"/>
                <a:gd name="connsiteY9" fmla="*/ 954377 h 1246861"/>
                <a:gd name="connsiteX10" fmla="*/ 291080 w 1246962"/>
                <a:gd name="connsiteY10" fmla="*/ 1080483 h 1246861"/>
                <a:gd name="connsiteX11" fmla="*/ 164970 w 1246962"/>
                <a:gd name="connsiteY11" fmla="*/ 290552 h 1246861"/>
                <a:gd name="connsiteX12" fmla="*/ 624434 w 1246962"/>
                <a:gd name="connsiteY12" fmla="*/ 56824 h 1246861"/>
                <a:gd name="connsiteX13" fmla="*/ 639037 w 1246962"/>
                <a:gd name="connsiteY13" fmla="*/ 57459 h 1246861"/>
                <a:gd name="connsiteX14" fmla="*/ 668877 w 1246962"/>
                <a:gd name="connsiteY14" fmla="*/ 29206 h 1246861"/>
                <a:gd name="connsiteX15" fmla="*/ 640941 w 1246962"/>
                <a:gd name="connsiteY15" fmla="*/ 635 h 1246861"/>
                <a:gd name="connsiteX16" fmla="*/ 638402 w 1246962"/>
                <a:gd name="connsiteY16" fmla="*/ 635 h 1246861"/>
                <a:gd name="connsiteX17" fmla="*/ 623799 w 1246962"/>
                <a:gd name="connsiteY17" fmla="*/ 0 h 1246861"/>
                <a:gd name="connsiteX18" fmla="*/ 0 w 1246962"/>
                <a:gd name="connsiteY18" fmla="*/ 623164 h 1246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46962" h="1246861">
                  <a:moveTo>
                    <a:pt x="0" y="623164"/>
                  </a:moveTo>
                  <a:cubicBezTo>
                    <a:pt x="-117" y="967501"/>
                    <a:pt x="278929" y="1246741"/>
                    <a:pt x="623266" y="1246861"/>
                  </a:cubicBezTo>
                  <a:cubicBezTo>
                    <a:pt x="967609" y="1246975"/>
                    <a:pt x="1246842" y="967926"/>
                    <a:pt x="1246963" y="623589"/>
                  </a:cubicBezTo>
                  <a:cubicBezTo>
                    <a:pt x="1247033" y="423409"/>
                    <a:pt x="1150977" y="235369"/>
                    <a:pt x="988745" y="118093"/>
                  </a:cubicBezTo>
                  <a:lnTo>
                    <a:pt x="1030776" y="61269"/>
                  </a:lnTo>
                  <a:lnTo>
                    <a:pt x="883159" y="79999"/>
                  </a:lnTo>
                  <a:lnTo>
                    <a:pt x="908556" y="227298"/>
                  </a:lnTo>
                  <a:lnTo>
                    <a:pt x="963158" y="153077"/>
                  </a:lnTo>
                  <a:lnTo>
                    <a:pt x="954904" y="164442"/>
                  </a:lnTo>
                  <a:cubicBezTo>
                    <a:pt x="1207865" y="347753"/>
                    <a:pt x="1264321" y="701417"/>
                    <a:pt x="1081016" y="954377"/>
                  </a:cubicBezTo>
                  <a:cubicBezTo>
                    <a:pt x="897705" y="1207332"/>
                    <a:pt x="544041" y="1263794"/>
                    <a:pt x="291080" y="1080483"/>
                  </a:cubicBezTo>
                  <a:cubicBezTo>
                    <a:pt x="38121" y="897178"/>
                    <a:pt x="-18340" y="543508"/>
                    <a:pt x="164970" y="290552"/>
                  </a:cubicBezTo>
                  <a:cubicBezTo>
                    <a:pt x="271659" y="143326"/>
                    <a:pt x="442615" y="56361"/>
                    <a:pt x="624434" y="56824"/>
                  </a:cubicBezTo>
                  <a:cubicBezTo>
                    <a:pt x="629310" y="56706"/>
                    <a:pt x="634186" y="56918"/>
                    <a:pt x="639037" y="57459"/>
                  </a:cubicBezTo>
                  <a:cubicBezTo>
                    <a:pt x="655062" y="57851"/>
                    <a:pt x="668395" y="45228"/>
                    <a:pt x="668877" y="29206"/>
                  </a:cubicBezTo>
                  <a:cubicBezTo>
                    <a:pt x="668344" y="13895"/>
                    <a:pt x="656236" y="1511"/>
                    <a:pt x="640941" y="635"/>
                  </a:cubicBezTo>
                  <a:lnTo>
                    <a:pt x="638402" y="635"/>
                  </a:lnTo>
                  <a:cubicBezTo>
                    <a:pt x="633322" y="635"/>
                    <a:pt x="628878" y="0"/>
                    <a:pt x="623799" y="0"/>
                  </a:cubicBezTo>
                  <a:cubicBezTo>
                    <a:pt x="279619" y="210"/>
                    <a:pt x="560" y="278984"/>
                    <a:pt x="0" y="623164"/>
                  </a:cubicBezTo>
                  <a:close/>
                </a:path>
              </a:pathLst>
            </a:custGeom>
            <a:solidFill>
              <a:schemeClr val="accent2"/>
            </a:solidFill>
            <a:ln w="6317" cap="flat">
              <a:noFill/>
              <a:prstDash val="solid"/>
              <a:miter/>
            </a:ln>
          </p:spPr>
          <p:txBody>
            <a:bodyPr rtlCol="0" anchor="ctr"/>
            <a:lstStyle/>
            <a:p>
              <a:endParaRPr lang="en-US"/>
            </a:p>
          </p:txBody>
        </p:sp>
        <p:sp>
          <p:nvSpPr>
            <p:cNvPr id="44" name="Graphic 8">
              <a:extLst>
                <a:ext uri="{FF2B5EF4-FFF2-40B4-BE49-F238E27FC236}">
                  <a16:creationId xmlns:a16="http://schemas.microsoft.com/office/drawing/2014/main" id="{993AA795-4730-FF40-9ED2-7BDC982BE32F}"/>
                </a:ext>
              </a:extLst>
            </p:cNvPr>
            <p:cNvSpPr/>
            <p:nvPr/>
          </p:nvSpPr>
          <p:spPr>
            <a:xfrm>
              <a:off x="5724502" y="2747525"/>
              <a:ext cx="746018" cy="684432"/>
            </a:xfrm>
            <a:custGeom>
              <a:avLst/>
              <a:gdLst>
                <a:gd name="connsiteX0" fmla="*/ 403803 w 746018"/>
                <a:gd name="connsiteY0" fmla="*/ 684433 h 684432"/>
                <a:gd name="connsiteX1" fmla="*/ 746019 w 746018"/>
                <a:gd name="connsiteY1" fmla="*/ 342217 h 684432"/>
                <a:gd name="connsiteX2" fmla="*/ 403803 w 746018"/>
                <a:gd name="connsiteY2" fmla="*/ 0 h 684432"/>
                <a:gd name="connsiteX3" fmla="*/ 216504 w 746018"/>
                <a:gd name="connsiteY3" fmla="*/ 56507 h 684432"/>
                <a:gd name="connsiteX4" fmla="*/ 203171 w 746018"/>
                <a:gd name="connsiteY4" fmla="*/ 80634 h 684432"/>
                <a:gd name="connsiteX5" fmla="*/ 231488 w 746018"/>
                <a:gd name="connsiteY5" fmla="*/ 109205 h 684432"/>
                <a:gd name="connsiteX6" fmla="*/ 231742 w 746018"/>
                <a:gd name="connsiteY6" fmla="*/ 109205 h 684432"/>
                <a:gd name="connsiteX7" fmla="*/ 247615 w 746018"/>
                <a:gd name="connsiteY7" fmla="*/ 104125 h 684432"/>
                <a:gd name="connsiteX8" fmla="*/ 403803 w 746018"/>
                <a:gd name="connsiteY8" fmla="*/ 57142 h 684432"/>
                <a:gd name="connsiteX9" fmla="*/ 688585 w 746018"/>
                <a:gd name="connsiteY9" fmla="*/ 342509 h 684432"/>
                <a:gd name="connsiteX10" fmla="*/ 403225 w 746018"/>
                <a:gd name="connsiteY10" fmla="*/ 627291 h 684432"/>
                <a:gd name="connsiteX11" fmla="*/ 124823 w 746018"/>
                <a:gd name="connsiteY11" fmla="*/ 402216 h 684432"/>
                <a:gd name="connsiteX12" fmla="*/ 201012 w 746018"/>
                <a:gd name="connsiteY12" fmla="*/ 386597 h 684432"/>
                <a:gd name="connsiteX13" fmla="*/ 79999 w 746018"/>
                <a:gd name="connsiteY13" fmla="*/ 301582 h 684432"/>
                <a:gd name="connsiteX14" fmla="*/ 0 w 746018"/>
                <a:gd name="connsiteY14" fmla="*/ 427929 h 684432"/>
                <a:gd name="connsiteX15" fmla="*/ 89649 w 746018"/>
                <a:gd name="connsiteY15" fmla="*/ 409517 h 684432"/>
                <a:gd name="connsiteX16" fmla="*/ 69205 w 746018"/>
                <a:gd name="connsiteY16" fmla="*/ 413961 h 684432"/>
                <a:gd name="connsiteX17" fmla="*/ 403803 w 746018"/>
                <a:gd name="connsiteY17" fmla="*/ 684433 h 684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46018" h="684432">
                  <a:moveTo>
                    <a:pt x="403803" y="684433"/>
                  </a:moveTo>
                  <a:cubicBezTo>
                    <a:pt x="592803" y="684433"/>
                    <a:pt x="746019" y="531216"/>
                    <a:pt x="746019" y="342217"/>
                  </a:cubicBezTo>
                  <a:cubicBezTo>
                    <a:pt x="746019" y="153217"/>
                    <a:pt x="592803" y="0"/>
                    <a:pt x="403803" y="0"/>
                  </a:cubicBezTo>
                  <a:cubicBezTo>
                    <a:pt x="337162" y="-72"/>
                    <a:pt x="271989" y="19590"/>
                    <a:pt x="216504" y="56507"/>
                  </a:cubicBezTo>
                  <a:cubicBezTo>
                    <a:pt x="208339" y="61847"/>
                    <a:pt x="203349" y="70882"/>
                    <a:pt x="203171" y="80634"/>
                  </a:cubicBezTo>
                  <a:cubicBezTo>
                    <a:pt x="203101" y="96341"/>
                    <a:pt x="215780" y="109135"/>
                    <a:pt x="231488" y="109205"/>
                  </a:cubicBezTo>
                  <a:cubicBezTo>
                    <a:pt x="231571" y="109205"/>
                    <a:pt x="231660" y="109205"/>
                    <a:pt x="231742" y="109205"/>
                  </a:cubicBezTo>
                  <a:cubicBezTo>
                    <a:pt x="237431" y="109173"/>
                    <a:pt x="242967" y="107402"/>
                    <a:pt x="247615" y="104125"/>
                  </a:cubicBezTo>
                  <a:cubicBezTo>
                    <a:pt x="293887" y="73370"/>
                    <a:pt x="348242" y="57021"/>
                    <a:pt x="403803" y="57142"/>
                  </a:cubicBezTo>
                  <a:cubicBezTo>
                    <a:pt x="561248" y="57301"/>
                    <a:pt x="688750" y="185064"/>
                    <a:pt x="688585" y="342509"/>
                  </a:cubicBezTo>
                  <a:cubicBezTo>
                    <a:pt x="688426" y="499947"/>
                    <a:pt x="560663" y="627450"/>
                    <a:pt x="403225" y="627291"/>
                  </a:cubicBezTo>
                  <a:cubicBezTo>
                    <a:pt x="269011" y="627151"/>
                    <a:pt x="153070" y="533420"/>
                    <a:pt x="124823" y="402216"/>
                  </a:cubicBezTo>
                  <a:lnTo>
                    <a:pt x="201012" y="386597"/>
                  </a:lnTo>
                  <a:lnTo>
                    <a:pt x="79999" y="301582"/>
                  </a:lnTo>
                  <a:lnTo>
                    <a:pt x="0" y="427929"/>
                  </a:lnTo>
                  <a:lnTo>
                    <a:pt x="89649" y="409517"/>
                  </a:lnTo>
                  <a:lnTo>
                    <a:pt x="69205" y="413961"/>
                  </a:lnTo>
                  <a:cubicBezTo>
                    <a:pt x="103249" y="571590"/>
                    <a:pt x="242542" y="684185"/>
                    <a:pt x="403803" y="684433"/>
                  </a:cubicBezTo>
                  <a:close/>
                </a:path>
              </a:pathLst>
            </a:custGeom>
            <a:solidFill>
              <a:schemeClr val="accent2"/>
            </a:solidFill>
            <a:ln w="6317" cap="flat">
              <a:noFill/>
              <a:prstDash val="solid"/>
              <a:miter/>
            </a:ln>
          </p:spPr>
          <p:txBody>
            <a:bodyPr rtlCol="0" anchor="ctr"/>
            <a:lstStyle/>
            <a:p>
              <a:endParaRPr lang="en-US"/>
            </a:p>
          </p:txBody>
        </p:sp>
      </p:grpSp>
      <p:grpSp>
        <p:nvGrpSpPr>
          <p:cNvPr id="45" name="Group 44">
            <a:extLst>
              <a:ext uri="{FF2B5EF4-FFF2-40B4-BE49-F238E27FC236}">
                <a16:creationId xmlns:a16="http://schemas.microsoft.com/office/drawing/2014/main" id="{54D4CCF4-FE64-5F45-9256-549940E6E0C2}"/>
              </a:ext>
            </a:extLst>
          </p:cNvPr>
          <p:cNvGrpSpPr/>
          <p:nvPr/>
        </p:nvGrpSpPr>
        <p:grpSpPr>
          <a:xfrm>
            <a:off x="1871588" y="2246108"/>
            <a:ext cx="1702193" cy="1681241"/>
            <a:chOff x="2878032" y="2246108"/>
            <a:chExt cx="1702193" cy="1681241"/>
          </a:xfrm>
        </p:grpSpPr>
        <p:sp>
          <p:nvSpPr>
            <p:cNvPr id="46" name="Graphic 6">
              <a:extLst>
                <a:ext uri="{FF2B5EF4-FFF2-40B4-BE49-F238E27FC236}">
                  <a16:creationId xmlns:a16="http://schemas.microsoft.com/office/drawing/2014/main" id="{1624E3B2-0F4A-654B-95D8-EFEC5FA47BF6}"/>
                </a:ext>
              </a:extLst>
            </p:cNvPr>
            <p:cNvSpPr/>
            <p:nvPr/>
          </p:nvSpPr>
          <p:spPr>
            <a:xfrm>
              <a:off x="3176123" y="2534992"/>
              <a:ext cx="197456" cy="177774"/>
            </a:xfrm>
            <a:custGeom>
              <a:avLst/>
              <a:gdLst>
                <a:gd name="connsiteX0" fmla="*/ 66666 w 197456"/>
                <a:gd name="connsiteY0" fmla="*/ 177775 h 177774"/>
                <a:gd name="connsiteX1" fmla="*/ 0 w 197456"/>
                <a:gd name="connsiteY1" fmla="*/ 106030 h 177774"/>
                <a:gd name="connsiteX2" fmla="*/ 40634 w 197456"/>
                <a:gd name="connsiteY2" fmla="*/ 67935 h 177774"/>
                <a:gd name="connsiteX3" fmla="*/ 66666 w 197456"/>
                <a:gd name="connsiteY3" fmla="*/ 96506 h 177774"/>
                <a:gd name="connsiteX4" fmla="*/ 156823 w 197456"/>
                <a:gd name="connsiteY4" fmla="*/ 0 h 177774"/>
                <a:gd name="connsiteX5" fmla="*/ 197457 w 197456"/>
                <a:gd name="connsiteY5" fmla="*/ 38095 h 177774"/>
                <a:gd name="connsiteX6" fmla="*/ 66666 w 197456"/>
                <a:gd name="connsiteY6" fmla="*/ 177775 h 177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7456" h="177774">
                  <a:moveTo>
                    <a:pt x="66666" y="177775"/>
                  </a:moveTo>
                  <a:lnTo>
                    <a:pt x="0" y="106030"/>
                  </a:lnTo>
                  <a:lnTo>
                    <a:pt x="40634" y="67935"/>
                  </a:lnTo>
                  <a:lnTo>
                    <a:pt x="66666" y="96506"/>
                  </a:lnTo>
                  <a:lnTo>
                    <a:pt x="156823" y="0"/>
                  </a:lnTo>
                  <a:lnTo>
                    <a:pt x="197457" y="38095"/>
                  </a:lnTo>
                  <a:lnTo>
                    <a:pt x="66666" y="177775"/>
                  </a:lnTo>
                  <a:close/>
                </a:path>
              </a:pathLst>
            </a:custGeom>
            <a:solidFill>
              <a:schemeClr val="accent1"/>
            </a:solidFill>
            <a:ln w="6317" cap="flat">
              <a:noFill/>
              <a:prstDash val="solid"/>
              <a:miter/>
            </a:ln>
          </p:spPr>
          <p:txBody>
            <a:bodyPr rtlCol="0" anchor="ctr"/>
            <a:lstStyle/>
            <a:p>
              <a:endParaRPr lang="en-US"/>
            </a:p>
          </p:txBody>
        </p:sp>
        <p:sp>
          <p:nvSpPr>
            <p:cNvPr id="47" name="Graphic 6">
              <a:extLst>
                <a:ext uri="{FF2B5EF4-FFF2-40B4-BE49-F238E27FC236}">
                  <a16:creationId xmlns:a16="http://schemas.microsoft.com/office/drawing/2014/main" id="{2821D9A2-5086-334C-B2C4-56D3F245198E}"/>
                </a:ext>
              </a:extLst>
            </p:cNvPr>
            <p:cNvSpPr/>
            <p:nvPr/>
          </p:nvSpPr>
          <p:spPr>
            <a:xfrm>
              <a:off x="2878032" y="2246108"/>
              <a:ext cx="794272" cy="794272"/>
            </a:xfrm>
            <a:custGeom>
              <a:avLst/>
              <a:gdLst>
                <a:gd name="connsiteX0" fmla="*/ 0 w 794272"/>
                <a:gd name="connsiteY0" fmla="*/ 794272 h 794272"/>
                <a:gd name="connsiteX1" fmla="*/ 565705 w 794272"/>
                <a:gd name="connsiteY1" fmla="*/ 794272 h 794272"/>
                <a:gd name="connsiteX2" fmla="*/ 794272 w 794272"/>
                <a:gd name="connsiteY2" fmla="*/ 573324 h 794272"/>
                <a:gd name="connsiteX3" fmla="*/ 794272 w 794272"/>
                <a:gd name="connsiteY3" fmla="*/ 0 h 794272"/>
                <a:gd name="connsiteX4" fmla="*/ 0 w 794272"/>
                <a:gd name="connsiteY4" fmla="*/ 0 h 794272"/>
                <a:gd name="connsiteX5" fmla="*/ 581895 w 794272"/>
                <a:gd name="connsiteY5" fmla="*/ 700940 h 794272"/>
                <a:gd name="connsiteX6" fmla="*/ 581895 w 794272"/>
                <a:gd name="connsiteY6" fmla="*/ 590466 h 794272"/>
                <a:gd name="connsiteX7" fmla="*/ 696559 w 794272"/>
                <a:gd name="connsiteY7" fmla="*/ 590466 h 794272"/>
                <a:gd name="connsiteX8" fmla="*/ 55555 w 794272"/>
                <a:gd name="connsiteY8" fmla="*/ 55872 h 794272"/>
                <a:gd name="connsiteX9" fmla="*/ 738717 w 794272"/>
                <a:gd name="connsiteY9" fmla="*/ 55872 h 794272"/>
                <a:gd name="connsiteX10" fmla="*/ 738717 w 794272"/>
                <a:gd name="connsiteY10" fmla="*/ 534594 h 794272"/>
                <a:gd name="connsiteX11" fmla="*/ 526023 w 794272"/>
                <a:gd name="connsiteY11" fmla="*/ 534594 h 794272"/>
                <a:gd name="connsiteX12" fmla="*/ 526023 w 794272"/>
                <a:gd name="connsiteY12" fmla="*/ 738400 h 794272"/>
                <a:gd name="connsiteX13" fmla="*/ 55555 w 794272"/>
                <a:gd name="connsiteY13" fmla="*/ 738400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794272"/>
                  </a:moveTo>
                  <a:lnTo>
                    <a:pt x="565705" y="794272"/>
                  </a:lnTo>
                  <a:lnTo>
                    <a:pt x="794272" y="573324"/>
                  </a:lnTo>
                  <a:lnTo>
                    <a:pt x="794272" y="0"/>
                  </a:lnTo>
                  <a:lnTo>
                    <a:pt x="0" y="0"/>
                  </a:lnTo>
                  <a:close/>
                  <a:moveTo>
                    <a:pt x="581895" y="700940"/>
                  </a:moveTo>
                  <a:lnTo>
                    <a:pt x="581895" y="590466"/>
                  </a:lnTo>
                  <a:lnTo>
                    <a:pt x="696559" y="590466"/>
                  </a:lnTo>
                  <a:close/>
                  <a:moveTo>
                    <a:pt x="55555" y="55872"/>
                  </a:moveTo>
                  <a:lnTo>
                    <a:pt x="738717" y="55872"/>
                  </a:lnTo>
                  <a:lnTo>
                    <a:pt x="738717" y="534594"/>
                  </a:lnTo>
                  <a:lnTo>
                    <a:pt x="526023" y="534594"/>
                  </a:lnTo>
                  <a:lnTo>
                    <a:pt x="526023" y="738400"/>
                  </a:lnTo>
                  <a:lnTo>
                    <a:pt x="55555" y="738400"/>
                  </a:lnTo>
                  <a:close/>
                </a:path>
              </a:pathLst>
            </a:custGeom>
            <a:solidFill>
              <a:schemeClr val="accent2"/>
            </a:solidFill>
            <a:ln w="6317" cap="flat">
              <a:noFill/>
              <a:prstDash val="solid"/>
              <a:miter/>
            </a:ln>
          </p:spPr>
          <p:txBody>
            <a:bodyPr rtlCol="0" anchor="ctr"/>
            <a:lstStyle/>
            <a:p>
              <a:endParaRPr lang="en-US"/>
            </a:p>
          </p:txBody>
        </p:sp>
        <p:sp>
          <p:nvSpPr>
            <p:cNvPr id="48" name="Graphic 6">
              <a:extLst>
                <a:ext uri="{FF2B5EF4-FFF2-40B4-BE49-F238E27FC236}">
                  <a16:creationId xmlns:a16="http://schemas.microsoft.com/office/drawing/2014/main" id="{D45A2772-D4F2-B641-8BB6-B8313722DD50}"/>
                </a:ext>
              </a:extLst>
            </p:cNvPr>
            <p:cNvSpPr/>
            <p:nvPr/>
          </p:nvSpPr>
          <p:spPr>
            <a:xfrm>
              <a:off x="3785953" y="2246108"/>
              <a:ext cx="794272" cy="794272"/>
            </a:xfrm>
            <a:custGeom>
              <a:avLst/>
              <a:gdLst>
                <a:gd name="connsiteX0" fmla="*/ 0 w 794272"/>
                <a:gd name="connsiteY0" fmla="*/ 0 h 794272"/>
                <a:gd name="connsiteX1" fmla="*/ 0 w 794272"/>
                <a:gd name="connsiteY1" fmla="*/ 794272 h 794272"/>
                <a:gd name="connsiteX2" fmla="*/ 565705 w 794272"/>
                <a:gd name="connsiteY2" fmla="*/ 794272 h 794272"/>
                <a:gd name="connsiteX3" fmla="*/ 794272 w 794272"/>
                <a:gd name="connsiteY3" fmla="*/ 573324 h 794272"/>
                <a:gd name="connsiteX4" fmla="*/ 794272 w 794272"/>
                <a:gd name="connsiteY4" fmla="*/ 0 h 794272"/>
                <a:gd name="connsiteX5" fmla="*/ 55872 w 794272"/>
                <a:gd name="connsiteY5" fmla="*/ 55872 h 794272"/>
                <a:gd name="connsiteX6" fmla="*/ 739035 w 794272"/>
                <a:gd name="connsiteY6" fmla="*/ 55872 h 794272"/>
                <a:gd name="connsiteX7" fmla="*/ 739035 w 794272"/>
                <a:gd name="connsiteY7" fmla="*/ 537134 h 794272"/>
                <a:gd name="connsiteX8" fmla="*/ 528880 w 794272"/>
                <a:gd name="connsiteY8" fmla="*/ 537134 h 794272"/>
                <a:gd name="connsiteX9" fmla="*/ 528880 w 794272"/>
                <a:gd name="connsiteY9" fmla="*/ 738400 h 794272"/>
                <a:gd name="connsiteX10" fmla="*/ 55872 w 794272"/>
                <a:gd name="connsiteY10" fmla="*/ 738400 h 794272"/>
                <a:gd name="connsiteX11" fmla="*/ 694591 w 794272"/>
                <a:gd name="connsiteY11" fmla="*/ 592371 h 794272"/>
                <a:gd name="connsiteX12" fmla="*/ 584117 w 794272"/>
                <a:gd name="connsiteY12" fmla="*/ 699226 h 794272"/>
                <a:gd name="connsiteX13" fmla="*/ 584117 w 794272"/>
                <a:gd name="connsiteY13" fmla="*/ 592371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0"/>
                  </a:moveTo>
                  <a:lnTo>
                    <a:pt x="0" y="794272"/>
                  </a:lnTo>
                  <a:lnTo>
                    <a:pt x="565705" y="794272"/>
                  </a:lnTo>
                  <a:lnTo>
                    <a:pt x="794272" y="573324"/>
                  </a:lnTo>
                  <a:lnTo>
                    <a:pt x="794272" y="0"/>
                  </a:lnTo>
                  <a:close/>
                  <a:moveTo>
                    <a:pt x="55872" y="55872"/>
                  </a:moveTo>
                  <a:lnTo>
                    <a:pt x="739035" y="55872"/>
                  </a:lnTo>
                  <a:lnTo>
                    <a:pt x="739035" y="537134"/>
                  </a:lnTo>
                  <a:lnTo>
                    <a:pt x="528880" y="537134"/>
                  </a:lnTo>
                  <a:lnTo>
                    <a:pt x="528880" y="738400"/>
                  </a:lnTo>
                  <a:lnTo>
                    <a:pt x="55872" y="738400"/>
                  </a:lnTo>
                  <a:close/>
                  <a:moveTo>
                    <a:pt x="694591" y="592371"/>
                  </a:moveTo>
                  <a:lnTo>
                    <a:pt x="584117" y="699226"/>
                  </a:lnTo>
                  <a:lnTo>
                    <a:pt x="584117" y="592371"/>
                  </a:lnTo>
                  <a:close/>
                </a:path>
              </a:pathLst>
            </a:custGeom>
            <a:solidFill>
              <a:schemeClr val="accent2"/>
            </a:solidFill>
            <a:ln w="6317" cap="flat">
              <a:noFill/>
              <a:prstDash val="solid"/>
              <a:miter/>
            </a:ln>
          </p:spPr>
          <p:txBody>
            <a:bodyPr rtlCol="0" anchor="ctr"/>
            <a:lstStyle/>
            <a:p>
              <a:endParaRPr lang="en-US"/>
            </a:p>
          </p:txBody>
        </p:sp>
        <p:sp>
          <p:nvSpPr>
            <p:cNvPr id="49" name="Graphic 6">
              <a:extLst>
                <a:ext uri="{FF2B5EF4-FFF2-40B4-BE49-F238E27FC236}">
                  <a16:creationId xmlns:a16="http://schemas.microsoft.com/office/drawing/2014/main" id="{FE90922F-6D53-DE41-BBC5-EF06184A6ACE}"/>
                </a:ext>
              </a:extLst>
            </p:cNvPr>
            <p:cNvSpPr/>
            <p:nvPr/>
          </p:nvSpPr>
          <p:spPr>
            <a:xfrm>
              <a:off x="2878032" y="3133077"/>
              <a:ext cx="794272" cy="794272"/>
            </a:xfrm>
            <a:custGeom>
              <a:avLst/>
              <a:gdLst>
                <a:gd name="connsiteX0" fmla="*/ 0 w 794272"/>
                <a:gd name="connsiteY0" fmla="*/ 794272 h 794272"/>
                <a:gd name="connsiteX1" fmla="*/ 565705 w 794272"/>
                <a:gd name="connsiteY1" fmla="*/ 794272 h 794272"/>
                <a:gd name="connsiteX2" fmla="*/ 794272 w 794272"/>
                <a:gd name="connsiteY2" fmla="*/ 573324 h 794272"/>
                <a:gd name="connsiteX3" fmla="*/ 794272 w 794272"/>
                <a:gd name="connsiteY3" fmla="*/ 0 h 794272"/>
                <a:gd name="connsiteX4" fmla="*/ 0 w 794272"/>
                <a:gd name="connsiteY4" fmla="*/ 0 h 794272"/>
                <a:gd name="connsiteX5" fmla="*/ 582212 w 794272"/>
                <a:gd name="connsiteY5" fmla="*/ 701702 h 794272"/>
                <a:gd name="connsiteX6" fmla="*/ 582212 w 794272"/>
                <a:gd name="connsiteY6" fmla="*/ 588561 h 794272"/>
                <a:gd name="connsiteX7" fmla="*/ 699544 w 794272"/>
                <a:gd name="connsiteY7" fmla="*/ 588561 h 794272"/>
                <a:gd name="connsiteX8" fmla="*/ 55555 w 794272"/>
                <a:gd name="connsiteY8" fmla="*/ 56507 h 794272"/>
                <a:gd name="connsiteX9" fmla="*/ 738717 w 794272"/>
                <a:gd name="connsiteY9" fmla="*/ 56507 h 794272"/>
                <a:gd name="connsiteX10" fmla="*/ 738717 w 794272"/>
                <a:gd name="connsiteY10" fmla="*/ 532689 h 794272"/>
                <a:gd name="connsiteX11" fmla="*/ 526023 w 794272"/>
                <a:gd name="connsiteY11" fmla="*/ 532689 h 794272"/>
                <a:gd name="connsiteX12" fmla="*/ 526023 w 794272"/>
                <a:gd name="connsiteY12" fmla="*/ 739035 h 794272"/>
                <a:gd name="connsiteX13" fmla="*/ 55555 w 794272"/>
                <a:gd name="connsiteY13" fmla="*/ 739035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794272"/>
                  </a:moveTo>
                  <a:lnTo>
                    <a:pt x="565705" y="794272"/>
                  </a:lnTo>
                  <a:lnTo>
                    <a:pt x="794272" y="573324"/>
                  </a:lnTo>
                  <a:lnTo>
                    <a:pt x="794272" y="0"/>
                  </a:lnTo>
                  <a:lnTo>
                    <a:pt x="0" y="0"/>
                  </a:lnTo>
                  <a:close/>
                  <a:moveTo>
                    <a:pt x="582212" y="701702"/>
                  </a:moveTo>
                  <a:lnTo>
                    <a:pt x="582212" y="588561"/>
                  </a:lnTo>
                  <a:lnTo>
                    <a:pt x="699544" y="588561"/>
                  </a:lnTo>
                  <a:close/>
                  <a:moveTo>
                    <a:pt x="55555" y="56507"/>
                  </a:moveTo>
                  <a:lnTo>
                    <a:pt x="738717" y="56507"/>
                  </a:lnTo>
                  <a:lnTo>
                    <a:pt x="738717" y="532689"/>
                  </a:lnTo>
                  <a:lnTo>
                    <a:pt x="526023" y="532689"/>
                  </a:lnTo>
                  <a:lnTo>
                    <a:pt x="526023" y="739035"/>
                  </a:lnTo>
                  <a:lnTo>
                    <a:pt x="55555" y="739035"/>
                  </a:lnTo>
                  <a:close/>
                </a:path>
              </a:pathLst>
            </a:custGeom>
            <a:solidFill>
              <a:schemeClr val="accent2"/>
            </a:solidFill>
            <a:ln w="6317" cap="flat">
              <a:noFill/>
              <a:prstDash val="solid"/>
              <a:miter/>
            </a:ln>
          </p:spPr>
          <p:txBody>
            <a:bodyPr rtlCol="0" anchor="ctr"/>
            <a:lstStyle/>
            <a:p>
              <a:endParaRPr lang="en-US"/>
            </a:p>
          </p:txBody>
        </p:sp>
        <p:sp>
          <p:nvSpPr>
            <p:cNvPr id="50" name="Graphic 6">
              <a:extLst>
                <a:ext uri="{FF2B5EF4-FFF2-40B4-BE49-F238E27FC236}">
                  <a16:creationId xmlns:a16="http://schemas.microsoft.com/office/drawing/2014/main" id="{A27818FB-85C8-BF46-82D9-BE256EC2BCA4}"/>
                </a:ext>
              </a:extLst>
            </p:cNvPr>
            <p:cNvSpPr/>
            <p:nvPr/>
          </p:nvSpPr>
          <p:spPr>
            <a:xfrm>
              <a:off x="3785953" y="3133077"/>
              <a:ext cx="794272" cy="794272"/>
            </a:xfrm>
            <a:custGeom>
              <a:avLst/>
              <a:gdLst>
                <a:gd name="connsiteX0" fmla="*/ 0 w 794272"/>
                <a:gd name="connsiteY0" fmla="*/ 794272 h 794272"/>
                <a:gd name="connsiteX1" fmla="*/ 565705 w 794272"/>
                <a:gd name="connsiteY1" fmla="*/ 794272 h 794272"/>
                <a:gd name="connsiteX2" fmla="*/ 794272 w 794272"/>
                <a:gd name="connsiteY2" fmla="*/ 573324 h 794272"/>
                <a:gd name="connsiteX3" fmla="*/ 794272 w 794272"/>
                <a:gd name="connsiteY3" fmla="*/ 0 h 794272"/>
                <a:gd name="connsiteX4" fmla="*/ 0 w 794272"/>
                <a:gd name="connsiteY4" fmla="*/ 0 h 794272"/>
                <a:gd name="connsiteX5" fmla="*/ 584117 w 794272"/>
                <a:gd name="connsiteY5" fmla="*/ 699861 h 794272"/>
                <a:gd name="connsiteX6" fmla="*/ 584117 w 794272"/>
                <a:gd name="connsiteY6" fmla="*/ 590466 h 794272"/>
                <a:gd name="connsiteX7" fmla="*/ 697575 w 794272"/>
                <a:gd name="connsiteY7" fmla="*/ 590466 h 794272"/>
                <a:gd name="connsiteX8" fmla="*/ 55555 w 794272"/>
                <a:gd name="connsiteY8" fmla="*/ 56507 h 794272"/>
                <a:gd name="connsiteX9" fmla="*/ 738718 w 794272"/>
                <a:gd name="connsiteY9" fmla="*/ 56507 h 794272"/>
                <a:gd name="connsiteX10" fmla="*/ 738718 w 794272"/>
                <a:gd name="connsiteY10" fmla="*/ 535229 h 794272"/>
                <a:gd name="connsiteX11" fmla="*/ 528562 w 794272"/>
                <a:gd name="connsiteY11" fmla="*/ 535229 h 794272"/>
                <a:gd name="connsiteX12" fmla="*/ 528562 w 794272"/>
                <a:gd name="connsiteY12" fmla="*/ 739035 h 794272"/>
                <a:gd name="connsiteX13" fmla="*/ 55555 w 794272"/>
                <a:gd name="connsiteY13" fmla="*/ 739035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794272"/>
                  </a:moveTo>
                  <a:lnTo>
                    <a:pt x="565705" y="794272"/>
                  </a:lnTo>
                  <a:lnTo>
                    <a:pt x="794272" y="573324"/>
                  </a:lnTo>
                  <a:lnTo>
                    <a:pt x="794272" y="0"/>
                  </a:lnTo>
                  <a:lnTo>
                    <a:pt x="0" y="0"/>
                  </a:lnTo>
                  <a:close/>
                  <a:moveTo>
                    <a:pt x="584117" y="699861"/>
                  </a:moveTo>
                  <a:lnTo>
                    <a:pt x="584117" y="590466"/>
                  </a:lnTo>
                  <a:lnTo>
                    <a:pt x="697575" y="590466"/>
                  </a:lnTo>
                  <a:close/>
                  <a:moveTo>
                    <a:pt x="55555" y="56507"/>
                  </a:moveTo>
                  <a:lnTo>
                    <a:pt x="738718" y="56507"/>
                  </a:lnTo>
                  <a:lnTo>
                    <a:pt x="738718" y="535229"/>
                  </a:lnTo>
                  <a:lnTo>
                    <a:pt x="528562" y="535229"/>
                  </a:lnTo>
                  <a:lnTo>
                    <a:pt x="528562" y="739035"/>
                  </a:lnTo>
                  <a:lnTo>
                    <a:pt x="55555" y="739035"/>
                  </a:lnTo>
                  <a:close/>
                </a:path>
              </a:pathLst>
            </a:custGeom>
            <a:solidFill>
              <a:schemeClr val="accent2"/>
            </a:solidFill>
            <a:ln w="6317" cap="flat">
              <a:noFill/>
              <a:prstDash val="solid"/>
              <a:miter/>
            </a:ln>
          </p:spPr>
          <p:txBody>
            <a:bodyPr rtlCol="0" anchor="ctr"/>
            <a:lstStyle/>
            <a:p>
              <a:endParaRPr lang="en-US"/>
            </a:p>
          </p:txBody>
        </p:sp>
      </p:grpSp>
    </p:spTree>
    <p:custDataLst>
      <p:custData r:id="rId1"/>
      <p:custData r:id="rId2"/>
    </p:custDataLst>
    <p:extLst>
      <p:ext uri="{BB962C8B-B14F-4D97-AF65-F5344CB8AC3E}">
        <p14:creationId xmlns:p14="http://schemas.microsoft.com/office/powerpoint/2010/main" val="5033542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p:txBody>
          <a:bodyPr/>
          <a:lstStyle/>
          <a:p>
            <a:r>
              <a:rPr lang="en-US" dirty="0"/>
              <a:t>HOW DOES IT SCALE?</a:t>
            </a:r>
          </a:p>
        </p:txBody>
      </p:sp>
      <p:sp>
        <p:nvSpPr>
          <p:cNvPr id="27" name="TextBox 26">
            <a:extLst>
              <a:ext uri="{FF2B5EF4-FFF2-40B4-BE49-F238E27FC236}">
                <a16:creationId xmlns:a16="http://schemas.microsoft.com/office/drawing/2014/main" id="{8C366B35-BEFD-734D-9965-BF7813B8F861}"/>
              </a:ext>
            </a:extLst>
          </p:cNvPr>
          <p:cNvSpPr txBox="1"/>
          <p:nvPr/>
        </p:nvSpPr>
        <p:spPr>
          <a:xfrm>
            <a:off x="1670389" y="4528148"/>
            <a:ext cx="2214448" cy="646331"/>
          </a:xfrm>
          <a:prstGeom prst="rect">
            <a:avLst/>
          </a:prstGeom>
          <a:noFill/>
        </p:spPr>
        <p:txBody>
          <a:bodyPr wrap="square" rtlCol="0">
            <a:spAutoFit/>
          </a:bodyPr>
          <a:lstStyle/>
          <a:p>
            <a:pPr marL="165735" indent="-137160">
              <a:spcAft>
                <a:spcPts val="900"/>
              </a:spcAft>
              <a:buClr>
                <a:schemeClr val="accent4">
                  <a:lumMod val="60000"/>
                  <a:lumOff val="40000"/>
                </a:schemeClr>
              </a:buClr>
              <a:buFont typeface="Arial" charset="0"/>
              <a:buChar char="•"/>
            </a:pPr>
            <a:r>
              <a:rPr lang="en-US" sz="1200" dirty="0">
                <a:solidFill>
                  <a:schemeClr val="accent4">
                    <a:lumMod val="50000"/>
                  </a:schemeClr>
                </a:solidFill>
              </a:rPr>
              <a:t>Governance is the way we make economic tradeoffs in the face of constraints</a:t>
            </a:r>
          </a:p>
        </p:txBody>
      </p:sp>
      <p:sp>
        <p:nvSpPr>
          <p:cNvPr id="28" name="TextBox 27">
            <a:extLst>
              <a:ext uri="{FF2B5EF4-FFF2-40B4-BE49-F238E27FC236}">
                <a16:creationId xmlns:a16="http://schemas.microsoft.com/office/drawing/2014/main" id="{AF070ABA-229E-5D42-A06D-C78D2B17E05A}"/>
              </a:ext>
            </a:extLst>
          </p:cNvPr>
          <p:cNvSpPr txBox="1"/>
          <p:nvPr/>
        </p:nvSpPr>
        <p:spPr>
          <a:xfrm>
            <a:off x="4813427" y="4528147"/>
            <a:ext cx="2097669" cy="830997"/>
          </a:xfrm>
          <a:prstGeom prst="rect">
            <a:avLst/>
          </a:prstGeom>
          <a:noFill/>
        </p:spPr>
        <p:txBody>
          <a:bodyPr wrap="square" rtlCol="0">
            <a:spAutoFit/>
          </a:bodyPr>
          <a:lstStyle/>
          <a:p>
            <a:pPr marL="165735" indent="-137160">
              <a:spcAft>
                <a:spcPts val="900"/>
              </a:spcAft>
              <a:buClr>
                <a:schemeClr val="accent4">
                  <a:lumMod val="60000"/>
                  <a:lumOff val="40000"/>
                </a:schemeClr>
              </a:buClr>
              <a:buFont typeface="Arial" charset="0"/>
              <a:buChar char="•"/>
            </a:pPr>
            <a:r>
              <a:rPr lang="en-US" sz="1200" dirty="0">
                <a:solidFill>
                  <a:schemeClr val="accent4">
                    <a:lumMod val="50000"/>
                  </a:schemeClr>
                </a:solidFill>
              </a:rPr>
              <a:t>They way we form teams and foster collaboration at all levels of the organization</a:t>
            </a:r>
          </a:p>
        </p:txBody>
      </p:sp>
      <p:sp>
        <p:nvSpPr>
          <p:cNvPr id="30" name="TextBox 29">
            <a:extLst>
              <a:ext uri="{FF2B5EF4-FFF2-40B4-BE49-F238E27FC236}">
                <a16:creationId xmlns:a16="http://schemas.microsoft.com/office/drawing/2014/main" id="{B4DAFA93-03DF-F941-9D48-E95ED57396E6}"/>
              </a:ext>
            </a:extLst>
          </p:cNvPr>
          <p:cNvSpPr txBox="1"/>
          <p:nvPr/>
        </p:nvSpPr>
        <p:spPr>
          <a:xfrm>
            <a:off x="7197986" y="4160767"/>
            <a:ext cx="3023700" cy="300082"/>
          </a:xfrm>
          <a:prstGeom prst="rect">
            <a:avLst/>
          </a:prstGeom>
          <a:noFill/>
        </p:spPr>
        <p:txBody>
          <a:bodyPr wrap="square" rtlCol="0" anchor="t">
            <a:spAutoFit/>
          </a:bodyPr>
          <a:lstStyle/>
          <a:p>
            <a:pPr algn="ctr"/>
            <a:r>
              <a:rPr lang="en-US" sz="1350" b="1" cap="all" spc="130" dirty="0">
                <a:solidFill>
                  <a:schemeClr val="accent2"/>
                </a:solidFill>
                <a:latin typeface="Brandon Grotesque Bold" panose="020B0503020203060202" pitchFamily="34" charset="77"/>
              </a:rPr>
              <a:t>METRICS</a:t>
            </a:r>
          </a:p>
        </p:txBody>
      </p:sp>
      <p:sp>
        <p:nvSpPr>
          <p:cNvPr id="31" name="TextBox 30">
            <a:extLst>
              <a:ext uri="{FF2B5EF4-FFF2-40B4-BE49-F238E27FC236}">
                <a16:creationId xmlns:a16="http://schemas.microsoft.com/office/drawing/2014/main" id="{BE94CB52-C0D7-FB48-B665-6A605E15D4FB}"/>
              </a:ext>
            </a:extLst>
          </p:cNvPr>
          <p:cNvSpPr txBox="1"/>
          <p:nvPr/>
        </p:nvSpPr>
        <p:spPr>
          <a:xfrm>
            <a:off x="4728466" y="4132958"/>
            <a:ext cx="1885950" cy="300082"/>
          </a:xfrm>
          <a:prstGeom prst="rect">
            <a:avLst/>
          </a:prstGeom>
          <a:noFill/>
        </p:spPr>
        <p:txBody>
          <a:bodyPr wrap="square" rtlCol="0">
            <a:spAutoFit/>
          </a:bodyPr>
          <a:lstStyle/>
          <a:p>
            <a:pPr algn="ctr"/>
            <a:r>
              <a:rPr lang="en-US" sz="1350" b="1" cap="all" spc="130" dirty="0">
                <a:solidFill>
                  <a:schemeClr val="accent2"/>
                </a:solidFill>
                <a:latin typeface="Brandon Grotesque Bold" panose="020B0503020203060202" pitchFamily="34" charset="77"/>
              </a:rPr>
              <a:t>STRUCTURE</a:t>
            </a:r>
          </a:p>
        </p:txBody>
      </p:sp>
      <p:sp>
        <p:nvSpPr>
          <p:cNvPr id="32" name="TextBox 31">
            <a:extLst>
              <a:ext uri="{FF2B5EF4-FFF2-40B4-BE49-F238E27FC236}">
                <a16:creationId xmlns:a16="http://schemas.microsoft.com/office/drawing/2014/main" id="{932AB421-0989-404B-AFD2-078B2903880E}"/>
              </a:ext>
            </a:extLst>
          </p:cNvPr>
          <p:cNvSpPr txBox="1"/>
          <p:nvPr/>
        </p:nvSpPr>
        <p:spPr>
          <a:xfrm>
            <a:off x="1722885" y="4114670"/>
            <a:ext cx="1885950" cy="300082"/>
          </a:xfrm>
          <a:prstGeom prst="rect">
            <a:avLst/>
          </a:prstGeom>
          <a:noFill/>
        </p:spPr>
        <p:txBody>
          <a:bodyPr wrap="square" rtlCol="0">
            <a:spAutoFit/>
          </a:bodyPr>
          <a:lstStyle/>
          <a:p>
            <a:pPr algn="ctr"/>
            <a:r>
              <a:rPr lang="en-US" sz="1350" b="1" cap="all" spc="130" dirty="0">
                <a:solidFill>
                  <a:schemeClr val="accent2"/>
                </a:solidFill>
                <a:latin typeface="Brandon Grotesque Bold" panose="020B0503020203060202" pitchFamily="34" charset="77"/>
              </a:rPr>
              <a:t>GOVERNANCE</a:t>
            </a:r>
          </a:p>
        </p:txBody>
      </p:sp>
      <p:sp>
        <p:nvSpPr>
          <p:cNvPr id="12" name="TextBox 11">
            <a:extLst>
              <a:ext uri="{FF2B5EF4-FFF2-40B4-BE49-F238E27FC236}">
                <a16:creationId xmlns:a16="http://schemas.microsoft.com/office/drawing/2014/main" id="{C7F0737E-EAE0-CC4A-8A97-A49648F24D69}"/>
              </a:ext>
            </a:extLst>
          </p:cNvPr>
          <p:cNvSpPr txBox="1"/>
          <p:nvPr/>
        </p:nvSpPr>
        <p:spPr>
          <a:xfrm>
            <a:off x="7652566" y="4528148"/>
            <a:ext cx="2214448" cy="830997"/>
          </a:xfrm>
          <a:prstGeom prst="rect">
            <a:avLst/>
          </a:prstGeom>
          <a:noFill/>
        </p:spPr>
        <p:txBody>
          <a:bodyPr wrap="square" rtlCol="0">
            <a:spAutoFit/>
          </a:bodyPr>
          <a:lstStyle>
            <a:defPPr>
              <a:defRPr lang="en-US"/>
            </a:defPPr>
            <a:lvl1pPr marL="257175" indent="-228600">
              <a:spcAft>
                <a:spcPts val="900"/>
              </a:spcAft>
              <a:buClr>
                <a:schemeClr val="accent4">
                  <a:lumMod val="60000"/>
                  <a:lumOff val="40000"/>
                </a:schemeClr>
              </a:buClr>
              <a:buFont typeface="Arial" charset="0"/>
              <a:buChar char="•"/>
              <a:defRPr sz="1400">
                <a:solidFill>
                  <a:schemeClr val="accent4">
                    <a:lumMod val="60000"/>
                    <a:lumOff val="40000"/>
                  </a:schemeClr>
                </a:solidFill>
              </a:defRPr>
            </a:lvl1pPr>
          </a:lstStyle>
          <a:p>
            <a:pPr marL="165735" indent="-137160"/>
            <a:r>
              <a:rPr lang="en-US" sz="1200" dirty="0">
                <a:solidFill>
                  <a:schemeClr val="accent4">
                    <a:lumMod val="50000"/>
                  </a:schemeClr>
                </a:solidFill>
              </a:rPr>
              <a:t>What do we measure, how do we baseline performance and show improvement?</a:t>
            </a:r>
          </a:p>
        </p:txBody>
      </p:sp>
      <p:sp>
        <p:nvSpPr>
          <p:cNvPr id="3" name="Slide Number Placeholder 2">
            <a:extLst>
              <a:ext uri="{FF2B5EF4-FFF2-40B4-BE49-F238E27FC236}">
                <a16:creationId xmlns:a16="http://schemas.microsoft.com/office/drawing/2014/main" id="{3F487A7B-27E2-3F41-BCCF-16850886DDC5}"/>
              </a:ext>
            </a:extLst>
          </p:cNvPr>
          <p:cNvSpPr>
            <a:spLocks noGrp="1"/>
          </p:cNvSpPr>
          <p:nvPr>
            <p:ph type="sldNum" sz="quarter" idx="4"/>
          </p:nvPr>
        </p:nvSpPr>
        <p:spPr/>
        <p:txBody>
          <a:bodyPr/>
          <a:lstStyle/>
          <a:p>
            <a:fld id="{742ED878-647B-DB4D-84DF-0BCCAF9DD0BF}" type="slidenum">
              <a:rPr lang="en-US" smtClean="0"/>
              <a:pPr/>
              <a:t>9</a:t>
            </a:fld>
            <a:endParaRPr lang="en-US" dirty="0"/>
          </a:p>
        </p:txBody>
      </p:sp>
      <p:grpSp>
        <p:nvGrpSpPr>
          <p:cNvPr id="25" name="Group 24">
            <a:extLst>
              <a:ext uri="{FF2B5EF4-FFF2-40B4-BE49-F238E27FC236}">
                <a16:creationId xmlns:a16="http://schemas.microsoft.com/office/drawing/2014/main" id="{20DE60A0-F73A-264F-A940-45E9C419E25D}"/>
              </a:ext>
            </a:extLst>
          </p:cNvPr>
          <p:cNvGrpSpPr/>
          <p:nvPr/>
        </p:nvGrpSpPr>
        <p:grpSpPr>
          <a:xfrm>
            <a:off x="7771478" y="2233433"/>
            <a:ext cx="1680606" cy="1752350"/>
            <a:chOff x="7771478" y="2210553"/>
            <a:chExt cx="1680606" cy="1752350"/>
          </a:xfrm>
        </p:grpSpPr>
        <p:sp>
          <p:nvSpPr>
            <p:cNvPr id="26" name="Graphic 4">
              <a:extLst>
                <a:ext uri="{FF2B5EF4-FFF2-40B4-BE49-F238E27FC236}">
                  <a16:creationId xmlns:a16="http://schemas.microsoft.com/office/drawing/2014/main" id="{633C0804-4EBC-0B4B-BE7A-A2B7AE2BA1E7}"/>
                </a:ext>
              </a:extLst>
            </p:cNvPr>
            <p:cNvSpPr/>
            <p:nvPr/>
          </p:nvSpPr>
          <p:spPr>
            <a:xfrm>
              <a:off x="7771478" y="2210553"/>
              <a:ext cx="1680606" cy="1752350"/>
            </a:xfrm>
            <a:custGeom>
              <a:avLst/>
              <a:gdLst>
                <a:gd name="connsiteX0" fmla="*/ 826018 w 1680606"/>
                <a:gd name="connsiteY0" fmla="*/ 0 h 1752350"/>
                <a:gd name="connsiteX1" fmla="*/ 0 w 1680606"/>
                <a:gd name="connsiteY1" fmla="*/ 336502 h 1752350"/>
                <a:gd name="connsiteX2" fmla="*/ 0 w 1680606"/>
                <a:gd name="connsiteY2" fmla="*/ 1427912 h 1752350"/>
                <a:gd name="connsiteX3" fmla="*/ 826653 w 1680606"/>
                <a:gd name="connsiteY3" fmla="*/ 1752351 h 1752350"/>
                <a:gd name="connsiteX4" fmla="*/ 1680606 w 1680606"/>
                <a:gd name="connsiteY4" fmla="*/ 1416484 h 1752350"/>
                <a:gd name="connsiteX5" fmla="*/ 1680606 w 1680606"/>
                <a:gd name="connsiteY5" fmla="*/ 337137 h 1752350"/>
                <a:gd name="connsiteX6" fmla="*/ 826653 w 1680606"/>
                <a:gd name="connsiteY6" fmla="*/ 62221 h 1752350"/>
                <a:gd name="connsiteX7" fmla="*/ 1600861 w 1680606"/>
                <a:gd name="connsiteY7" fmla="*/ 367676 h 1752350"/>
                <a:gd name="connsiteX8" fmla="*/ 826653 w 1680606"/>
                <a:gd name="connsiteY8" fmla="*/ 664116 h 1752350"/>
                <a:gd name="connsiteX9" fmla="*/ 77776 w 1680606"/>
                <a:gd name="connsiteY9" fmla="*/ 367295 h 1752350"/>
                <a:gd name="connsiteX10" fmla="*/ 57777 w 1680606"/>
                <a:gd name="connsiteY10" fmla="*/ 422215 h 1752350"/>
                <a:gd name="connsiteX11" fmla="*/ 797447 w 1680606"/>
                <a:gd name="connsiteY11" fmla="*/ 715607 h 1752350"/>
                <a:gd name="connsiteX12" fmla="*/ 797447 w 1680606"/>
                <a:gd name="connsiteY12" fmla="*/ 1678701 h 1752350"/>
                <a:gd name="connsiteX13" fmla="*/ 57777 w 1680606"/>
                <a:gd name="connsiteY13" fmla="*/ 1388548 h 1752350"/>
                <a:gd name="connsiteX14" fmla="*/ 1622829 w 1680606"/>
                <a:gd name="connsiteY14" fmla="*/ 1377119 h 1752350"/>
                <a:gd name="connsiteX15" fmla="*/ 855223 w 1680606"/>
                <a:gd name="connsiteY15" fmla="*/ 1678892 h 1752350"/>
                <a:gd name="connsiteX16" fmla="*/ 855223 w 1680606"/>
                <a:gd name="connsiteY16" fmla="*/ 715797 h 1752350"/>
                <a:gd name="connsiteX17" fmla="*/ 1622829 w 1680606"/>
                <a:gd name="connsiteY17" fmla="*/ 421580 h 1752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680606" h="1752350">
                  <a:moveTo>
                    <a:pt x="826018" y="0"/>
                  </a:moveTo>
                  <a:lnTo>
                    <a:pt x="0" y="336502"/>
                  </a:lnTo>
                  <a:lnTo>
                    <a:pt x="0" y="1427912"/>
                  </a:lnTo>
                  <a:lnTo>
                    <a:pt x="826653" y="1752351"/>
                  </a:lnTo>
                  <a:lnTo>
                    <a:pt x="1680606" y="1416484"/>
                  </a:lnTo>
                  <a:lnTo>
                    <a:pt x="1680606" y="337137"/>
                  </a:lnTo>
                  <a:close/>
                  <a:moveTo>
                    <a:pt x="826653" y="62221"/>
                  </a:moveTo>
                  <a:lnTo>
                    <a:pt x="1600861" y="367676"/>
                  </a:lnTo>
                  <a:lnTo>
                    <a:pt x="826653" y="664116"/>
                  </a:lnTo>
                  <a:lnTo>
                    <a:pt x="77776" y="367295"/>
                  </a:lnTo>
                  <a:close/>
                  <a:moveTo>
                    <a:pt x="57777" y="422215"/>
                  </a:moveTo>
                  <a:lnTo>
                    <a:pt x="797447" y="715607"/>
                  </a:lnTo>
                  <a:lnTo>
                    <a:pt x="797447" y="1678701"/>
                  </a:lnTo>
                  <a:lnTo>
                    <a:pt x="57777" y="1388548"/>
                  </a:lnTo>
                  <a:close/>
                  <a:moveTo>
                    <a:pt x="1622829" y="1377119"/>
                  </a:moveTo>
                  <a:lnTo>
                    <a:pt x="855223" y="1678892"/>
                  </a:lnTo>
                  <a:lnTo>
                    <a:pt x="855223" y="715797"/>
                  </a:lnTo>
                  <a:lnTo>
                    <a:pt x="1622829" y="421580"/>
                  </a:lnTo>
                  <a:close/>
                </a:path>
              </a:pathLst>
            </a:custGeom>
            <a:solidFill>
              <a:schemeClr val="accent2"/>
            </a:solidFill>
            <a:ln w="6317" cap="flat">
              <a:noFill/>
              <a:prstDash val="solid"/>
              <a:miter/>
            </a:ln>
          </p:spPr>
          <p:txBody>
            <a:bodyPr rtlCol="0" anchor="ctr"/>
            <a:lstStyle/>
            <a:p>
              <a:endParaRPr lang="en-US"/>
            </a:p>
          </p:txBody>
        </p:sp>
        <p:sp>
          <p:nvSpPr>
            <p:cNvPr id="29" name="Graphic 4">
              <a:extLst>
                <a:ext uri="{FF2B5EF4-FFF2-40B4-BE49-F238E27FC236}">
                  <a16:creationId xmlns:a16="http://schemas.microsoft.com/office/drawing/2014/main" id="{E181FB9A-4044-904D-AA24-41662E1D9A59}"/>
                </a:ext>
              </a:extLst>
            </p:cNvPr>
            <p:cNvSpPr/>
            <p:nvPr/>
          </p:nvSpPr>
          <p:spPr>
            <a:xfrm>
              <a:off x="8457181" y="2434676"/>
              <a:ext cx="333327" cy="280630"/>
            </a:xfrm>
            <a:custGeom>
              <a:avLst/>
              <a:gdLst>
                <a:gd name="connsiteX0" fmla="*/ 107935 w 333327"/>
                <a:gd name="connsiteY0" fmla="*/ 280630 h 280630"/>
                <a:gd name="connsiteX1" fmla="*/ 0 w 333327"/>
                <a:gd name="connsiteY1" fmla="*/ 165711 h 280630"/>
                <a:gd name="connsiteX2" fmla="*/ 42539 w 333327"/>
                <a:gd name="connsiteY2" fmla="*/ 125712 h 280630"/>
                <a:gd name="connsiteX3" fmla="*/ 107935 w 333327"/>
                <a:gd name="connsiteY3" fmla="*/ 195552 h 280630"/>
                <a:gd name="connsiteX4" fmla="*/ 291424 w 333327"/>
                <a:gd name="connsiteY4" fmla="*/ 0 h 280630"/>
                <a:gd name="connsiteX5" fmla="*/ 333328 w 333327"/>
                <a:gd name="connsiteY5" fmla="*/ 39364 h 280630"/>
                <a:gd name="connsiteX6" fmla="*/ 107935 w 333327"/>
                <a:gd name="connsiteY6" fmla="*/ 280630 h 280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3327" h="280630">
                  <a:moveTo>
                    <a:pt x="107935" y="280630"/>
                  </a:moveTo>
                  <a:lnTo>
                    <a:pt x="0" y="165711"/>
                  </a:lnTo>
                  <a:lnTo>
                    <a:pt x="42539" y="125712"/>
                  </a:lnTo>
                  <a:lnTo>
                    <a:pt x="107935" y="195552"/>
                  </a:lnTo>
                  <a:lnTo>
                    <a:pt x="291424" y="0"/>
                  </a:lnTo>
                  <a:lnTo>
                    <a:pt x="333328" y="39364"/>
                  </a:lnTo>
                  <a:lnTo>
                    <a:pt x="107935" y="280630"/>
                  </a:lnTo>
                  <a:close/>
                </a:path>
              </a:pathLst>
            </a:custGeom>
            <a:solidFill>
              <a:schemeClr val="accent1"/>
            </a:solidFill>
            <a:ln w="6317" cap="flat">
              <a:noFill/>
              <a:prstDash val="solid"/>
              <a:miter/>
            </a:ln>
          </p:spPr>
          <p:txBody>
            <a:bodyPr rtlCol="0" anchor="ctr"/>
            <a:lstStyle/>
            <a:p>
              <a:endParaRPr lang="en-US"/>
            </a:p>
          </p:txBody>
        </p:sp>
      </p:grpSp>
      <p:grpSp>
        <p:nvGrpSpPr>
          <p:cNvPr id="33" name="Group 32">
            <a:extLst>
              <a:ext uri="{FF2B5EF4-FFF2-40B4-BE49-F238E27FC236}">
                <a16:creationId xmlns:a16="http://schemas.microsoft.com/office/drawing/2014/main" id="{B2652DBC-2E45-4C43-8069-83F987527021}"/>
              </a:ext>
            </a:extLst>
          </p:cNvPr>
          <p:cNvGrpSpPr/>
          <p:nvPr/>
        </p:nvGrpSpPr>
        <p:grpSpPr>
          <a:xfrm>
            <a:off x="4806214" y="2219939"/>
            <a:ext cx="1732831" cy="1752985"/>
            <a:chOff x="5262125" y="2197059"/>
            <a:chExt cx="1732831" cy="1752985"/>
          </a:xfrm>
        </p:grpSpPr>
        <p:sp>
          <p:nvSpPr>
            <p:cNvPr id="34" name="Graphic 8">
              <a:extLst>
                <a:ext uri="{FF2B5EF4-FFF2-40B4-BE49-F238E27FC236}">
                  <a16:creationId xmlns:a16="http://schemas.microsoft.com/office/drawing/2014/main" id="{CD768F25-8BB8-7C47-9A4C-20574604267E}"/>
                </a:ext>
              </a:extLst>
            </p:cNvPr>
            <p:cNvSpPr/>
            <p:nvPr/>
          </p:nvSpPr>
          <p:spPr>
            <a:xfrm>
              <a:off x="6071480" y="2197059"/>
              <a:ext cx="113013" cy="113013"/>
            </a:xfrm>
            <a:custGeom>
              <a:avLst/>
              <a:gdLst>
                <a:gd name="connsiteX0" fmla="*/ 113014 w 113013"/>
                <a:gd name="connsiteY0" fmla="*/ 56507 h 113013"/>
                <a:gd name="connsiteX1" fmla="*/ 56507 w 113013"/>
                <a:gd name="connsiteY1" fmla="*/ 113014 h 113013"/>
                <a:gd name="connsiteX2" fmla="*/ 0 w 113013"/>
                <a:gd name="connsiteY2" fmla="*/ 56507 h 113013"/>
                <a:gd name="connsiteX3" fmla="*/ 56507 w 113013"/>
                <a:gd name="connsiteY3" fmla="*/ 0 h 113013"/>
                <a:gd name="connsiteX4" fmla="*/ 113014 w 113013"/>
                <a:gd name="connsiteY4" fmla="*/ 56507 h 1130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013" h="113013">
                  <a:moveTo>
                    <a:pt x="113014" y="56507"/>
                  </a:moveTo>
                  <a:cubicBezTo>
                    <a:pt x="113014" y="87715"/>
                    <a:pt x="87715" y="113014"/>
                    <a:pt x="56507" y="113014"/>
                  </a:cubicBezTo>
                  <a:cubicBezTo>
                    <a:pt x="25299" y="113014"/>
                    <a:pt x="0" y="87715"/>
                    <a:pt x="0" y="56507"/>
                  </a:cubicBezTo>
                  <a:cubicBezTo>
                    <a:pt x="0" y="25299"/>
                    <a:pt x="25299" y="0"/>
                    <a:pt x="56507" y="0"/>
                  </a:cubicBezTo>
                  <a:cubicBezTo>
                    <a:pt x="87715" y="0"/>
                    <a:pt x="113014" y="25299"/>
                    <a:pt x="113014" y="56507"/>
                  </a:cubicBezTo>
                  <a:close/>
                </a:path>
              </a:pathLst>
            </a:custGeom>
            <a:solidFill>
              <a:schemeClr val="accent1"/>
            </a:solidFill>
            <a:ln w="6317" cap="flat">
              <a:noFill/>
              <a:prstDash val="solid"/>
              <a:miter/>
            </a:ln>
          </p:spPr>
          <p:txBody>
            <a:bodyPr rtlCol="0" anchor="ctr"/>
            <a:lstStyle/>
            <a:p>
              <a:endParaRPr lang="en-US"/>
            </a:p>
          </p:txBody>
        </p:sp>
        <p:sp>
          <p:nvSpPr>
            <p:cNvPr id="42" name="Graphic 8">
              <a:extLst>
                <a:ext uri="{FF2B5EF4-FFF2-40B4-BE49-F238E27FC236}">
                  <a16:creationId xmlns:a16="http://schemas.microsoft.com/office/drawing/2014/main" id="{9AAD6A09-1F68-AB43-82BC-55895CE6CD73}"/>
                </a:ext>
              </a:extLst>
            </p:cNvPr>
            <p:cNvSpPr/>
            <p:nvPr/>
          </p:nvSpPr>
          <p:spPr>
            <a:xfrm>
              <a:off x="5262125" y="2229414"/>
              <a:ext cx="1732831" cy="1720630"/>
            </a:xfrm>
            <a:custGeom>
              <a:avLst/>
              <a:gdLst>
                <a:gd name="connsiteX0" fmla="*/ 1013796 w 1732831"/>
                <a:gd name="connsiteY0" fmla="*/ 660 h 1720630"/>
                <a:gd name="connsiteX1" fmla="*/ 1012209 w 1732831"/>
                <a:gd name="connsiteY1" fmla="*/ 660 h 1720630"/>
                <a:gd name="connsiteX2" fmla="*/ 1008399 w 1732831"/>
                <a:gd name="connsiteY2" fmla="*/ 25 h 1720630"/>
                <a:gd name="connsiteX3" fmla="*/ 979803 w 1732831"/>
                <a:gd name="connsiteY3" fmla="*/ 28825 h 1720630"/>
                <a:gd name="connsiteX4" fmla="*/ 1001415 w 1732831"/>
                <a:gd name="connsiteY4" fmla="*/ 56532 h 1720630"/>
                <a:gd name="connsiteX5" fmla="*/ 1002050 w 1732831"/>
                <a:gd name="connsiteY5" fmla="*/ 56532 h 1720630"/>
                <a:gd name="connsiteX6" fmla="*/ 1004590 w 1732831"/>
                <a:gd name="connsiteY6" fmla="*/ 57167 h 1720630"/>
                <a:gd name="connsiteX7" fmla="*/ 1014114 w 1732831"/>
                <a:gd name="connsiteY7" fmla="*/ 58436 h 1720630"/>
                <a:gd name="connsiteX8" fmla="*/ 1661779 w 1732831"/>
                <a:gd name="connsiteY8" fmla="*/ 1002223 h 1720630"/>
                <a:gd name="connsiteX9" fmla="*/ 717992 w 1732831"/>
                <a:gd name="connsiteY9" fmla="*/ 1649888 h 1720630"/>
                <a:gd name="connsiteX10" fmla="*/ 56670 w 1732831"/>
                <a:gd name="connsiteY10" fmla="*/ 853978 h 1720630"/>
                <a:gd name="connsiteX11" fmla="*/ 718881 w 1732831"/>
                <a:gd name="connsiteY11" fmla="*/ 58436 h 1720630"/>
                <a:gd name="connsiteX12" fmla="*/ 728404 w 1732831"/>
                <a:gd name="connsiteY12" fmla="*/ 57167 h 1720630"/>
                <a:gd name="connsiteX13" fmla="*/ 732849 w 1732831"/>
                <a:gd name="connsiteY13" fmla="*/ 56532 h 1720630"/>
                <a:gd name="connsiteX14" fmla="*/ 733483 w 1732831"/>
                <a:gd name="connsiteY14" fmla="*/ 56532 h 1720630"/>
                <a:gd name="connsiteX15" fmla="*/ 754435 w 1732831"/>
                <a:gd name="connsiteY15" fmla="*/ 28596 h 1720630"/>
                <a:gd name="connsiteX16" fmla="*/ 726118 w 1732831"/>
                <a:gd name="connsiteY16" fmla="*/ 25 h 1720630"/>
                <a:gd name="connsiteX17" fmla="*/ 725865 w 1732831"/>
                <a:gd name="connsiteY17" fmla="*/ 25 h 1720630"/>
                <a:gd name="connsiteX18" fmla="*/ 721420 w 1732831"/>
                <a:gd name="connsiteY18" fmla="*/ 660 h 1720630"/>
                <a:gd name="connsiteX19" fmla="*/ 12328 w 1732831"/>
                <a:gd name="connsiteY19" fmla="*/ 999347 h 1720630"/>
                <a:gd name="connsiteX20" fmla="*/ 866814 w 1732831"/>
                <a:gd name="connsiteY20" fmla="*/ 1720630 h 1720630"/>
                <a:gd name="connsiteX21" fmla="*/ 1732831 w 1732831"/>
                <a:gd name="connsiteY21" fmla="*/ 853978 h 1720630"/>
                <a:gd name="connsiteX22" fmla="*/ 1013796 w 1732831"/>
                <a:gd name="connsiteY22" fmla="*/ 660 h 1720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732831" h="1720630">
                  <a:moveTo>
                    <a:pt x="1013796" y="660"/>
                  </a:moveTo>
                  <a:lnTo>
                    <a:pt x="1012209" y="660"/>
                  </a:lnTo>
                  <a:cubicBezTo>
                    <a:pt x="1010939" y="660"/>
                    <a:pt x="1009669" y="25"/>
                    <a:pt x="1008399" y="25"/>
                  </a:cubicBezTo>
                  <a:cubicBezTo>
                    <a:pt x="992552" y="81"/>
                    <a:pt x="979746" y="12976"/>
                    <a:pt x="979803" y="28825"/>
                  </a:cubicBezTo>
                  <a:cubicBezTo>
                    <a:pt x="979854" y="41906"/>
                    <a:pt x="988736" y="53301"/>
                    <a:pt x="1001415" y="56532"/>
                  </a:cubicBezTo>
                  <a:lnTo>
                    <a:pt x="1002050" y="56532"/>
                  </a:lnTo>
                  <a:cubicBezTo>
                    <a:pt x="1002685" y="56532"/>
                    <a:pt x="1003955" y="57167"/>
                    <a:pt x="1004590" y="57167"/>
                  </a:cubicBezTo>
                  <a:lnTo>
                    <a:pt x="1014114" y="58436"/>
                  </a:lnTo>
                  <a:cubicBezTo>
                    <a:pt x="1453579" y="140208"/>
                    <a:pt x="1743549" y="562756"/>
                    <a:pt x="1661779" y="1002223"/>
                  </a:cubicBezTo>
                  <a:cubicBezTo>
                    <a:pt x="1580009" y="1441689"/>
                    <a:pt x="1157457" y="1731658"/>
                    <a:pt x="717992" y="1649888"/>
                  </a:cubicBezTo>
                  <a:cubicBezTo>
                    <a:pt x="334594" y="1578550"/>
                    <a:pt x="56581" y="1243959"/>
                    <a:pt x="56670" y="853978"/>
                  </a:cubicBezTo>
                  <a:cubicBezTo>
                    <a:pt x="56670" y="457795"/>
                    <a:pt x="342379" y="128276"/>
                    <a:pt x="718881" y="58436"/>
                  </a:cubicBezTo>
                  <a:lnTo>
                    <a:pt x="728404" y="57167"/>
                  </a:lnTo>
                  <a:cubicBezTo>
                    <a:pt x="729674" y="57167"/>
                    <a:pt x="730944" y="56532"/>
                    <a:pt x="732849" y="56532"/>
                  </a:cubicBezTo>
                  <a:lnTo>
                    <a:pt x="733483" y="56532"/>
                  </a:lnTo>
                  <a:cubicBezTo>
                    <a:pt x="745966" y="53010"/>
                    <a:pt x="754550" y="41567"/>
                    <a:pt x="754435" y="28596"/>
                  </a:cubicBezTo>
                  <a:cubicBezTo>
                    <a:pt x="754505" y="12887"/>
                    <a:pt x="741826" y="95"/>
                    <a:pt x="726118" y="25"/>
                  </a:cubicBezTo>
                  <a:cubicBezTo>
                    <a:pt x="726036" y="24"/>
                    <a:pt x="725947" y="24"/>
                    <a:pt x="725865" y="25"/>
                  </a:cubicBezTo>
                  <a:cubicBezTo>
                    <a:pt x="724353" y="-78"/>
                    <a:pt x="722842" y="139"/>
                    <a:pt x="721420" y="660"/>
                  </a:cubicBezTo>
                  <a:cubicBezTo>
                    <a:pt x="249829" y="80630"/>
                    <a:pt x="-67642" y="527758"/>
                    <a:pt x="12328" y="999347"/>
                  </a:cubicBezTo>
                  <a:cubicBezTo>
                    <a:pt x="82994" y="1416070"/>
                    <a:pt x="444141" y="1720922"/>
                    <a:pt x="866814" y="1720630"/>
                  </a:cubicBezTo>
                  <a:cubicBezTo>
                    <a:pt x="1344901" y="1720630"/>
                    <a:pt x="1732831" y="1331430"/>
                    <a:pt x="1732831" y="853978"/>
                  </a:cubicBezTo>
                  <a:cubicBezTo>
                    <a:pt x="1732349" y="432605"/>
                    <a:pt x="1428983" y="72585"/>
                    <a:pt x="1013796" y="660"/>
                  </a:cubicBezTo>
                  <a:close/>
                </a:path>
              </a:pathLst>
            </a:custGeom>
            <a:solidFill>
              <a:schemeClr val="accent2"/>
            </a:solidFill>
            <a:ln w="6317" cap="flat">
              <a:noFill/>
              <a:prstDash val="solid"/>
              <a:miter/>
            </a:ln>
          </p:spPr>
          <p:txBody>
            <a:bodyPr rtlCol="0" anchor="ctr"/>
            <a:lstStyle/>
            <a:p>
              <a:endParaRPr lang="en-US"/>
            </a:p>
          </p:txBody>
        </p:sp>
        <p:sp>
          <p:nvSpPr>
            <p:cNvPr id="43" name="Graphic 8">
              <a:extLst>
                <a:ext uri="{FF2B5EF4-FFF2-40B4-BE49-F238E27FC236}">
                  <a16:creationId xmlns:a16="http://schemas.microsoft.com/office/drawing/2014/main" id="{8B1DC013-75F2-2F45-839A-ED7C4723D04C}"/>
                </a:ext>
              </a:extLst>
            </p:cNvPr>
            <p:cNvSpPr/>
            <p:nvPr/>
          </p:nvSpPr>
          <p:spPr>
            <a:xfrm>
              <a:off x="5503871" y="2466578"/>
              <a:ext cx="1246962" cy="1246861"/>
            </a:xfrm>
            <a:custGeom>
              <a:avLst/>
              <a:gdLst>
                <a:gd name="connsiteX0" fmla="*/ 0 w 1246962"/>
                <a:gd name="connsiteY0" fmla="*/ 623164 h 1246861"/>
                <a:gd name="connsiteX1" fmla="*/ 623266 w 1246962"/>
                <a:gd name="connsiteY1" fmla="*/ 1246861 h 1246861"/>
                <a:gd name="connsiteX2" fmla="*/ 1246963 w 1246962"/>
                <a:gd name="connsiteY2" fmla="*/ 623589 h 1246861"/>
                <a:gd name="connsiteX3" fmla="*/ 988745 w 1246962"/>
                <a:gd name="connsiteY3" fmla="*/ 118093 h 1246861"/>
                <a:gd name="connsiteX4" fmla="*/ 1030776 w 1246962"/>
                <a:gd name="connsiteY4" fmla="*/ 61269 h 1246861"/>
                <a:gd name="connsiteX5" fmla="*/ 883159 w 1246962"/>
                <a:gd name="connsiteY5" fmla="*/ 79999 h 1246861"/>
                <a:gd name="connsiteX6" fmla="*/ 908556 w 1246962"/>
                <a:gd name="connsiteY6" fmla="*/ 227298 h 1246861"/>
                <a:gd name="connsiteX7" fmla="*/ 963158 w 1246962"/>
                <a:gd name="connsiteY7" fmla="*/ 153077 h 1246861"/>
                <a:gd name="connsiteX8" fmla="*/ 954904 w 1246962"/>
                <a:gd name="connsiteY8" fmla="*/ 164442 h 1246861"/>
                <a:gd name="connsiteX9" fmla="*/ 1081016 w 1246962"/>
                <a:gd name="connsiteY9" fmla="*/ 954377 h 1246861"/>
                <a:gd name="connsiteX10" fmla="*/ 291080 w 1246962"/>
                <a:gd name="connsiteY10" fmla="*/ 1080483 h 1246861"/>
                <a:gd name="connsiteX11" fmla="*/ 164970 w 1246962"/>
                <a:gd name="connsiteY11" fmla="*/ 290552 h 1246861"/>
                <a:gd name="connsiteX12" fmla="*/ 624434 w 1246962"/>
                <a:gd name="connsiteY12" fmla="*/ 56824 h 1246861"/>
                <a:gd name="connsiteX13" fmla="*/ 639037 w 1246962"/>
                <a:gd name="connsiteY13" fmla="*/ 57459 h 1246861"/>
                <a:gd name="connsiteX14" fmla="*/ 668877 w 1246962"/>
                <a:gd name="connsiteY14" fmla="*/ 29206 h 1246861"/>
                <a:gd name="connsiteX15" fmla="*/ 640941 w 1246962"/>
                <a:gd name="connsiteY15" fmla="*/ 635 h 1246861"/>
                <a:gd name="connsiteX16" fmla="*/ 638402 w 1246962"/>
                <a:gd name="connsiteY16" fmla="*/ 635 h 1246861"/>
                <a:gd name="connsiteX17" fmla="*/ 623799 w 1246962"/>
                <a:gd name="connsiteY17" fmla="*/ 0 h 1246861"/>
                <a:gd name="connsiteX18" fmla="*/ 0 w 1246962"/>
                <a:gd name="connsiteY18" fmla="*/ 623164 h 1246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246962" h="1246861">
                  <a:moveTo>
                    <a:pt x="0" y="623164"/>
                  </a:moveTo>
                  <a:cubicBezTo>
                    <a:pt x="-117" y="967501"/>
                    <a:pt x="278929" y="1246741"/>
                    <a:pt x="623266" y="1246861"/>
                  </a:cubicBezTo>
                  <a:cubicBezTo>
                    <a:pt x="967609" y="1246975"/>
                    <a:pt x="1246842" y="967926"/>
                    <a:pt x="1246963" y="623589"/>
                  </a:cubicBezTo>
                  <a:cubicBezTo>
                    <a:pt x="1247033" y="423409"/>
                    <a:pt x="1150977" y="235369"/>
                    <a:pt x="988745" y="118093"/>
                  </a:cubicBezTo>
                  <a:lnTo>
                    <a:pt x="1030776" y="61269"/>
                  </a:lnTo>
                  <a:lnTo>
                    <a:pt x="883159" y="79999"/>
                  </a:lnTo>
                  <a:lnTo>
                    <a:pt x="908556" y="227298"/>
                  </a:lnTo>
                  <a:lnTo>
                    <a:pt x="963158" y="153077"/>
                  </a:lnTo>
                  <a:lnTo>
                    <a:pt x="954904" y="164442"/>
                  </a:lnTo>
                  <a:cubicBezTo>
                    <a:pt x="1207865" y="347753"/>
                    <a:pt x="1264321" y="701417"/>
                    <a:pt x="1081016" y="954377"/>
                  </a:cubicBezTo>
                  <a:cubicBezTo>
                    <a:pt x="897705" y="1207332"/>
                    <a:pt x="544041" y="1263794"/>
                    <a:pt x="291080" y="1080483"/>
                  </a:cubicBezTo>
                  <a:cubicBezTo>
                    <a:pt x="38121" y="897178"/>
                    <a:pt x="-18340" y="543508"/>
                    <a:pt x="164970" y="290552"/>
                  </a:cubicBezTo>
                  <a:cubicBezTo>
                    <a:pt x="271659" y="143326"/>
                    <a:pt x="442615" y="56361"/>
                    <a:pt x="624434" y="56824"/>
                  </a:cubicBezTo>
                  <a:cubicBezTo>
                    <a:pt x="629310" y="56706"/>
                    <a:pt x="634186" y="56918"/>
                    <a:pt x="639037" y="57459"/>
                  </a:cubicBezTo>
                  <a:cubicBezTo>
                    <a:pt x="655062" y="57851"/>
                    <a:pt x="668395" y="45228"/>
                    <a:pt x="668877" y="29206"/>
                  </a:cubicBezTo>
                  <a:cubicBezTo>
                    <a:pt x="668344" y="13895"/>
                    <a:pt x="656236" y="1511"/>
                    <a:pt x="640941" y="635"/>
                  </a:cubicBezTo>
                  <a:lnTo>
                    <a:pt x="638402" y="635"/>
                  </a:lnTo>
                  <a:cubicBezTo>
                    <a:pt x="633322" y="635"/>
                    <a:pt x="628878" y="0"/>
                    <a:pt x="623799" y="0"/>
                  </a:cubicBezTo>
                  <a:cubicBezTo>
                    <a:pt x="279619" y="210"/>
                    <a:pt x="560" y="278984"/>
                    <a:pt x="0" y="623164"/>
                  </a:cubicBezTo>
                  <a:close/>
                </a:path>
              </a:pathLst>
            </a:custGeom>
            <a:solidFill>
              <a:schemeClr val="accent2"/>
            </a:solidFill>
            <a:ln w="6317" cap="flat">
              <a:noFill/>
              <a:prstDash val="solid"/>
              <a:miter/>
            </a:ln>
          </p:spPr>
          <p:txBody>
            <a:bodyPr rtlCol="0" anchor="ctr"/>
            <a:lstStyle/>
            <a:p>
              <a:endParaRPr lang="en-US"/>
            </a:p>
          </p:txBody>
        </p:sp>
        <p:sp>
          <p:nvSpPr>
            <p:cNvPr id="44" name="Graphic 8">
              <a:extLst>
                <a:ext uri="{FF2B5EF4-FFF2-40B4-BE49-F238E27FC236}">
                  <a16:creationId xmlns:a16="http://schemas.microsoft.com/office/drawing/2014/main" id="{7E9DC9AC-3661-7D41-97C6-C02DB81178B2}"/>
                </a:ext>
              </a:extLst>
            </p:cNvPr>
            <p:cNvSpPr/>
            <p:nvPr/>
          </p:nvSpPr>
          <p:spPr>
            <a:xfrm>
              <a:off x="5724502" y="2747525"/>
              <a:ext cx="746018" cy="684432"/>
            </a:xfrm>
            <a:custGeom>
              <a:avLst/>
              <a:gdLst>
                <a:gd name="connsiteX0" fmla="*/ 403803 w 746018"/>
                <a:gd name="connsiteY0" fmla="*/ 684433 h 684432"/>
                <a:gd name="connsiteX1" fmla="*/ 746019 w 746018"/>
                <a:gd name="connsiteY1" fmla="*/ 342217 h 684432"/>
                <a:gd name="connsiteX2" fmla="*/ 403803 w 746018"/>
                <a:gd name="connsiteY2" fmla="*/ 0 h 684432"/>
                <a:gd name="connsiteX3" fmla="*/ 216504 w 746018"/>
                <a:gd name="connsiteY3" fmla="*/ 56507 h 684432"/>
                <a:gd name="connsiteX4" fmla="*/ 203171 w 746018"/>
                <a:gd name="connsiteY4" fmla="*/ 80634 h 684432"/>
                <a:gd name="connsiteX5" fmla="*/ 231488 w 746018"/>
                <a:gd name="connsiteY5" fmla="*/ 109205 h 684432"/>
                <a:gd name="connsiteX6" fmla="*/ 231742 w 746018"/>
                <a:gd name="connsiteY6" fmla="*/ 109205 h 684432"/>
                <a:gd name="connsiteX7" fmla="*/ 247615 w 746018"/>
                <a:gd name="connsiteY7" fmla="*/ 104125 h 684432"/>
                <a:gd name="connsiteX8" fmla="*/ 403803 w 746018"/>
                <a:gd name="connsiteY8" fmla="*/ 57142 h 684432"/>
                <a:gd name="connsiteX9" fmla="*/ 688585 w 746018"/>
                <a:gd name="connsiteY9" fmla="*/ 342509 h 684432"/>
                <a:gd name="connsiteX10" fmla="*/ 403225 w 746018"/>
                <a:gd name="connsiteY10" fmla="*/ 627291 h 684432"/>
                <a:gd name="connsiteX11" fmla="*/ 124823 w 746018"/>
                <a:gd name="connsiteY11" fmla="*/ 402216 h 684432"/>
                <a:gd name="connsiteX12" fmla="*/ 201012 w 746018"/>
                <a:gd name="connsiteY12" fmla="*/ 386597 h 684432"/>
                <a:gd name="connsiteX13" fmla="*/ 79999 w 746018"/>
                <a:gd name="connsiteY13" fmla="*/ 301582 h 684432"/>
                <a:gd name="connsiteX14" fmla="*/ 0 w 746018"/>
                <a:gd name="connsiteY14" fmla="*/ 427929 h 684432"/>
                <a:gd name="connsiteX15" fmla="*/ 89649 w 746018"/>
                <a:gd name="connsiteY15" fmla="*/ 409517 h 684432"/>
                <a:gd name="connsiteX16" fmla="*/ 69205 w 746018"/>
                <a:gd name="connsiteY16" fmla="*/ 413961 h 684432"/>
                <a:gd name="connsiteX17" fmla="*/ 403803 w 746018"/>
                <a:gd name="connsiteY17" fmla="*/ 684433 h 684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46018" h="684432">
                  <a:moveTo>
                    <a:pt x="403803" y="684433"/>
                  </a:moveTo>
                  <a:cubicBezTo>
                    <a:pt x="592803" y="684433"/>
                    <a:pt x="746019" y="531216"/>
                    <a:pt x="746019" y="342217"/>
                  </a:cubicBezTo>
                  <a:cubicBezTo>
                    <a:pt x="746019" y="153217"/>
                    <a:pt x="592803" y="0"/>
                    <a:pt x="403803" y="0"/>
                  </a:cubicBezTo>
                  <a:cubicBezTo>
                    <a:pt x="337162" y="-72"/>
                    <a:pt x="271989" y="19590"/>
                    <a:pt x="216504" y="56507"/>
                  </a:cubicBezTo>
                  <a:cubicBezTo>
                    <a:pt x="208339" y="61847"/>
                    <a:pt x="203349" y="70882"/>
                    <a:pt x="203171" y="80634"/>
                  </a:cubicBezTo>
                  <a:cubicBezTo>
                    <a:pt x="203101" y="96341"/>
                    <a:pt x="215780" y="109135"/>
                    <a:pt x="231488" y="109205"/>
                  </a:cubicBezTo>
                  <a:cubicBezTo>
                    <a:pt x="231571" y="109205"/>
                    <a:pt x="231660" y="109205"/>
                    <a:pt x="231742" y="109205"/>
                  </a:cubicBezTo>
                  <a:cubicBezTo>
                    <a:pt x="237431" y="109173"/>
                    <a:pt x="242967" y="107402"/>
                    <a:pt x="247615" y="104125"/>
                  </a:cubicBezTo>
                  <a:cubicBezTo>
                    <a:pt x="293887" y="73370"/>
                    <a:pt x="348242" y="57021"/>
                    <a:pt x="403803" y="57142"/>
                  </a:cubicBezTo>
                  <a:cubicBezTo>
                    <a:pt x="561248" y="57301"/>
                    <a:pt x="688750" y="185064"/>
                    <a:pt x="688585" y="342509"/>
                  </a:cubicBezTo>
                  <a:cubicBezTo>
                    <a:pt x="688426" y="499947"/>
                    <a:pt x="560663" y="627450"/>
                    <a:pt x="403225" y="627291"/>
                  </a:cubicBezTo>
                  <a:cubicBezTo>
                    <a:pt x="269011" y="627151"/>
                    <a:pt x="153070" y="533420"/>
                    <a:pt x="124823" y="402216"/>
                  </a:cubicBezTo>
                  <a:lnTo>
                    <a:pt x="201012" y="386597"/>
                  </a:lnTo>
                  <a:lnTo>
                    <a:pt x="79999" y="301582"/>
                  </a:lnTo>
                  <a:lnTo>
                    <a:pt x="0" y="427929"/>
                  </a:lnTo>
                  <a:lnTo>
                    <a:pt x="89649" y="409517"/>
                  </a:lnTo>
                  <a:lnTo>
                    <a:pt x="69205" y="413961"/>
                  </a:lnTo>
                  <a:cubicBezTo>
                    <a:pt x="103249" y="571590"/>
                    <a:pt x="242542" y="684185"/>
                    <a:pt x="403803" y="684433"/>
                  </a:cubicBezTo>
                  <a:close/>
                </a:path>
              </a:pathLst>
            </a:custGeom>
            <a:solidFill>
              <a:schemeClr val="accent2"/>
            </a:solidFill>
            <a:ln w="6317" cap="flat">
              <a:noFill/>
              <a:prstDash val="solid"/>
              <a:miter/>
            </a:ln>
          </p:spPr>
          <p:txBody>
            <a:bodyPr rtlCol="0" anchor="ctr"/>
            <a:lstStyle/>
            <a:p>
              <a:endParaRPr lang="en-US"/>
            </a:p>
          </p:txBody>
        </p:sp>
      </p:grpSp>
      <p:grpSp>
        <p:nvGrpSpPr>
          <p:cNvPr id="45" name="Group 44">
            <a:extLst>
              <a:ext uri="{FF2B5EF4-FFF2-40B4-BE49-F238E27FC236}">
                <a16:creationId xmlns:a16="http://schemas.microsoft.com/office/drawing/2014/main" id="{2A4B2A33-87F7-D74B-97BC-529F0247462D}"/>
              </a:ext>
            </a:extLst>
          </p:cNvPr>
          <p:cNvGrpSpPr/>
          <p:nvPr/>
        </p:nvGrpSpPr>
        <p:grpSpPr>
          <a:xfrm>
            <a:off x="1871588" y="2246108"/>
            <a:ext cx="1702193" cy="1681241"/>
            <a:chOff x="2878032" y="2246108"/>
            <a:chExt cx="1702193" cy="1681241"/>
          </a:xfrm>
        </p:grpSpPr>
        <p:sp>
          <p:nvSpPr>
            <p:cNvPr id="46" name="Graphic 6">
              <a:extLst>
                <a:ext uri="{FF2B5EF4-FFF2-40B4-BE49-F238E27FC236}">
                  <a16:creationId xmlns:a16="http://schemas.microsoft.com/office/drawing/2014/main" id="{03C99016-D5F8-9D47-97C6-374FE9F4C1F7}"/>
                </a:ext>
              </a:extLst>
            </p:cNvPr>
            <p:cNvSpPr/>
            <p:nvPr/>
          </p:nvSpPr>
          <p:spPr>
            <a:xfrm>
              <a:off x="3176123" y="2534992"/>
              <a:ext cx="197456" cy="177774"/>
            </a:xfrm>
            <a:custGeom>
              <a:avLst/>
              <a:gdLst>
                <a:gd name="connsiteX0" fmla="*/ 66666 w 197456"/>
                <a:gd name="connsiteY0" fmla="*/ 177775 h 177774"/>
                <a:gd name="connsiteX1" fmla="*/ 0 w 197456"/>
                <a:gd name="connsiteY1" fmla="*/ 106030 h 177774"/>
                <a:gd name="connsiteX2" fmla="*/ 40634 w 197456"/>
                <a:gd name="connsiteY2" fmla="*/ 67935 h 177774"/>
                <a:gd name="connsiteX3" fmla="*/ 66666 w 197456"/>
                <a:gd name="connsiteY3" fmla="*/ 96506 h 177774"/>
                <a:gd name="connsiteX4" fmla="*/ 156823 w 197456"/>
                <a:gd name="connsiteY4" fmla="*/ 0 h 177774"/>
                <a:gd name="connsiteX5" fmla="*/ 197457 w 197456"/>
                <a:gd name="connsiteY5" fmla="*/ 38095 h 177774"/>
                <a:gd name="connsiteX6" fmla="*/ 66666 w 197456"/>
                <a:gd name="connsiteY6" fmla="*/ 177775 h 177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7456" h="177774">
                  <a:moveTo>
                    <a:pt x="66666" y="177775"/>
                  </a:moveTo>
                  <a:lnTo>
                    <a:pt x="0" y="106030"/>
                  </a:lnTo>
                  <a:lnTo>
                    <a:pt x="40634" y="67935"/>
                  </a:lnTo>
                  <a:lnTo>
                    <a:pt x="66666" y="96506"/>
                  </a:lnTo>
                  <a:lnTo>
                    <a:pt x="156823" y="0"/>
                  </a:lnTo>
                  <a:lnTo>
                    <a:pt x="197457" y="38095"/>
                  </a:lnTo>
                  <a:lnTo>
                    <a:pt x="66666" y="177775"/>
                  </a:lnTo>
                  <a:close/>
                </a:path>
              </a:pathLst>
            </a:custGeom>
            <a:solidFill>
              <a:schemeClr val="accent1"/>
            </a:solidFill>
            <a:ln w="6317" cap="flat">
              <a:noFill/>
              <a:prstDash val="solid"/>
              <a:miter/>
            </a:ln>
          </p:spPr>
          <p:txBody>
            <a:bodyPr rtlCol="0" anchor="ctr"/>
            <a:lstStyle/>
            <a:p>
              <a:endParaRPr lang="en-US"/>
            </a:p>
          </p:txBody>
        </p:sp>
        <p:sp>
          <p:nvSpPr>
            <p:cNvPr id="47" name="Graphic 6">
              <a:extLst>
                <a:ext uri="{FF2B5EF4-FFF2-40B4-BE49-F238E27FC236}">
                  <a16:creationId xmlns:a16="http://schemas.microsoft.com/office/drawing/2014/main" id="{907555B0-FEBF-9142-94C5-E3E7F87F9A37}"/>
                </a:ext>
              </a:extLst>
            </p:cNvPr>
            <p:cNvSpPr/>
            <p:nvPr/>
          </p:nvSpPr>
          <p:spPr>
            <a:xfrm>
              <a:off x="2878032" y="2246108"/>
              <a:ext cx="794272" cy="794272"/>
            </a:xfrm>
            <a:custGeom>
              <a:avLst/>
              <a:gdLst>
                <a:gd name="connsiteX0" fmla="*/ 0 w 794272"/>
                <a:gd name="connsiteY0" fmla="*/ 794272 h 794272"/>
                <a:gd name="connsiteX1" fmla="*/ 565705 w 794272"/>
                <a:gd name="connsiteY1" fmla="*/ 794272 h 794272"/>
                <a:gd name="connsiteX2" fmla="*/ 794272 w 794272"/>
                <a:gd name="connsiteY2" fmla="*/ 573324 h 794272"/>
                <a:gd name="connsiteX3" fmla="*/ 794272 w 794272"/>
                <a:gd name="connsiteY3" fmla="*/ 0 h 794272"/>
                <a:gd name="connsiteX4" fmla="*/ 0 w 794272"/>
                <a:gd name="connsiteY4" fmla="*/ 0 h 794272"/>
                <a:gd name="connsiteX5" fmla="*/ 581895 w 794272"/>
                <a:gd name="connsiteY5" fmla="*/ 700940 h 794272"/>
                <a:gd name="connsiteX6" fmla="*/ 581895 w 794272"/>
                <a:gd name="connsiteY6" fmla="*/ 590466 h 794272"/>
                <a:gd name="connsiteX7" fmla="*/ 696559 w 794272"/>
                <a:gd name="connsiteY7" fmla="*/ 590466 h 794272"/>
                <a:gd name="connsiteX8" fmla="*/ 55555 w 794272"/>
                <a:gd name="connsiteY8" fmla="*/ 55872 h 794272"/>
                <a:gd name="connsiteX9" fmla="*/ 738717 w 794272"/>
                <a:gd name="connsiteY9" fmla="*/ 55872 h 794272"/>
                <a:gd name="connsiteX10" fmla="*/ 738717 w 794272"/>
                <a:gd name="connsiteY10" fmla="*/ 534594 h 794272"/>
                <a:gd name="connsiteX11" fmla="*/ 526023 w 794272"/>
                <a:gd name="connsiteY11" fmla="*/ 534594 h 794272"/>
                <a:gd name="connsiteX12" fmla="*/ 526023 w 794272"/>
                <a:gd name="connsiteY12" fmla="*/ 738400 h 794272"/>
                <a:gd name="connsiteX13" fmla="*/ 55555 w 794272"/>
                <a:gd name="connsiteY13" fmla="*/ 738400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794272"/>
                  </a:moveTo>
                  <a:lnTo>
                    <a:pt x="565705" y="794272"/>
                  </a:lnTo>
                  <a:lnTo>
                    <a:pt x="794272" y="573324"/>
                  </a:lnTo>
                  <a:lnTo>
                    <a:pt x="794272" y="0"/>
                  </a:lnTo>
                  <a:lnTo>
                    <a:pt x="0" y="0"/>
                  </a:lnTo>
                  <a:close/>
                  <a:moveTo>
                    <a:pt x="581895" y="700940"/>
                  </a:moveTo>
                  <a:lnTo>
                    <a:pt x="581895" y="590466"/>
                  </a:lnTo>
                  <a:lnTo>
                    <a:pt x="696559" y="590466"/>
                  </a:lnTo>
                  <a:close/>
                  <a:moveTo>
                    <a:pt x="55555" y="55872"/>
                  </a:moveTo>
                  <a:lnTo>
                    <a:pt x="738717" y="55872"/>
                  </a:lnTo>
                  <a:lnTo>
                    <a:pt x="738717" y="534594"/>
                  </a:lnTo>
                  <a:lnTo>
                    <a:pt x="526023" y="534594"/>
                  </a:lnTo>
                  <a:lnTo>
                    <a:pt x="526023" y="738400"/>
                  </a:lnTo>
                  <a:lnTo>
                    <a:pt x="55555" y="738400"/>
                  </a:lnTo>
                  <a:close/>
                </a:path>
              </a:pathLst>
            </a:custGeom>
            <a:solidFill>
              <a:schemeClr val="accent2"/>
            </a:solidFill>
            <a:ln w="6317" cap="flat">
              <a:noFill/>
              <a:prstDash val="solid"/>
              <a:miter/>
            </a:ln>
          </p:spPr>
          <p:txBody>
            <a:bodyPr rtlCol="0" anchor="ctr"/>
            <a:lstStyle/>
            <a:p>
              <a:endParaRPr lang="en-US"/>
            </a:p>
          </p:txBody>
        </p:sp>
        <p:sp>
          <p:nvSpPr>
            <p:cNvPr id="48" name="Graphic 6">
              <a:extLst>
                <a:ext uri="{FF2B5EF4-FFF2-40B4-BE49-F238E27FC236}">
                  <a16:creationId xmlns:a16="http://schemas.microsoft.com/office/drawing/2014/main" id="{E2E6A886-77F1-B040-B692-EF697ECA988E}"/>
                </a:ext>
              </a:extLst>
            </p:cNvPr>
            <p:cNvSpPr/>
            <p:nvPr/>
          </p:nvSpPr>
          <p:spPr>
            <a:xfrm>
              <a:off x="3785953" y="2246108"/>
              <a:ext cx="794272" cy="794272"/>
            </a:xfrm>
            <a:custGeom>
              <a:avLst/>
              <a:gdLst>
                <a:gd name="connsiteX0" fmla="*/ 0 w 794272"/>
                <a:gd name="connsiteY0" fmla="*/ 0 h 794272"/>
                <a:gd name="connsiteX1" fmla="*/ 0 w 794272"/>
                <a:gd name="connsiteY1" fmla="*/ 794272 h 794272"/>
                <a:gd name="connsiteX2" fmla="*/ 565705 w 794272"/>
                <a:gd name="connsiteY2" fmla="*/ 794272 h 794272"/>
                <a:gd name="connsiteX3" fmla="*/ 794272 w 794272"/>
                <a:gd name="connsiteY3" fmla="*/ 573324 h 794272"/>
                <a:gd name="connsiteX4" fmla="*/ 794272 w 794272"/>
                <a:gd name="connsiteY4" fmla="*/ 0 h 794272"/>
                <a:gd name="connsiteX5" fmla="*/ 55872 w 794272"/>
                <a:gd name="connsiteY5" fmla="*/ 55872 h 794272"/>
                <a:gd name="connsiteX6" fmla="*/ 739035 w 794272"/>
                <a:gd name="connsiteY6" fmla="*/ 55872 h 794272"/>
                <a:gd name="connsiteX7" fmla="*/ 739035 w 794272"/>
                <a:gd name="connsiteY7" fmla="*/ 537134 h 794272"/>
                <a:gd name="connsiteX8" fmla="*/ 528880 w 794272"/>
                <a:gd name="connsiteY8" fmla="*/ 537134 h 794272"/>
                <a:gd name="connsiteX9" fmla="*/ 528880 w 794272"/>
                <a:gd name="connsiteY9" fmla="*/ 738400 h 794272"/>
                <a:gd name="connsiteX10" fmla="*/ 55872 w 794272"/>
                <a:gd name="connsiteY10" fmla="*/ 738400 h 794272"/>
                <a:gd name="connsiteX11" fmla="*/ 694591 w 794272"/>
                <a:gd name="connsiteY11" fmla="*/ 592371 h 794272"/>
                <a:gd name="connsiteX12" fmla="*/ 584117 w 794272"/>
                <a:gd name="connsiteY12" fmla="*/ 699226 h 794272"/>
                <a:gd name="connsiteX13" fmla="*/ 584117 w 794272"/>
                <a:gd name="connsiteY13" fmla="*/ 592371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0"/>
                  </a:moveTo>
                  <a:lnTo>
                    <a:pt x="0" y="794272"/>
                  </a:lnTo>
                  <a:lnTo>
                    <a:pt x="565705" y="794272"/>
                  </a:lnTo>
                  <a:lnTo>
                    <a:pt x="794272" y="573324"/>
                  </a:lnTo>
                  <a:lnTo>
                    <a:pt x="794272" y="0"/>
                  </a:lnTo>
                  <a:close/>
                  <a:moveTo>
                    <a:pt x="55872" y="55872"/>
                  </a:moveTo>
                  <a:lnTo>
                    <a:pt x="739035" y="55872"/>
                  </a:lnTo>
                  <a:lnTo>
                    <a:pt x="739035" y="537134"/>
                  </a:lnTo>
                  <a:lnTo>
                    <a:pt x="528880" y="537134"/>
                  </a:lnTo>
                  <a:lnTo>
                    <a:pt x="528880" y="738400"/>
                  </a:lnTo>
                  <a:lnTo>
                    <a:pt x="55872" y="738400"/>
                  </a:lnTo>
                  <a:close/>
                  <a:moveTo>
                    <a:pt x="694591" y="592371"/>
                  </a:moveTo>
                  <a:lnTo>
                    <a:pt x="584117" y="699226"/>
                  </a:lnTo>
                  <a:lnTo>
                    <a:pt x="584117" y="592371"/>
                  </a:lnTo>
                  <a:close/>
                </a:path>
              </a:pathLst>
            </a:custGeom>
            <a:solidFill>
              <a:schemeClr val="accent2"/>
            </a:solidFill>
            <a:ln w="6317" cap="flat">
              <a:noFill/>
              <a:prstDash val="solid"/>
              <a:miter/>
            </a:ln>
          </p:spPr>
          <p:txBody>
            <a:bodyPr rtlCol="0" anchor="ctr"/>
            <a:lstStyle/>
            <a:p>
              <a:endParaRPr lang="en-US"/>
            </a:p>
          </p:txBody>
        </p:sp>
        <p:sp>
          <p:nvSpPr>
            <p:cNvPr id="49" name="Graphic 6">
              <a:extLst>
                <a:ext uri="{FF2B5EF4-FFF2-40B4-BE49-F238E27FC236}">
                  <a16:creationId xmlns:a16="http://schemas.microsoft.com/office/drawing/2014/main" id="{DB503FA7-94AA-D84A-83E1-2286453FCECE}"/>
                </a:ext>
              </a:extLst>
            </p:cNvPr>
            <p:cNvSpPr/>
            <p:nvPr/>
          </p:nvSpPr>
          <p:spPr>
            <a:xfrm>
              <a:off x="2878032" y="3133077"/>
              <a:ext cx="794272" cy="794272"/>
            </a:xfrm>
            <a:custGeom>
              <a:avLst/>
              <a:gdLst>
                <a:gd name="connsiteX0" fmla="*/ 0 w 794272"/>
                <a:gd name="connsiteY0" fmla="*/ 794272 h 794272"/>
                <a:gd name="connsiteX1" fmla="*/ 565705 w 794272"/>
                <a:gd name="connsiteY1" fmla="*/ 794272 h 794272"/>
                <a:gd name="connsiteX2" fmla="*/ 794272 w 794272"/>
                <a:gd name="connsiteY2" fmla="*/ 573324 h 794272"/>
                <a:gd name="connsiteX3" fmla="*/ 794272 w 794272"/>
                <a:gd name="connsiteY3" fmla="*/ 0 h 794272"/>
                <a:gd name="connsiteX4" fmla="*/ 0 w 794272"/>
                <a:gd name="connsiteY4" fmla="*/ 0 h 794272"/>
                <a:gd name="connsiteX5" fmla="*/ 582212 w 794272"/>
                <a:gd name="connsiteY5" fmla="*/ 701702 h 794272"/>
                <a:gd name="connsiteX6" fmla="*/ 582212 w 794272"/>
                <a:gd name="connsiteY6" fmla="*/ 588561 h 794272"/>
                <a:gd name="connsiteX7" fmla="*/ 699544 w 794272"/>
                <a:gd name="connsiteY7" fmla="*/ 588561 h 794272"/>
                <a:gd name="connsiteX8" fmla="*/ 55555 w 794272"/>
                <a:gd name="connsiteY8" fmla="*/ 56507 h 794272"/>
                <a:gd name="connsiteX9" fmla="*/ 738717 w 794272"/>
                <a:gd name="connsiteY9" fmla="*/ 56507 h 794272"/>
                <a:gd name="connsiteX10" fmla="*/ 738717 w 794272"/>
                <a:gd name="connsiteY10" fmla="*/ 532689 h 794272"/>
                <a:gd name="connsiteX11" fmla="*/ 526023 w 794272"/>
                <a:gd name="connsiteY11" fmla="*/ 532689 h 794272"/>
                <a:gd name="connsiteX12" fmla="*/ 526023 w 794272"/>
                <a:gd name="connsiteY12" fmla="*/ 739035 h 794272"/>
                <a:gd name="connsiteX13" fmla="*/ 55555 w 794272"/>
                <a:gd name="connsiteY13" fmla="*/ 739035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794272"/>
                  </a:moveTo>
                  <a:lnTo>
                    <a:pt x="565705" y="794272"/>
                  </a:lnTo>
                  <a:lnTo>
                    <a:pt x="794272" y="573324"/>
                  </a:lnTo>
                  <a:lnTo>
                    <a:pt x="794272" y="0"/>
                  </a:lnTo>
                  <a:lnTo>
                    <a:pt x="0" y="0"/>
                  </a:lnTo>
                  <a:close/>
                  <a:moveTo>
                    <a:pt x="582212" y="701702"/>
                  </a:moveTo>
                  <a:lnTo>
                    <a:pt x="582212" y="588561"/>
                  </a:lnTo>
                  <a:lnTo>
                    <a:pt x="699544" y="588561"/>
                  </a:lnTo>
                  <a:close/>
                  <a:moveTo>
                    <a:pt x="55555" y="56507"/>
                  </a:moveTo>
                  <a:lnTo>
                    <a:pt x="738717" y="56507"/>
                  </a:lnTo>
                  <a:lnTo>
                    <a:pt x="738717" y="532689"/>
                  </a:lnTo>
                  <a:lnTo>
                    <a:pt x="526023" y="532689"/>
                  </a:lnTo>
                  <a:lnTo>
                    <a:pt x="526023" y="739035"/>
                  </a:lnTo>
                  <a:lnTo>
                    <a:pt x="55555" y="739035"/>
                  </a:lnTo>
                  <a:close/>
                </a:path>
              </a:pathLst>
            </a:custGeom>
            <a:solidFill>
              <a:schemeClr val="accent2"/>
            </a:solidFill>
            <a:ln w="6317" cap="flat">
              <a:noFill/>
              <a:prstDash val="solid"/>
              <a:miter/>
            </a:ln>
          </p:spPr>
          <p:txBody>
            <a:bodyPr rtlCol="0" anchor="ctr"/>
            <a:lstStyle/>
            <a:p>
              <a:endParaRPr lang="en-US"/>
            </a:p>
          </p:txBody>
        </p:sp>
        <p:sp>
          <p:nvSpPr>
            <p:cNvPr id="50" name="Graphic 6">
              <a:extLst>
                <a:ext uri="{FF2B5EF4-FFF2-40B4-BE49-F238E27FC236}">
                  <a16:creationId xmlns:a16="http://schemas.microsoft.com/office/drawing/2014/main" id="{4F2C77AA-A3D6-0B4C-B194-4D87DDE9211E}"/>
                </a:ext>
              </a:extLst>
            </p:cNvPr>
            <p:cNvSpPr/>
            <p:nvPr/>
          </p:nvSpPr>
          <p:spPr>
            <a:xfrm>
              <a:off x="3785953" y="3133077"/>
              <a:ext cx="794272" cy="794272"/>
            </a:xfrm>
            <a:custGeom>
              <a:avLst/>
              <a:gdLst>
                <a:gd name="connsiteX0" fmla="*/ 0 w 794272"/>
                <a:gd name="connsiteY0" fmla="*/ 794272 h 794272"/>
                <a:gd name="connsiteX1" fmla="*/ 565705 w 794272"/>
                <a:gd name="connsiteY1" fmla="*/ 794272 h 794272"/>
                <a:gd name="connsiteX2" fmla="*/ 794272 w 794272"/>
                <a:gd name="connsiteY2" fmla="*/ 573324 h 794272"/>
                <a:gd name="connsiteX3" fmla="*/ 794272 w 794272"/>
                <a:gd name="connsiteY3" fmla="*/ 0 h 794272"/>
                <a:gd name="connsiteX4" fmla="*/ 0 w 794272"/>
                <a:gd name="connsiteY4" fmla="*/ 0 h 794272"/>
                <a:gd name="connsiteX5" fmla="*/ 584117 w 794272"/>
                <a:gd name="connsiteY5" fmla="*/ 699861 h 794272"/>
                <a:gd name="connsiteX6" fmla="*/ 584117 w 794272"/>
                <a:gd name="connsiteY6" fmla="*/ 590466 h 794272"/>
                <a:gd name="connsiteX7" fmla="*/ 697575 w 794272"/>
                <a:gd name="connsiteY7" fmla="*/ 590466 h 794272"/>
                <a:gd name="connsiteX8" fmla="*/ 55555 w 794272"/>
                <a:gd name="connsiteY8" fmla="*/ 56507 h 794272"/>
                <a:gd name="connsiteX9" fmla="*/ 738718 w 794272"/>
                <a:gd name="connsiteY9" fmla="*/ 56507 h 794272"/>
                <a:gd name="connsiteX10" fmla="*/ 738718 w 794272"/>
                <a:gd name="connsiteY10" fmla="*/ 535229 h 794272"/>
                <a:gd name="connsiteX11" fmla="*/ 528562 w 794272"/>
                <a:gd name="connsiteY11" fmla="*/ 535229 h 794272"/>
                <a:gd name="connsiteX12" fmla="*/ 528562 w 794272"/>
                <a:gd name="connsiteY12" fmla="*/ 739035 h 794272"/>
                <a:gd name="connsiteX13" fmla="*/ 55555 w 794272"/>
                <a:gd name="connsiteY13" fmla="*/ 739035 h 794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94272" h="794272">
                  <a:moveTo>
                    <a:pt x="0" y="794272"/>
                  </a:moveTo>
                  <a:lnTo>
                    <a:pt x="565705" y="794272"/>
                  </a:lnTo>
                  <a:lnTo>
                    <a:pt x="794272" y="573324"/>
                  </a:lnTo>
                  <a:lnTo>
                    <a:pt x="794272" y="0"/>
                  </a:lnTo>
                  <a:lnTo>
                    <a:pt x="0" y="0"/>
                  </a:lnTo>
                  <a:close/>
                  <a:moveTo>
                    <a:pt x="584117" y="699861"/>
                  </a:moveTo>
                  <a:lnTo>
                    <a:pt x="584117" y="590466"/>
                  </a:lnTo>
                  <a:lnTo>
                    <a:pt x="697575" y="590466"/>
                  </a:lnTo>
                  <a:close/>
                  <a:moveTo>
                    <a:pt x="55555" y="56507"/>
                  </a:moveTo>
                  <a:lnTo>
                    <a:pt x="738718" y="56507"/>
                  </a:lnTo>
                  <a:lnTo>
                    <a:pt x="738718" y="535229"/>
                  </a:lnTo>
                  <a:lnTo>
                    <a:pt x="528562" y="535229"/>
                  </a:lnTo>
                  <a:lnTo>
                    <a:pt x="528562" y="739035"/>
                  </a:lnTo>
                  <a:lnTo>
                    <a:pt x="55555" y="739035"/>
                  </a:lnTo>
                  <a:close/>
                </a:path>
              </a:pathLst>
            </a:custGeom>
            <a:solidFill>
              <a:schemeClr val="accent2"/>
            </a:solidFill>
            <a:ln w="6317" cap="flat">
              <a:noFill/>
              <a:prstDash val="solid"/>
              <a:miter/>
            </a:ln>
          </p:spPr>
          <p:txBody>
            <a:bodyPr rtlCol="0" anchor="ctr"/>
            <a:lstStyle/>
            <a:p>
              <a:endParaRPr lang="en-US"/>
            </a:p>
          </p:txBody>
        </p:sp>
      </p:grpSp>
    </p:spTree>
    <p:custDataLst>
      <p:custData r:id="rId1"/>
      <p:custData r:id="rId2"/>
    </p:custDataLst>
    <p:extLst>
      <p:ext uri="{BB962C8B-B14F-4D97-AF65-F5344CB8AC3E}">
        <p14:creationId xmlns:p14="http://schemas.microsoft.com/office/powerpoint/2010/main" val="8901644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heme/theme1.xml><?xml version="1.0" encoding="utf-8"?>
<a:theme xmlns:a="http://schemas.openxmlformats.org/drawingml/2006/main" name="LeadingAgile">
  <a:themeElements>
    <a:clrScheme name="Blue">
      <a:dk1>
        <a:srgbClr val="243033"/>
      </a:dk1>
      <a:lt1>
        <a:srgbClr val="FFFFFF"/>
      </a:lt1>
      <a:dk2>
        <a:srgbClr val="999999"/>
      </a:dk2>
      <a:lt2>
        <a:srgbClr val="FFFFFF"/>
      </a:lt2>
      <a:accent1>
        <a:srgbClr val="4ABD92"/>
      </a:accent1>
      <a:accent2>
        <a:srgbClr val="259271"/>
      </a:accent2>
      <a:accent3>
        <a:srgbClr val="DEDED4"/>
      </a:accent3>
      <a:accent4>
        <a:srgbClr val="999999"/>
      </a:accent4>
      <a:accent5>
        <a:srgbClr val="243033"/>
      </a:accent5>
      <a:accent6>
        <a:srgbClr val="134986"/>
      </a:accent6>
      <a:hlink>
        <a:srgbClr val="259271"/>
      </a:hlink>
      <a:folHlink>
        <a:srgbClr val="259271"/>
      </a:folHlink>
    </a:clrScheme>
    <a:fontScheme name="LeadingAgile Brand">
      <a:majorFont>
        <a:latin typeface="Brandon Grotesque Black"/>
        <a:ea typeface=""/>
        <a:cs typeface=""/>
      </a:majorFont>
      <a:minorFont>
        <a:latin typeface="Aleo"/>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1"/>
        </a:solidFill>
        <a:ln w="9525">
          <a:solidFill>
            <a:schemeClr val="accent1"/>
          </a:solidFill>
        </a:ln>
        <a:effectLst/>
      </a:spPr>
      <a:bodyPr rtlCol="0" anchor="ctr"/>
      <a:lstStyle>
        <a:defPPr algn="ctr">
          <a:defRPr sz="1400" dirty="0">
            <a:latin typeface="+mj-lt"/>
          </a:defRPr>
        </a:defPPr>
      </a:lstStyle>
      <a:style>
        <a:lnRef idx="1">
          <a:schemeClr val="accent1"/>
        </a:lnRef>
        <a:fillRef idx="3">
          <a:schemeClr val="accent1"/>
        </a:fillRef>
        <a:effectRef idx="2">
          <a:schemeClr val="accent1"/>
        </a:effectRef>
        <a:fontRef idx="minor">
          <a:schemeClr val="lt1"/>
        </a:fontRef>
      </a:style>
    </a:spDef>
    <a:lnDef>
      <a:spPr>
        <a:ln w="9525">
          <a:tailEnd type="none"/>
        </a:ln>
        <a:effectLst/>
      </a:spPr>
      <a:bodyPr/>
      <a:lstStyle/>
      <a:style>
        <a:lnRef idx="2">
          <a:schemeClr val="accent1"/>
        </a:lnRef>
        <a:fillRef idx="0">
          <a:schemeClr val="accent1"/>
        </a:fillRef>
        <a:effectRef idx="1">
          <a:schemeClr val="accent1"/>
        </a:effectRef>
        <a:fontRef idx="minor">
          <a:schemeClr val="tx1"/>
        </a:fontRef>
      </a:style>
    </a:lnDef>
    <a:txDef>
      <a:spPr>
        <a:ln>
          <a:noFill/>
        </a:ln>
      </a:spPr>
      <a:bodyPr vert="horz" wrap="square" lIns="91440" tIns="91440" rIns="91440" bIns="91440" rtlCol="0">
        <a:spAutoFit/>
      </a:bodyPr>
      <a:lstStyle>
        <a:defPPr algn="l">
          <a:defRPr sz="1600" dirty="0" smtClean="0">
            <a:solidFill>
              <a:schemeClr val="accent4">
                <a:lumMod val="75000"/>
              </a:schemeClr>
            </a:solidFill>
          </a:defRPr>
        </a:defPPr>
      </a:lstStyle>
    </a:txDef>
  </a:objectDefaults>
  <a:extraClrSchemeLst/>
  <a:custClrLst>
    <a:custClr name="Red">
      <a:srgbClr val="C00000"/>
    </a:custClr>
    <a:custClr name="Yellow">
      <a:srgbClr val="FFCA00"/>
    </a:custClr>
    <a:custClr name="Green">
      <a:srgbClr val="4ABD92"/>
    </a:custClr>
  </a:custClrLst>
  <a:extLst>
    <a:ext uri="{05A4C25C-085E-4340-85A3-A5531E510DB2}">
      <thm15:themeFamily xmlns:thm15="http://schemas.microsoft.com/office/thememl/2012/main" name="LeadingAgile v2" id="{921C9A88-39AA-8649-838C-880A0EA8767E}" vid="{4778DE1B-EF3E-1641-8A35-1817D15AAFA2}"/>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DengXian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DengXian"/>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DengXian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DengXian"/>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3C24B932-44C8-CC4E-A6E5-8AF3DF17FAF1}">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588541287014878","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TemplateConfiguration><![CDATA[{"elementsMetadata":[],"transformationConfigurations":[],"templateName":"LeadingAgile Basic_Templafy","templateDescription":"","enableDocumentContentUpdater":false,"version":"2.0"}]]></Templafy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588541287842396","enableDocumentContentUpdater":false,"version":"2.0"}]]></TemplafySlideTemplateConfiguration>
</file>

<file path=customXml/item16.xml><?xml version="1.0" encoding="utf-8"?>
<TemplafySlideTemplateConfiguration><![CDATA[{"slideVersion":1,"isValidatorEnabled":false,"isLocked":false,"elementsMetadata":[],"slideId":"637588541286784051","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7588541285952736","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637587827155480476","enableDocumentContentUpdater":false,"version":"2.0"}]]></TemplafySlideTemplateConfiguration>
</file>

<file path=customXml/item23.xml><?xml version="1.0" encoding="utf-8"?>
<TemplafySlideTemplateConfiguration><![CDATA[{"slideVersion":1,"isValidatorEnabled":false,"isLocked":false,"elementsMetadata":[],"slideId":"637594644650034069","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637588541283906868","enableDocumentContentUpdater":false,"version":"2.0"}]]></TemplafySlideTemplateConfiguration>
</file>

<file path=customXml/item27.xml><?xml version="1.0" encoding="utf-8"?>
<TemplafySlideTemplateConfiguration><![CDATA[{"slideVersion":1,"isValidatorEnabled":false,"isLocked":false,"elementsMetadata":[],"slideId":"637592787976610601","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7588541287763689","enableDocumentContentUpdater":false,"version":"2.0"}]]></TemplafySlideTemplateConfiguration>
</file>

<file path=customXml/item3.xml><?xml version="1.0" encoding="utf-8"?>
<TemplafySlideTemplateConfiguration><![CDATA[{"slideVersion":1,"isValidatorEnabled":false,"isLocked":false,"elementsMetadata":[],"slideId":"637592787976452311","enableDocumentContentUpdater":false,"version":"2.0"}]]></TemplafySlideTemplateConfiguration>
</file>

<file path=customXml/item30.xml><?xml version="1.0" encoding="utf-8"?>
<TemplafySlideTemplateConfiguration><![CDATA[{"slideVersion":1,"isValidatorEnabled":false,"isLocked":false,"elementsMetadata":[],"slideId":"637592787976447518","enableDocumentContentUpdater":false,"version":"2.0"}]]></TemplafySlideTemplateConfiguration>
</file>

<file path=customXml/item31.xml><?xml version="1.0" encoding="utf-8"?>
<TemplafySlideTemplateConfiguration><![CDATA[{"slideVersion":1,"isValidatorEnabled":false,"isLocked":false,"elementsMetadata":[],"slideId":"637588541288048140","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7588541284862587","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637588541287916565","enableDocumentContentUpdater":false,"version":"2.0"}]]></TemplafySlideTemplateConfiguration>
</file>

<file path=customXml/item37.xml><?xml version="1.0" encoding="utf-8"?>
<TemplafySlideFormConfiguration><![CDATA[{"formFields":[],"formDataEntries":[]}]]></TemplafySlideFormConfiguration>
</file>

<file path=customXml/item38.xml><?xml version="1.0" encoding="utf-8"?>
<TemplafySlideTemplateConfiguration><![CDATA[{"slideVersion":1,"isValidatorEnabled":false,"isLocked":false,"elementsMetadata":[],"slideId":"637594644646102208","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slideId":"637588541286855769","enableDocumentContentUpdater":false,"version":"2.0"}]]></TemplafySlideTemplateConfiguration>
</file>

<file path=customXml/item44.xml><?xml version="1.0" encoding="utf-8"?>
<TemplafySlideTemplateConfiguration><![CDATA[{"slideVersion":1,"isValidatorEnabled":false,"isLocked":false,"elementsMetadata":[],"slideId":"637588541284862587","enableDocumentContentUpdater":false,"version":"2.0"}]]></TemplafySlideTemplateConfiguration>
</file>

<file path=customXml/item45.xml><?xml version="1.0" encoding="utf-8"?>
<TemplafySlideTemplateConfiguration><![CDATA[{"slideVersion":1,"isValidatorEnabled":false,"isLocked":false,"elementsMetadata":[],"slideId":"637594644651146613","enableDocumentContentUpdater":false,"version":"2.0"}]]></TemplafySlideTemplateConfiguration>
</file>

<file path=customXml/item46.xml><?xml version="1.0" encoding="utf-8"?>
<TemplafySlideTemplateConfiguration><![CDATA[{"slideVersion":1,"isValidatorEnabled":false,"isLocked":false,"elementsMetadata":[],"slideId":"637588541286706790","enableDocumentContentUpdater":false,"version":"2.0"}]]></TemplafySlideTemplateConfiguration>
</file>

<file path=customXml/item47.xml><?xml version="1.0" encoding="utf-8"?>
<TemplafySlideTemplateConfiguration><![CDATA[{"slideVersion":1,"isValidatorEnabled":false,"isLocked":false,"elementsMetadata":[],"slideId":"637588541284862587","enableDocumentContentUpdater":false,"version":"2.0"}]]></TemplafySlideTemplateConfiguration>
</file>

<file path=customXml/item48.xml><?xml version="1.0" encoding="utf-8"?>
<TemplafySlideFormConfiguration><![CDATA[{"formFields":[],"formDataEntries":[]}]]></TemplafySlideFormConfiguration>
</file>

<file path=customXml/item49.xml><?xml version="1.0" encoding="utf-8"?>
<TemplafySlideTemplateConfiguration><![CDATA[{"slideVersion":1,"isValidatorEnabled":false,"isLocked":false,"elementsMetadata":[],"slideId":"637592787976491379","enableDocumentContentUpdater":false,"version":"2.0"}]]></TemplafySlideTemplateConfiguration>
</file>

<file path=customXml/item5.xml><?xml version="1.0" encoding="utf-8"?>
<TemplafySlideFormConfiguration><![CDATA[{"formFields":[],"formDataEntries":[]}]]></TemplafySlideFormConfiguration>
</file>

<file path=customXml/item50.xml><?xml version="1.0" encoding="utf-8"?>
<TemplafySlideTemplateConfiguration><![CDATA[{"slideVersion":1,"isValidatorEnabled":false,"isLocked":false,"elementsMetadata":[],"slideId":"637588541287988754","enableDocumentContentUpdater":false,"version":"2.0"}]]></TemplafySlideTemplateConfiguration>
</file>

<file path=customXml/item51.xml><?xml version="1.0" encoding="utf-8"?>
<TemplafySlideTemplateConfiguration><![CDATA[{"slideVersion":1,"isValidatorEnabled":false,"isLocked":false,"elementsMetadata":[],"slideId":"637588541287680905","enableDocumentContentUpdater":false,"version":"2.0"}]]></TemplafySlideTemplate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7588541283839148","enableDocumentContentUpdater":false,"version":"2.0"}]]></TemplafySlideTemplateConfiguration>
</file>

<file path=customXml/item55.xml><?xml version="1.0" encoding="utf-8"?>
<TemplafySlideTemplateConfiguration><![CDATA[{"slideVersion":1,"isValidatorEnabled":false,"isLocked":false,"elementsMetadata":[],"slideId":"637588541284797488","enableDocumentContentUpdater":false,"version":"2.0"}]]></TemplafySlideTemplateConfiguration>
</file>

<file path=customXml/item56.xml><?xml version="1.0" encoding="utf-8"?>
<TemplafySlideFormConfiguration><![CDATA[{"formFields":[],"formDataEntries":[]}]]></TemplafySlideFormConfiguration>
</file>

<file path=customXml/item6.xml><?xml version="1.0" encoding="utf-8"?>
<TemplafyFormConfiguration><![CDATA[{"formFields":[],"formDataEntries":[]}]]></TemplafyFormConfiguration>
</file>

<file path=customXml/item7.xml><?xml version="1.0" encoding="utf-8"?>
<TemplafySlideTemplateConfiguration><![CDATA[{"slideVersion":1,"isValidatorEnabled":false,"isLocked":false,"elementsMetadata":[],"slideId":"637588541286927265","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588541285826864","enableDocumentContentUpdater":false,"version":"2.0"}]]></TemplafySlideTemplateConfiguration>
</file>

<file path=customXml/itemProps1.xml><?xml version="1.0" encoding="utf-8"?>
<ds:datastoreItem xmlns:ds="http://schemas.openxmlformats.org/officeDocument/2006/customXml" ds:itemID="{4D0C1729-3E29-45FB-A5D3-E7B41A2BF2F4}">
  <ds:schemaRefs/>
</ds:datastoreItem>
</file>

<file path=customXml/itemProps10.xml><?xml version="1.0" encoding="utf-8"?>
<ds:datastoreItem xmlns:ds="http://schemas.openxmlformats.org/officeDocument/2006/customXml" ds:itemID="{BF24AA9D-12E6-4120-A742-5BCE6763BC00}">
  <ds:schemaRefs/>
</ds:datastoreItem>
</file>

<file path=customXml/itemProps11.xml><?xml version="1.0" encoding="utf-8"?>
<ds:datastoreItem xmlns:ds="http://schemas.openxmlformats.org/officeDocument/2006/customXml" ds:itemID="{278DD911-5CEA-42C1-A3B4-EA25586373B7}">
  <ds:schemaRefs/>
</ds:datastoreItem>
</file>

<file path=customXml/itemProps12.xml><?xml version="1.0" encoding="utf-8"?>
<ds:datastoreItem xmlns:ds="http://schemas.openxmlformats.org/officeDocument/2006/customXml" ds:itemID="{BF1DACA4-7E67-404C-834B-4922326B4857}">
  <ds:schemaRefs/>
</ds:datastoreItem>
</file>

<file path=customXml/itemProps13.xml><?xml version="1.0" encoding="utf-8"?>
<ds:datastoreItem xmlns:ds="http://schemas.openxmlformats.org/officeDocument/2006/customXml" ds:itemID="{E287848A-4F77-1F45-8C57-4AAB889B8AC2}">
  <ds:schemaRefs/>
</ds:datastoreItem>
</file>

<file path=customXml/itemProps14.xml><?xml version="1.0" encoding="utf-8"?>
<ds:datastoreItem xmlns:ds="http://schemas.openxmlformats.org/officeDocument/2006/customXml" ds:itemID="{7270D32E-9052-4EB7-88FE-81166B201C47}">
  <ds:schemaRefs/>
</ds:datastoreItem>
</file>

<file path=customXml/itemProps15.xml><?xml version="1.0" encoding="utf-8"?>
<ds:datastoreItem xmlns:ds="http://schemas.openxmlformats.org/officeDocument/2006/customXml" ds:itemID="{2F8806DF-8C5C-438C-8D20-71A7A133A952}">
  <ds:schemaRefs/>
</ds:datastoreItem>
</file>

<file path=customXml/itemProps16.xml><?xml version="1.0" encoding="utf-8"?>
<ds:datastoreItem xmlns:ds="http://schemas.openxmlformats.org/officeDocument/2006/customXml" ds:itemID="{427B2DCD-CF7E-4B72-B701-80AD37797101}">
  <ds:schemaRefs/>
</ds:datastoreItem>
</file>

<file path=customXml/itemProps17.xml><?xml version="1.0" encoding="utf-8"?>
<ds:datastoreItem xmlns:ds="http://schemas.openxmlformats.org/officeDocument/2006/customXml" ds:itemID="{E147E39E-00EE-E745-9EEF-F1DB298CF716}">
  <ds:schemaRefs/>
</ds:datastoreItem>
</file>

<file path=customXml/itemProps18.xml><?xml version="1.0" encoding="utf-8"?>
<ds:datastoreItem xmlns:ds="http://schemas.openxmlformats.org/officeDocument/2006/customXml" ds:itemID="{89C77471-64D5-4E34-B3BC-766E2B5F06F0}">
  <ds:schemaRefs/>
</ds:datastoreItem>
</file>

<file path=customXml/itemProps19.xml><?xml version="1.0" encoding="utf-8"?>
<ds:datastoreItem xmlns:ds="http://schemas.openxmlformats.org/officeDocument/2006/customXml" ds:itemID="{D7081A1C-1916-7949-BC79-A519642BED21}">
  <ds:schemaRefs/>
</ds:datastoreItem>
</file>

<file path=customXml/itemProps2.xml><?xml version="1.0" encoding="utf-8"?>
<ds:datastoreItem xmlns:ds="http://schemas.openxmlformats.org/officeDocument/2006/customXml" ds:itemID="{77ACAC78-DD51-42E7-BEF4-4B06C00C3BDA}">
  <ds:schemaRefs/>
</ds:datastoreItem>
</file>

<file path=customXml/itemProps20.xml><?xml version="1.0" encoding="utf-8"?>
<ds:datastoreItem xmlns:ds="http://schemas.openxmlformats.org/officeDocument/2006/customXml" ds:itemID="{DC80FA50-4CCA-2441-AA8E-A9E5AAA1A48F}">
  <ds:schemaRefs/>
</ds:datastoreItem>
</file>

<file path=customXml/itemProps21.xml><?xml version="1.0" encoding="utf-8"?>
<ds:datastoreItem xmlns:ds="http://schemas.openxmlformats.org/officeDocument/2006/customXml" ds:itemID="{C029D3AB-96EA-47AC-B6E1-1421AA368E85}">
  <ds:schemaRefs/>
</ds:datastoreItem>
</file>

<file path=customXml/itemProps22.xml><?xml version="1.0" encoding="utf-8"?>
<ds:datastoreItem xmlns:ds="http://schemas.openxmlformats.org/officeDocument/2006/customXml" ds:itemID="{DE6F6E76-64ED-4905-B9D0-BB2AED7BBB13}">
  <ds:schemaRefs/>
</ds:datastoreItem>
</file>

<file path=customXml/itemProps23.xml><?xml version="1.0" encoding="utf-8"?>
<ds:datastoreItem xmlns:ds="http://schemas.openxmlformats.org/officeDocument/2006/customXml" ds:itemID="{FF7B28A5-9D61-1C41-8F0E-8E04184974BB}">
  <ds:schemaRefs/>
</ds:datastoreItem>
</file>

<file path=customXml/itemProps24.xml><?xml version="1.0" encoding="utf-8"?>
<ds:datastoreItem xmlns:ds="http://schemas.openxmlformats.org/officeDocument/2006/customXml" ds:itemID="{12BF27A0-18BB-4026-AF93-D737321842CE}">
  <ds:schemaRefs/>
</ds:datastoreItem>
</file>

<file path=customXml/itemProps25.xml><?xml version="1.0" encoding="utf-8"?>
<ds:datastoreItem xmlns:ds="http://schemas.openxmlformats.org/officeDocument/2006/customXml" ds:itemID="{DBC36E9F-7B18-4412-B59C-40E8AD83EDDB}">
  <ds:schemaRefs/>
</ds:datastoreItem>
</file>

<file path=customXml/itemProps26.xml><?xml version="1.0" encoding="utf-8"?>
<ds:datastoreItem xmlns:ds="http://schemas.openxmlformats.org/officeDocument/2006/customXml" ds:itemID="{7F2E4BCC-FAA8-4996-98B8-4002E1E9F537}">
  <ds:schemaRefs/>
</ds:datastoreItem>
</file>

<file path=customXml/itemProps27.xml><?xml version="1.0" encoding="utf-8"?>
<ds:datastoreItem xmlns:ds="http://schemas.openxmlformats.org/officeDocument/2006/customXml" ds:itemID="{0F8F442F-ACAC-429A-8F26-CDA4A42531B0}">
  <ds:schemaRefs/>
</ds:datastoreItem>
</file>

<file path=customXml/itemProps28.xml><?xml version="1.0" encoding="utf-8"?>
<ds:datastoreItem xmlns:ds="http://schemas.openxmlformats.org/officeDocument/2006/customXml" ds:itemID="{8605C1CB-768F-46CD-B346-3354746E503E}">
  <ds:schemaRefs/>
</ds:datastoreItem>
</file>

<file path=customXml/itemProps29.xml><?xml version="1.0" encoding="utf-8"?>
<ds:datastoreItem xmlns:ds="http://schemas.openxmlformats.org/officeDocument/2006/customXml" ds:itemID="{622E95B8-3D8C-4A40-9D98-748D25082AE9}">
  <ds:schemaRefs/>
</ds:datastoreItem>
</file>

<file path=customXml/itemProps3.xml><?xml version="1.0" encoding="utf-8"?>
<ds:datastoreItem xmlns:ds="http://schemas.openxmlformats.org/officeDocument/2006/customXml" ds:itemID="{4E258DA0-20A2-452A-97C4-C2EBCD86819E}">
  <ds:schemaRefs/>
</ds:datastoreItem>
</file>

<file path=customXml/itemProps30.xml><?xml version="1.0" encoding="utf-8"?>
<ds:datastoreItem xmlns:ds="http://schemas.openxmlformats.org/officeDocument/2006/customXml" ds:itemID="{0F56F319-0C95-4D39-8A5F-22234D5D7C9B}">
  <ds:schemaRefs/>
</ds:datastoreItem>
</file>

<file path=customXml/itemProps31.xml><?xml version="1.0" encoding="utf-8"?>
<ds:datastoreItem xmlns:ds="http://schemas.openxmlformats.org/officeDocument/2006/customXml" ds:itemID="{7E03ED83-3FA6-49AF-82D5-EB7DB116EB53}">
  <ds:schemaRefs/>
</ds:datastoreItem>
</file>

<file path=customXml/itemProps32.xml><?xml version="1.0" encoding="utf-8"?>
<ds:datastoreItem xmlns:ds="http://schemas.openxmlformats.org/officeDocument/2006/customXml" ds:itemID="{27A6166C-B0B5-4988-BF77-5AC9A8ED30AB}">
  <ds:schemaRefs/>
</ds:datastoreItem>
</file>

<file path=customXml/itemProps33.xml><?xml version="1.0" encoding="utf-8"?>
<ds:datastoreItem xmlns:ds="http://schemas.openxmlformats.org/officeDocument/2006/customXml" ds:itemID="{E5D39CBB-86EE-E247-9A50-B644936D1940}">
  <ds:schemaRefs/>
</ds:datastoreItem>
</file>

<file path=customXml/itemProps34.xml><?xml version="1.0" encoding="utf-8"?>
<ds:datastoreItem xmlns:ds="http://schemas.openxmlformats.org/officeDocument/2006/customXml" ds:itemID="{77924E5F-381C-42FB-A38F-FA15B718D687}">
  <ds:schemaRefs/>
</ds:datastoreItem>
</file>

<file path=customXml/itemProps35.xml><?xml version="1.0" encoding="utf-8"?>
<ds:datastoreItem xmlns:ds="http://schemas.openxmlformats.org/officeDocument/2006/customXml" ds:itemID="{05480D77-67C6-4182-8E36-C18C9036F89A}">
  <ds:schemaRefs/>
</ds:datastoreItem>
</file>

<file path=customXml/itemProps36.xml><?xml version="1.0" encoding="utf-8"?>
<ds:datastoreItem xmlns:ds="http://schemas.openxmlformats.org/officeDocument/2006/customXml" ds:itemID="{1587F963-88EA-477F-A178-6AE270652F7C}">
  <ds:schemaRefs/>
</ds:datastoreItem>
</file>

<file path=customXml/itemProps37.xml><?xml version="1.0" encoding="utf-8"?>
<ds:datastoreItem xmlns:ds="http://schemas.openxmlformats.org/officeDocument/2006/customXml" ds:itemID="{619D670F-14F5-4EA0-A560-7C045E07B173}">
  <ds:schemaRefs/>
</ds:datastoreItem>
</file>

<file path=customXml/itemProps38.xml><?xml version="1.0" encoding="utf-8"?>
<ds:datastoreItem xmlns:ds="http://schemas.openxmlformats.org/officeDocument/2006/customXml" ds:itemID="{CE0EA81E-B72E-8E44-8EC1-0781012DA324}">
  <ds:schemaRefs/>
</ds:datastoreItem>
</file>

<file path=customXml/itemProps39.xml><?xml version="1.0" encoding="utf-8"?>
<ds:datastoreItem xmlns:ds="http://schemas.openxmlformats.org/officeDocument/2006/customXml" ds:itemID="{39FE798C-FC55-4DDE-A8EA-36405FAC21AB}">
  <ds:schemaRefs/>
</ds:datastoreItem>
</file>

<file path=customXml/itemProps4.xml><?xml version="1.0" encoding="utf-8"?>
<ds:datastoreItem xmlns:ds="http://schemas.openxmlformats.org/officeDocument/2006/customXml" ds:itemID="{91828686-FA29-446B-83C8-6397E1961847}">
  <ds:schemaRefs/>
</ds:datastoreItem>
</file>

<file path=customXml/itemProps40.xml><?xml version="1.0" encoding="utf-8"?>
<ds:datastoreItem xmlns:ds="http://schemas.openxmlformats.org/officeDocument/2006/customXml" ds:itemID="{FFCB2A0A-2648-4F47-B58F-6C2146B62834}">
  <ds:schemaRefs/>
</ds:datastoreItem>
</file>

<file path=customXml/itemProps41.xml><?xml version="1.0" encoding="utf-8"?>
<ds:datastoreItem xmlns:ds="http://schemas.openxmlformats.org/officeDocument/2006/customXml" ds:itemID="{302FAB82-FBE7-4893-9418-DB8614B600D0}">
  <ds:schemaRefs/>
</ds:datastoreItem>
</file>

<file path=customXml/itemProps42.xml><?xml version="1.0" encoding="utf-8"?>
<ds:datastoreItem xmlns:ds="http://schemas.openxmlformats.org/officeDocument/2006/customXml" ds:itemID="{07BE0455-1E98-456D-AC17-D17CC1BB48C2}">
  <ds:schemaRefs/>
</ds:datastoreItem>
</file>

<file path=customXml/itemProps43.xml><?xml version="1.0" encoding="utf-8"?>
<ds:datastoreItem xmlns:ds="http://schemas.openxmlformats.org/officeDocument/2006/customXml" ds:itemID="{A2DB20F2-596E-4464-A60A-6FF61B05F0CA}">
  <ds:schemaRefs/>
</ds:datastoreItem>
</file>

<file path=customXml/itemProps44.xml><?xml version="1.0" encoding="utf-8"?>
<ds:datastoreItem xmlns:ds="http://schemas.openxmlformats.org/officeDocument/2006/customXml" ds:itemID="{0039D845-8EC1-4805-8632-43F9700E2362}">
  <ds:schemaRefs/>
</ds:datastoreItem>
</file>

<file path=customXml/itemProps45.xml><?xml version="1.0" encoding="utf-8"?>
<ds:datastoreItem xmlns:ds="http://schemas.openxmlformats.org/officeDocument/2006/customXml" ds:itemID="{5CB81E3D-8A30-A144-ACD2-55C81FA88141}">
  <ds:schemaRefs/>
</ds:datastoreItem>
</file>

<file path=customXml/itemProps46.xml><?xml version="1.0" encoding="utf-8"?>
<ds:datastoreItem xmlns:ds="http://schemas.openxmlformats.org/officeDocument/2006/customXml" ds:itemID="{543F978D-988B-4A6C-B083-AE2FEB9AD727}">
  <ds:schemaRefs/>
</ds:datastoreItem>
</file>

<file path=customXml/itemProps47.xml><?xml version="1.0" encoding="utf-8"?>
<ds:datastoreItem xmlns:ds="http://schemas.openxmlformats.org/officeDocument/2006/customXml" ds:itemID="{2DD14D81-05EC-9240-8604-6B774EAE5D09}">
  <ds:schemaRefs/>
</ds:datastoreItem>
</file>

<file path=customXml/itemProps48.xml><?xml version="1.0" encoding="utf-8"?>
<ds:datastoreItem xmlns:ds="http://schemas.openxmlformats.org/officeDocument/2006/customXml" ds:itemID="{1E8D7653-CE15-456A-834B-D4829B8B0F1E}">
  <ds:schemaRefs/>
</ds:datastoreItem>
</file>

<file path=customXml/itemProps49.xml><?xml version="1.0" encoding="utf-8"?>
<ds:datastoreItem xmlns:ds="http://schemas.openxmlformats.org/officeDocument/2006/customXml" ds:itemID="{B1F45D3B-F078-49C0-855E-DCDB971A7C88}">
  <ds:schemaRefs/>
</ds:datastoreItem>
</file>

<file path=customXml/itemProps5.xml><?xml version="1.0" encoding="utf-8"?>
<ds:datastoreItem xmlns:ds="http://schemas.openxmlformats.org/officeDocument/2006/customXml" ds:itemID="{4057208B-2A91-4360-802E-773BBB7BACED}">
  <ds:schemaRefs/>
</ds:datastoreItem>
</file>

<file path=customXml/itemProps50.xml><?xml version="1.0" encoding="utf-8"?>
<ds:datastoreItem xmlns:ds="http://schemas.openxmlformats.org/officeDocument/2006/customXml" ds:itemID="{E39294B7-44A0-4BCE-B14B-CCA9FD862D42}">
  <ds:schemaRefs/>
</ds:datastoreItem>
</file>

<file path=customXml/itemProps51.xml><?xml version="1.0" encoding="utf-8"?>
<ds:datastoreItem xmlns:ds="http://schemas.openxmlformats.org/officeDocument/2006/customXml" ds:itemID="{EBDC2E89-28FB-4067-B454-A9A10659642F}">
  <ds:schemaRefs/>
</ds:datastoreItem>
</file>

<file path=customXml/itemProps52.xml><?xml version="1.0" encoding="utf-8"?>
<ds:datastoreItem xmlns:ds="http://schemas.openxmlformats.org/officeDocument/2006/customXml" ds:itemID="{CC0A86D3-8C56-4E32-93F2-2623094DE679}">
  <ds:schemaRefs/>
</ds:datastoreItem>
</file>

<file path=customXml/itemProps53.xml><?xml version="1.0" encoding="utf-8"?>
<ds:datastoreItem xmlns:ds="http://schemas.openxmlformats.org/officeDocument/2006/customXml" ds:itemID="{F983C58F-9D3E-4909-952C-783B91B91272}">
  <ds:schemaRefs/>
</ds:datastoreItem>
</file>

<file path=customXml/itemProps54.xml><?xml version="1.0" encoding="utf-8"?>
<ds:datastoreItem xmlns:ds="http://schemas.openxmlformats.org/officeDocument/2006/customXml" ds:itemID="{AC19E195-9BAD-4BC4-BD36-49C7B946D87A}">
  <ds:schemaRefs/>
</ds:datastoreItem>
</file>

<file path=customXml/itemProps55.xml><?xml version="1.0" encoding="utf-8"?>
<ds:datastoreItem xmlns:ds="http://schemas.openxmlformats.org/officeDocument/2006/customXml" ds:itemID="{43DA5735-6B4A-4774-9014-F18BD6C69298}">
  <ds:schemaRefs/>
</ds:datastoreItem>
</file>

<file path=customXml/itemProps56.xml><?xml version="1.0" encoding="utf-8"?>
<ds:datastoreItem xmlns:ds="http://schemas.openxmlformats.org/officeDocument/2006/customXml" ds:itemID="{530C28D8-B2A9-4A42-B4FE-1F170A7C9027}">
  <ds:schemaRefs/>
</ds:datastoreItem>
</file>

<file path=customXml/itemProps6.xml><?xml version="1.0" encoding="utf-8"?>
<ds:datastoreItem xmlns:ds="http://schemas.openxmlformats.org/officeDocument/2006/customXml" ds:itemID="{8C1CD04E-20E1-44D0-87A1-D2C4C2D582C1}">
  <ds:schemaRefs/>
</ds:datastoreItem>
</file>

<file path=customXml/itemProps7.xml><?xml version="1.0" encoding="utf-8"?>
<ds:datastoreItem xmlns:ds="http://schemas.openxmlformats.org/officeDocument/2006/customXml" ds:itemID="{21052F43-E759-4EC2-A2B1-7C4841FA519A}">
  <ds:schemaRefs/>
</ds:datastoreItem>
</file>

<file path=customXml/itemProps8.xml><?xml version="1.0" encoding="utf-8"?>
<ds:datastoreItem xmlns:ds="http://schemas.openxmlformats.org/officeDocument/2006/customXml" ds:itemID="{82BFEA7D-F198-4F07-AC25-647A32E9DAA4}">
  <ds:schemaRefs/>
</ds:datastoreItem>
</file>

<file path=customXml/itemProps9.xml><?xml version="1.0" encoding="utf-8"?>
<ds:datastoreItem xmlns:ds="http://schemas.openxmlformats.org/officeDocument/2006/customXml" ds:itemID="{01928F93-E43E-4D88-B2A2-E1D07F5E260E}">
  <ds:schemaRefs/>
</ds:datastoreItem>
</file>

<file path=docProps/app.xml><?xml version="1.0" encoding="utf-8"?>
<Properties xmlns="http://schemas.openxmlformats.org/officeDocument/2006/extended-properties" xmlns:vt="http://schemas.openxmlformats.org/officeDocument/2006/docPropsVTypes">
  <Template/>
  <TotalTime>9396</TotalTime>
  <Words>5933</Words>
  <Application>Microsoft Macintosh PowerPoint</Application>
  <PresentationFormat>Widescreen</PresentationFormat>
  <Paragraphs>1412</Paragraphs>
  <Slides>58</Slides>
  <Notes>29</Notes>
  <HiddenSlides>2</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58</vt:i4>
      </vt:variant>
    </vt:vector>
  </HeadingPairs>
  <TitlesOfParts>
    <vt:vector size="70" baseType="lpstr">
      <vt:lpstr>Aleo</vt:lpstr>
      <vt:lpstr>ALEO LIGHT</vt:lpstr>
      <vt:lpstr>Arial</vt:lpstr>
      <vt:lpstr>Brandon Grotesque Black</vt:lpstr>
      <vt:lpstr>Brandon Grotesque Bold</vt:lpstr>
      <vt:lpstr>Brandon Grotesque Medium</vt:lpstr>
      <vt:lpstr>Brandon Grotesque Regular</vt:lpstr>
      <vt:lpstr>Calibri</vt:lpstr>
      <vt:lpstr>Calibri Bold</vt:lpstr>
      <vt:lpstr>Ford Antenna Regular</vt:lpstr>
      <vt:lpstr>Wingdings</vt:lpstr>
      <vt:lpstr>LeadingAgile</vt:lpstr>
      <vt:lpstr>Portfolio Management In An Agile World</vt:lpstr>
      <vt:lpstr>Rick Austin</vt:lpstr>
      <vt:lpstr>Take My slides with you... </vt:lpstr>
      <vt:lpstr>What are we Exploring</vt:lpstr>
      <vt:lpstr>Portfolio Management</vt:lpstr>
      <vt:lpstr>What Is An Agile World?</vt:lpstr>
      <vt:lpstr>What Do I Mean?    </vt:lpstr>
      <vt:lpstr>WHY ARE THEY IMPORTANT?</vt:lpstr>
      <vt:lpstr>HOW DOES IT SCALE?</vt:lpstr>
      <vt:lpstr>EXAMPLE  3-TIERED SYSTEM OF DELIVERY</vt:lpstr>
      <vt:lpstr>STRUCTURE</vt:lpstr>
      <vt:lpstr>GOVERNANCE</vt:lpstr>
      <vt:lpstr>METRICS</vt:lpstr>
      <vt:lpstr>GOVERNANCE FLOW</vt:lpstr>
      <vt:lpstr>Governance</vt:lpstr>
      <vt:lpstr>Governance</vt:lpstr>
      <vt:lpstr>Enterprise Delivery Approach</vt:lpstr>
      <vt:lpstr>Portfolio Team</vt:lpstr>
      <vt:lpstr>Foundational team roles</vt:lpstr>
      <vt:lpstr>Portfolio Team Role Descriptions</vt:lpstr>
      <vt:lpstr>Portfolio tier</vt:lpstr>
      <vt:lpstr>Portfolio Team CADENCE</vt:lpstr>
      <vt:lpstr>Portfolio Governance</vt:lpstr>
      <vt:lpstr>Strategic Alignment</vt:lpstr>
      <vt:lpstr>Solutioning</vt:lpstr>
      <vt:lpstr>Demand Planning</vt:lpstr>
      <vt:lpstr>Execution</vt:lpstr>
      <vt:lpstr>Measure Effectiveness</vt:lpstr>
      <vt:lpstr>Ineffective Collaboration?</vt:lpstr>
      <vt:lpstr>Prioritization Techniques</vt:lpstr>
      <vt:lpstr>Cost of Delay</vt:lpstr>
      <vt:lpstr>What is WSJF?</vt:lpstr>
      <vt:lpstr>Compare Features</vt:lpstr>
      <vt:lpstr>Priority Impact on Cost of Delay</vt:lpstr>
      <vt:lpstr>Demand Management</vt:lpstr>
      <vt:lpstr>How TO Express Capacity?</vt:lpstr>
      <vt:lpstr>“Capacity” can be expressed as …</vt:lpstr>
      <vt:lpstr>Stable Velocity is Required!</vt:lpstr>
      <vt:lpstr>Capacity is invested to obtain outcomes</vt:lpstr>
      <vt:lpstr>Planning &amp; road-mapping</vt:lpstr>
      <vt:lpstr>Portfolio Planning</vt:lpstr>
      <vt:lpstr>Agile Uses Rolling Wave Planning</vt:lpstr>
      <vt:lpstr>Rolling Wave Planning</vt:lpstr>
      <vt:lpstr>Rolling Wave Planning</vt:lpstr>
      <vt:lpstr>Rolling Wave Planning</vt:lpstr>
      <vt:lpstr>Build the Plan</vt:lpstr>
      <vt:lpstr>Build the Plan</vt:lpstr>
      <vt:lpstr>Build the Plan</vt:lpstr>
      <vt:lpstr>Build the Plan</vt:lpstr>
      <vt:lpstr>Sustain the Plan</vt:lpstr>
      <vt:lpstr>Rick Austin</vt:lpstr>
      <vt:lpstr>Take My slides with you... </vt:lpstr>
      <vt:lpstr>Appendix</vt:lpstr>
      <vt:lpstr>Portfolio tier</vt:lpstr>
      <vt:lpstr>PRoduct tier</vt:lpstr>
      <vt:lpstr>Delivery tier</vt:lpstr>
      <vt:lpstr>Epic Brief</vt:lpstr>
      <vt:lpstr>Additional Resource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Harriet Ayoade</dc:creator>
  <cp:keywords/>
  <dc:description/>
  <cp:lastModifiedBy>Rick Austin</cp:lastModifiedBy>
  <cp:revision>128</cp:revision>
  <dcterms:created xsi:type="dcterms:W3CDTF">2021-07-21T14:43:58Z</dcterms:created>
  <dcterms:modified xsi:type="dcterms:W3CDTF">2021-08-06T14:55:2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72cd5554-7392-48bb-a738-f0f968bd337e_Enabled">
    <vt:lpwstr>true</vt:lpwstr>
  </property>
  <property fmtid="{D5CDD505-2E9C-101B-9397-08002B2CF9AE}" pid="3" name="MSIP_Label_72cd5554-7392-48bb-a738-f0f968bd337e_SetDate">
    <vt:lpwstr>2020-07-07T20:34:09Z</vt:lpwstr>
  </property>
  <property fmtid="{D5CDD505-2E9C-101B-9397-08002B2CF9AE}" pid="4" name="MSIP_Label_72cd5554-7392-48bb-a738-f0f968bd337e_Method">
    <vt:lpwstr>Standard</vt:lpwstr>
  </property>
  <property fmtid="{D5CDD505-2E9C-101B-9397-08002B2CF9AE}" pid="5" name="MSIP_Label_72cd5554-7392-48bb-a738-f0f968bd337e_Name">
    <vt:lpwstr>72cd5554-7392-48bb-a738-f0f968bd337e</vt:lpwstr>
  </property>
  <property fmtid="{D5CDD505-2E9C-101B-9397-08002B2CF9AE}" pid="6" name="MSIP_Label_72cd5554-7392-48bb-a738-f0f968bd337e_SiteId">
    <vt:lpwstr>9fa4f438-b1e6-473b-803f-86f8aedf0dec</vt:lpwstr>
  </property>
  <property fmtid="{D5CDD505-2E9C-101B-9397-08002B2CF9AE}" pid="7" name="MSIP_Label_72cd5554-7392-48bb-a738-f0f968bd337e_ActionId">
    <vt:lpwstr>61071cd6-a4c3-49b1-97f4-000046a09fb7</vt:lpwstr>
  </property>
  <property fmtid="{D5CDD505-2E9C-101B-9397-08002B2CF9AE}" pid="8" name="MSIP_Label_72cd5554-7392-48bb-a738-f0f968bd337e_ContentBits">
    <vt:lpwstr>0</vt:lpwstr>
  </property>
  <property fmtid="{D5CDD505-2E9C-101B-9397-08002B2CF9AE}" pid="9" name="TemplafyTimeStamp">
    <vt:lpwstr>2021-06-11T12:02:59</vt:lpwstr>
  </property>
  <property fmtid="{D5CDD505-2E9C-101B-9397-08002B2CF9AE}" pid="10" name="TemplafyTenantId">
    <vt:lpwstr>leadingagile</vt:lpwstr>
  </property>
  <property fmtid="{D5CDD505-2E9C-101B-9397-08002B2CF9AE}" pid="11" name="TemplafyTemplateId">
    <vt:lpwstr>637590097764962990</vt:lpwstr>
  </property>
  <property fmtid="{D5CDD505-2E9C-101B-9397-08002B2CF9AE}" pid="12" name="TemplafyUserProfileId">
    <vt:lpwstr>637586814877211619</vt:lpwstr>
  </property>
  <property fmtid="{D5CDD505-2E9C-101B-9397-08002B2CF9AE}" pid="13" name="TemplafyFromBlank">
    <vt:bool>true</vt:bool>
  </property>
</Properties>
</file>